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4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drawings/drawing5.xml" ContentType="application/vnd.openxmlformats-officedocument.drawing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/>
  <mc:AlternateContent xmlns:mc="http://schemas.openxmlformats.org/markup-compatibility/2006">
    <mc:Choice Requires="x15">
      <x15ac:absPath xmlns:x15ac="http://schemas.microsoft.com/office/spreadsheetml/2010/11/ac" url="C:\Users\SchmiederLászlóTamás\Desktop\_Desktop_\komal\i685\03 Rajtik Sándor Barnabás\"/>
    </mc:Choice>
  </mc:AlternateContent>
  <xr:revisionPtr revIDLastSave="0" documentId="13_ncr:1_{E4045C1B-A03F-40EE-970C-C2D273B78B37}" xr6:coauthVersionLast="47" xr6:coauthVersionMax="47" xr10:uidLastSave="{00000000-0000-0000-0000-000000000000}"/>
  <bookViews>
    <workbookView xWindow="-120" yWindow="-120" windowWidth="38640" windowHeight="21120" activeTab="4" xr2:uid="{ADC71729-D4E9-44E8-9742-6D23FDB05FD4}"/>
  </bookViews>
  <sheets>
    <sheet name="Adatok" sheetId="1" r:id="rId1"/>
    <sheet name="1feladat" sheetId="2" r:id="rId2"/>
    <sheet name="2feladat" sheetId="3" r:id="rId3"/>
    <sheet name="3feladat" sheetId="4" r:id="rId4"/>
    <sheet name="4feladat" sheetId="5" r:id="rId5"/>
    <sheet name="5feladat" sheetId="6" r:id="rId6"/>
  </sheets>
  <definedNames>
    <definedName name="_xlnm._FilterDatabase" localSheetId="5" hidden="1">'5feladat'!$A$2:$A$300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" i="5" l="1"/>
  <c r="I4" i="5"/>
  <c r="I5" i="5"/>
  <c r="I6" i="5"/>
  <c r="I7" i="5"/>
  <c r="I8" i="5"/>
  <c r="I9" i="5"/>
  <c r="I10" i="5"/>
  <c r="I11" i="5"/>
  <c r="I12" i="5"/>
  <c r="I13" i="5"/>
  <c r="I14" i="5"/>
  <c r="I15" i="5"/>
  <c r="I16" i="5"/>
  <c r="I17" i="5"/>
  <c r="I18" i="5"/>
  <c r="I19" i="5"/>
  <c r="I20" i="5"/>
  <c r="I21" i="5"/>
  <c r="I2" i="5"/>
  <c r="H3" i="5"/>
  <c r="H4" i="5"/>
  <c r="H5" i="5"/>
  <c r="H6" i="5"/>
  <c r="H7" i="5"/>
  <c r="H8" i="5"/>
  <c r="H9" i="5"/>
  <c r="H10" i="5"/>
  <c r="H11" i="5"/>
  <c r="H12" i="5"/>
  <c r="H13" i="5"/>
  <c r="H14" i="5"/>
  <c r="H15" i="5"/>
  <c r="H16" i="5"/>
  <c r="H17" i="5"/>
  <c r="H18" i="5"/>
  <c r="H19" i="5"/>
  <c r="H20" i="5"/>
  <c r="H21" i="5"/>
  <c r="H2" i="5"/>
  <c r="G3" i="5"/>
  <c r="G4" i="5"/>
  <c r="G5" i="5"/>
  <c r="G6" i="5"/>
  <c r="G7" i="5"/>
  <c r="G8" i="5"/>
  <c r="G9" i="5"/>
  <c r="G10" i="5"/>
  <c r="G11" i="5"/>
  <c r="G12" i="5"/>
  <c r="G13" i="5"/>
  <c r="G14" i="5"/>
  <c r="G15" i="5"/>
  <c r="G16" i="5"/>
  <c r="G17" i="5"/>
  <c r="G18" i="5"/>
  <c r="G19" i="5"/>
  <c r="G20" i="5"/>
  <c r="G21" i="5"/>
  <c r="G2" i="5"/>
  <c r="G4" i="4"/>
  <c r="G5" i="4"/>
  <c r="G6" i="4"/>
  <c r="G3" i="4"/>
  <c r="G3" i="2"/>
  <c r="G4" i="2"/>
  <c r="G5" i="2"/>
  <c r="G6" i="2"/>
  <c r="G7" i="2"/>
  <c r="G8" i="2"/>
  <c r="G9" i="2"/>
  <c r="G10" i="2"/>
  <c r="G11" i="2"/>
  <c r="G12" i="2"/>
  <c r="G13" i="2"/>
  <c r="G14" i="2"/>
  <c r="G15" i="2"/>
  <c r="G16" i="2"/>
  <c r="G17" i="2"/>
  <c r="G18" i="2"/>
  <c r="G19" i="2"/>
  <c r="G20" i="2"/>
  <c r="G21" i="2"/>
  <c r="G22" i="2"/>
  <c r="G23" i="2"/>
  <c r="G24" i="2"/>
  <c r="G25" i="2"/>
  <c r="G26" i="2"/>
  <c r="G27" i="2"/>
  <c r="G28" i="2"/>
  <c r="G29" i="2"/>
  <c r="G30" i="2"/>
  <c r="G31" i="2"/>
  <c r="G32" i="2"/>
  <c r="G33" i="2"/>
  <c r="G34" i="2"/>
  <c r="G35" i="2"/>
  <c r="G36" i="2"/>
  <c r="G37" i="2"/>
  <c r="G38" i="2"/>
  <c r="G39" i="2"/>
  <c r="G40" i="2"/>
  <c r="G41" i="2"/>
  <c r="G42" i="2"/>
  <c r="G43" i="2"/>
  <c r="G44" i="2"/>
  <c r="G45" i="2"/>
  <c r="G46" i="2"/>
  <c r="G47" i="2"/>
  <c r="G48" i="2"/>
  <c r="G49" i="2"/>
  <c r="G50" i="2"/>
  <c r="G51" i="2"/>
  <c r="G52" i="2"/>
  <c r="G53" i="2"/>
  <c r="G54" i="2"/>
  <c r="G55" i="2"/>
  <c r="G56" i="2"/>
  <c r="G57" i="2"/>
  <c r="G58" i="2"/>
  <c r="G59" i="2"/>
  <c r="G60" i="2"/>
  <c r="G61" i="2"/>
  <c r="G62" i="2"/>
  <c r="G63" i="2"/>
  <c r="G64" i="2"/>
  <c r="G65" i="2"/>
  <c r="G66" i="2"/>
  <c r="G67" i="2"/>
  <c r="G68" i="2"/>
  <c r="G69" i="2"/>
  <c r="G70" i="2"/>
  <c r="G71" i="2"/>
  <c r="G72" i="2"/>
  <c r="G73" i="2"/>
  <c r="G74" i="2"/>
  <c r="G75" i="2"/>
  <c r="G76" i="2"/>
  <c r="G77" i="2"/>
  <c r="G78" i="2"/>
  <c r="G79" i="2"/>
  <c r="G80" i="2"/>
  <c r="G81" i="2"/>
  <c r="G82" i="2"/>
  <c r="G83" i="2"/>
  <c r="G84" i="2"/>
  <c r="G85" i="2"/>
  <c r="G86" i="2"/>
  <c r="G87" i="2"/>
  <c r="G88" i="2"/>
  <c r="G89" i="2"/>
  <c r="G90" i="2"/>
  <c r="G91" i="2"/>
  <c r="G92" i="2"/>
  <c r="G93" i="2"/>
  <c r="G94" i="2"/>
  <c r="G95" i="2"/>
  <c r="G96" i="2"/>
  <c r="G97" i="2"/>
  <c r="G98" i="2"/>
  <c r="G99" i="2"/>
  <c r="G100" i="2"/>
  <c r="G101" i="2"/>
  <c r="G102" i="2"/>
  <c r="G2" i="2"/>
  <c r="H3" i="2"/>
  <c r="H4" i="2"/>
  <c r="H5" i="2"/>
  <c r="H6" i="2"/>
  <c r="H7" i="2"/>
  <c r="H8" i="2"/>
  <c r="H9" i="2"/>
  <c r="H10" i="2"/>
  <c r="H11" i="2"/>
  <c r="H12" i="2"/>
  <c r="H13" i="2"/>
  <c r="H14" i="2"/>
  <c r="H15" i="2"/>
  <c r="H16" i="2"/>
  <c r="H17" i="2"/>
  <c r="H18" i="2"/>
  <c r="H19" i="2"/>
  <c r="H20" i="2"/>
  <c r="H21" i="2"/>
  <c r="H22" i="2"/>
  <c r="H23" i="2"/>
  <c r="H24" i="2"/>
  <c r="H25" i="2"/>
  <c r="H26" i="2"/>
  <c r="H27" i="2"/>
  <c r="H28" i="2"/>
  <c r="H29" i="2"/>
  <c r="H30" i="2"/>
  <c r="H31" i="2"/>
  <c r="H32" i="2"/>
  <c r="H33" i="2"/>
  <c r="H34" i="2"/>
  <c r="H35" i="2"/>
  <c r="H36" i="2"/>
  <c r="H37" i="2"/>
  <c r="H38" i="2"/>
  <c r="H39" i="2"/>
  <c r="H40" i="2"/>
  <c r="H41" i="2"/>
  <c r="H42" i="2"/>
  <c r="H43" i="2"/>
  <c r="H44" i="2"/>
  <c r="H45" i="2"/>
  <c r="H46" i="2"/>
  <c r="H47" i="2"/>
  <c r="H48" i="2"/>
  <c r="H49" i="2"/>
  <c r="H50" i="2"/>
  <c r="H51" i="2"/>
  <c r="H52" i="2"/>
  <c r="H53" i="2"/>
  <c r="H54" i="2"/>
  <c r="H55" i="2"/>
  <c r="H56" i="2"/>
  <c r="H57" i="2"/>
  <c r="H58" i="2"/>
  <c r="H59" i="2"/>
  <c r="H60" i="2"/>
  <c r="H61" i="2"/>
  <c r="H62" i="2"/>
  <c r="H63" i="2"/>
  <c r="H64" i="2"/>
  <c r="H65" i="2"/>
  <c r="H66" i="2"/>
  <c r="H67" i="2"/>
  <c r="H68" i="2"/>
  <c r="H69" i="2"/>
  <c r="H70" i="2"/>
  <c r="H71" i="2"/>
  <c r="H72" i="2"/>
  <c r="H73" i="2"/>
  <c r="H74" i="2"/>
  <c r="H75" i="2"/>
  <c r="H76" i="2"/>
  <c r="H77" i="2"/>
  <c r="H78" i="2"/>
  <c r="H79" i="2"/>
  <c r="H80" i="2"/>
  <c r="H81" i="2"/>
  <c r="H82" i="2"/>
  <c r="H83" i="2"/>
  <c r="H84" i="2"/>
  <c r="H85" i="2"/>
  <c r="H86" i="2"/>
  <c r="H87" i="2"/>
  <c r="H88" i="2"/>
  <c r="H89" i="2"/>
  <c r="H90" i="2"/>
  <c r="H91" i="2"/>
  <c r="H92" i="2"/>
  <c r="H93" i="2"/>
  <c r="H94" i="2"/>
  <c r="H95" i="2"/>
  <c r="H96" i="2"/>
  <c r="H97" i="2"/>
  <c r="H98" i="2"/>
  <c r="H99" i="2"/>
  <c r="H100" i="2"/>
  <c r="H101" i="2"/>
  <c r="H102" i="2"/>
  <c r="H2" i="2"/>
  <c r="M5" i="6"/>
  <c r="M6" i="6"/>
  <c r="M4" i="6"/>
  <c r="L5" i="6"/>
  <c r="L6" i="6"/>
  <c r="L4" i="6"/>
  <c r="D505" i="6"/>
  <c r="D506" i="6"/>
  <c r="D507" i="6"/>
  <c r="D508" i="6"/>
  <c r="D509" i="6"/>
  <c r="D510" i="6"/>
  <c r="D511" i="6"/>
  <c r="D512" i="6"/>
  <c r="D513" i="6"/>
  <c r="D514" i="6"/>
  <c r="D515" i="6"/>
  <c r="D516" i="6"/>
  <c r="D517" i="6"/>
  <c r="D518" i="6"/>
  <c r="D519" i="6"/>
  <c r="D520" i="6"/>
  <c r="D521" i="6"/>
  <c r="D522" i="6"/>
  <c r="D523" i="6"/>
  <c r="D524" i="6"/>
  <c r="D525" i="6"/>
  <c r="D526" i="6"/>
  <c r="D527" i="6"/>
  <c r="D528" i="6"/>
  <c r="D529" i="6"/>
  <c r="D530" i="6"/>
  <c r="D531" i="6"/>
  <c r="D532" i="6"/>
  <c r="D533" i="6"/>
  <c r="D534" i="6"/>
  <c r="D535" i="6"/>
  <c r="D536" i="6"/>
  <c r="D537" i="6"/>
  <c r="D538" i="6"/>
  <c r="D539" i="6"/>
  <c r="D540" i="6"/>
  <c r="D541" i="6"/>
  <c r="D542" i="6"/>
  <c r="D543" i="6"/>
  <c r="D544" i="6"/>
  <c r="D545" i="6"/>
  <c r="D546" i="6"/>
  <c r="D547" i="6"/>
  <c r="D548" i="6"/>
  <c r="D549" i="6"/>
  <c r="D550" i="6"/>
  <c r="D551" i="6"/>
  <c r="D552" i="6"/>
  <c r="D553" i="6"/>
  <c r="D554" i="6"/>
  <c r="D555" i="6"/>
  <c r="D556" i="6"/>
  <c r="D557" i="6"/>
  <c r="D558" i="6"/>
  <c r="D559" i="6"/>
  <c r="D560" i="6"/>
  <c r="D561" i="6"/>
  <c r="D562" i="6"/>
  <c r="D563" i="6"/>
  <c r="D564" i="6"/>
  <c r="D565" i="6"/>
  <c r="D566" i="6"/>
  <c r="D567" i="6"/>
  <c r="D568" i="6"/>
  <c r="D569" i="6"/>
  <c r="D570" i="6"/>
  <c r="D571" i="6"/>
  <c r="D572" i="6"/>
  <c r="D573" i="6"/>
  <c r="D574" i="6"/>
  <c r="D575" i="6"/>
  <c r="D576" i="6"/>
  <c r="D577" i="6"/>
  <c r="D578" i="6"/>
  <c r="D579" i="6"/>
  <c r="D580" i="6"/>
  <c r="D581" i="6"/>
  <c r="D582" i="6"/>
  <c r="D583" i="6"/>
  <c r="D584" i="6"/>
  <c r="D585" i="6"/>
  <c r="D586" i="6"/>
  <c r="D587" i="6"/>
  <c r="D588" i="6"/>
  <c r="D589" i="6"/>
  <c r="D590" i="6"/>
  <c r="D591" i="6"/>
  <c r="D592" i="6"/>
  <c r="D593" i="6"/>
  <c r="D594" i="6"/>
  <c r="D595" i="6"/>
  <c r="D596" i="6"/>
  <c r="D597" i="6"/>
  <c r="D598" i="6"/>
  <c r="D599" i="6"/>
  <c r="D600" i="6"/>
  <c r="D601" i="6"/>
  <c r="D602" i="6"/>
  <c r="D603" i="6"/>
  <c r="D604" i="6"/>
  <c r="D605" i="6"/>
  <c r="D606" i="6"/>
  <c r="D607" i="6"/>
  <c r="D608" i="6"/>
  <c r="D609" i="6"/>
  <c r="D610" i="6"/>
  <c r="D611" i="6"/>
  <c r="D612" i="6"/>
  <c r="D613" i="6"/>
  <c r="D614" i="6"/>
  <c r="D615" i="6"/>
  <c r="D616" i="6"/>
  <c r="D617" i="6"/>
  <c r="D618" i="6"/>
  <c r="D619" i="6"/>
  <c r="D620" i="6"/>
  <c r="D621" i="6"/>
  <c r="D622" i="6"/>
  <c r="D623" i="6"/>
  <c r="D624" i="6"/>
  <c r="D625" i="6"/>
  <c r="D626" i="6"/>
  <c r="D627" i="6"/>
  <c r="D628" i="6"/>
  <c r="D629" i="6"/>
  <c r="D630" i="6"/>
  <c r="D631" i="6"/>
  <c r="D632" i="6"/>
  <c r="D633" i="6"/>
  <c r="D634" i="6"/>
  <c r="D635" i="6"/>
  <c r="D636" i="6"/>
  <c r="D637" i="6"/>
  <c r="D638" i="6"/>
  <c r="D639" i="6"/>
  <c r="D640" i="6"/>
  <c r="D641" i="6"/>
  <c r="D642" i="6"/>
  <c r="D643" i="6"/>
  <c r="D644" i="6"/>
  <c r="D645" i="6"/>
  <c r="D646" i="6"/>
  <c r="D647" i="6"/>
  <c r="D648" i="6"/>
  <c r="D649" i="6"/>
  <c r="D650" i="6"/>
  <c r="D651" i="6"/>
  <c r="D652" i="6"/>
  <c r="D653" i="6"/>
  <c r="D654" i="6"/>
  <c r="D655" i="6"/>
  <c r="D656" i="6"/>
  <c r="D657" i="6"/>
  <c r="D658" i="6"/>
  <c r="D659" i="6"/>
  <c r="D660" i="6"/>
  <c r="D661" i="6"/>
  <c r="D662" i="6"/>
  <c r="D663" i="6"/>
  <c r="D664" i="6"/>
  <c r="D665" i="6"/>
  <c r="D666" i="6"/>
  <c r="D667" i="6"/>
  <c r="D668" i="6"/>
  <c r="D669" i="6"/>
  <c r="D670" i="6"/>
  <c r="D671" i="6"/>
  <c r="D672" i="6"/>
  <c r="D673" i="6"/>
  <c r="D674" i="6"/>
  <c r="D675" i="6"/>
  <c r="D676" i="6"/>
  <c r="D677" i="6"/>
  <c r="D678" i="6"/>
  <c r="D679" i="6"/>
  <c r="D680" i="6"/>
  <c r="D681" i="6"/>
  <c r="D682" i="6"/>
  <c r="D683" i="6"/>
  <c r="D684" i="6"/>
  <c r="D685" i="6"/>
  <c r="D686" i="6"/>
  <c r="D687" i="6"/>
  <c r="D688" i="6"/>
  <c r="D689" i="6"/>
  <c r="D690" i="6"/>
  <c r="D691" i="6"/>
  <c r="D692" i="6"/>
  <c r="D693" i="6"/>
  <c r="D694" i="6"/>
  <c r="D695" i="6"/>
  <c r="D696" i="6"/>
  <c r="D697" i="6"/>
  <c r="D698" i="6"/>
  <c r="D699" i="6"/>
  <c r="D700" i="6"/>
  <c r="D701" i="6"/>
  <c r="D702" i="6"/>
  <c r="D703" i="6"/>
  <c r="D704" i="6"/>
  <c r="D705" i="6"/>
  <c r="D706" i="6"/>
  <c r="D707" i="6"/>
  <c r="D708" i="6"/>
  <c r="D709" i="6"/>
  <c r="D710" i="6"/>
  <c r="D711" i="6"/>
  <c r="D712" i="6"/>
  <c r="D713" i="6"/>
  <c r="D714" i="6"/>
  <c r="D715" i="6"/>
  <c r="D716" i="6"/>
  <c r="D717" i="6"/>
  <c r="D718" i="6"/>
  <c r="D719" i="6"/>
  <c r="D720" i="6"/>
  <c r="D721" i="6"/>
  <c r="D722" i="6"/>
  <c r="D723" i="6"/>
  <c r="D724" i="6"/>
  <c r="D725" i="6"/>
  <c r="D726" i="6"/>
  <c r="D727" i="6"/>
  <c r="D728" i="6"/>
  <c r="D729" i="6"/>
  <c r="D730" i="6"/>
  <c r="D731" i="6"/>
  <c r="D732" i="6"/>
  <c r="D733" i="6"/>
  <c r="D734" i="6"/>
  <c r="D735" i="6"/>
  <c r="D736" i="6"/>
  <c r="D737" i="6"/>
  <c r="D738" i="6"/>
  <c r="D739" i="6"/>
  <c r="D740" i="6"/>
  <c r="D741" i="6"/>
  <c r="D742" i="6"/>
  <c r="D743" i="6"/>
  <c r="D744" i="6"/>
  <c r="D745" i="6"/>
  <c r="D746" i="6"/>
  <c r="D747" i="6"/>
  <c r="D748" i="6"/>
  <c r="D749" i="6"/>
  <c r="D750" i="6"/>
  <c r="D751" i="6"/>
  <c r="D752" i="6"/>
  <c r="D753" i="6"/>
  <c r="D754" i="6"/>
  <c r="D755" i="6"/>
  <c r="D756" i="6"/>
  <c r="D757" i="6"/>
  <c r="D758" i="6"/>
  <c r="D759" i="6"/>
  <c r="D760" i="6"/>
  <c r="D761" i="6"/>
  <c r="D762" i="6"/>
  <c r="D763" i="6"/>
  <c r="D764" i="6"/>
  <c r="D765" i="6"/>
  <c r="D766" i="6"/>
  <c r="D767" i="6"/>
  <c r="D768" i="6"/>
  <c r="D769" i="6"/>
  <c r="D770" i="6"/>
  <c r="D771" i="6"/>
  <c r="D772" i="6"/>
  <c r="D773" i="6"/>
  <c r="D774" i="6"/>
  <c r="D775" i="6"/>
  <c r="D776" i="6"/>
  <c r="D777" i="6"/>
  <c r="D778" i="6"/>
  <c r="D779" i="6"/>
  <c r="D780" i="6"/>
  <c r="D781" i="6"/>
  <c r="D782" i="6"/>
  <c r="D783" i="6"/>
  <c r="D784" i="6"/>
  <c r="D785" i="6"/>
  <c r="D786" i="6"/>
  <c r="D787" i="6"/>
  <c r="D788" i="6"/>
  <c r="D789" i="6"/>
  <c r="D790" i="6"/>
  <c r="D791" i="6"/>
  <c r="D792" i="6"/>
  <c r="D793" i="6"/>
  <c r="D794" i="6"/>
  <c r="D795" i="6"/>
  <c r="D796" i="6"/>
  <c r="D797" i="6"/>
  <c r="D798" i="6"/>
  <c r="D799" i="6"/>
  <c r="D800" i="6"/>
  <c r="D801" i="6"/>
  <c r="D802" i="6"/>
  <c r="D803" i="6"/>
  <c r="D804" i="6"/>
  <c r="D805" i="6"/>
  <c r="D806" i="6"/>
  <c r="D807" i="6"/>
  <c r="D808" i="6"/>
  <c r="D809" i="6"/>
  <c r="D810" i="6"/>
  <c r="D811" i="6"/>
  <c r="D812" i="6"/>
  <c r="D813" i="6"/>
  <c r="D814" i="6"/>
  <c r="D815" i="6"/>
  <c r="D816" i="6"/>
  <c r="D817" i="6"/>
  <c r="D818" i="6"/>
  <c r="D819" i="6"/>
  <c r="D820" i="6"/>
  <c r="D821" i="6"/>
  <c r="D822" i="6"/>
  <c r="D823" i="6"/>
  <c r="D824" i="6"/>
  <c r="D825" i="6"/>
  <c r="D826" i="6"/>
  <c r="D827" i="6"/>
  <c r="D828" i="6"/>
  <c r="D829" i="6"/>
  <c r="D830" i="6"/>
  <c r="D831" i="6"/>
  <c r="D832" i="6"/>
  <c r="D833" i="6"/>
  <c r="D834" i="6"/>
  <c r="D835" i="6"/>
  <c r="D836" i="6"/>
  <c r="D837" i="6"/>
  <c r="D838" i="6"/>
  <c r="D839" i="6"/>
  <c r="D840" i="6"/>
  <c r="D841" i="6"/>
  <c r="D842" i="6"/>
  <c r="D843" i="6"/>
  <c r="D844" i="6"/>
  <c r="D845" i="6"/>
  <c r="D846" i="6"/>
  <c r="D847" i="6"/>
  <c r="D848" i="6"/>
  <c r="D849" i="6"/>
  <c r="D850" i="6"/>
  <c r="D851" i="6"/>
  <c r="D852" i="6"/>
  <c r="D853" i="6"/>
  <c r="D854" i="6"/>
  <c r="D855" i="6"/>
  <c r="D856" i="6"/>
  <c r="D857" i="6"/>
  <c r="D858" i="6"/>
  <c r="D859" i="6"/>
  <c r="D860" i="6"/>
  <c r="D861" i="6"/>
  <c r="D862" i="6"/>
  <c r="D863" i="6"/>
  <c r="D864" i="6"/>
  <c r="D865" i="6"/>
  <c r="D866" i="6"/>
  <c r="D867" i="6"/>
  <c r="D868" i="6"/>
  <c r="D869" i="6"/>
  <c r="D870" i="6"/>
  <c r="D871" i="6"/>
  <c r="D872" i="6"/>
  <c r="D873" i="6"/>
  <c r="D874" i="6"/>
  <c r="D875" i="6"/>
  <c r="D876" i="6"/>
  <c r="D877" i="6"/>
  <c r="D878" i="6"/>
  <c r="D879" i="6"/>
  <c r="D880" i="6"/>
  <c r="D881" i="6"/>
  <c r="D882" i="6"/>
  <c r="D883" i="6"/>
  <c r="D884" i="6"/>
  <c r="D885" i="6"/>
  <c r="D886" i="6"/>
  <c r="D887" i="6"/>
  <c r="D888" i="6"/>
  <c r="D889" i="6"/>
  <c r="D890" i="6"/>
  <c r="D891" i="6"/>
  <c r="D892" i="6"/>
  <c r="D893" i="6"/>
  <c r="D894" i="6"/>
  <c r="D895" i="6"/>
  <c r="D896" i="6"/>
  <c r="D897" i="6"/>
  <c r="D898" i="6"/>
  <c r="D899" i="6"/>
  <c r="D900" i="6"/>
  <c r="D901" i="6"/>
  <c r="D902" i="6"/>
  <c r="D903" i="6"/>
  <c r="D904" i="6"/>
  <c r="D905" i="6"/>
  <c r="D906" i="6"/>
  <c r="D907" i="6"/>
  <c r="D908" i="6"/>
  <c r="D909" i="6"/>
  <c r="D910" i="6"/>
  <c r="D911" i="6"/>
  <c r="D912" i="6"/>
  <c r="D913" i="6"/>
  <c r="D914" i="6"/>
  <c r="D915" i="6"/>
  <c r="D916" i="6"/>
  <c r="D917" i="6"/>
  <c r="D918" i="6"/>
  <c r="D919" i="6"/>
  <c r="D920" i="6"/>
  <c r="D921" i="6"/>
  <c r="D922" i="6"/>
  <c r="D923" i="6"/>
  <c r="D924" i="6"/>
  <c r="D925" i="6"/>
  <c r="D926" i="6"/>
  <c r="D927" i="6"/>
  <c r="D928" i="6"/>
  <c r="D929" i="6"/>
  <c r="D930" i="6"/>
  <c r="D931" i="6"/>
  <c r="D932" i="6"/>
  <c r="D933" i="6"/>
  <c r="D934" i="6"/>
  <c r="D935" i="6"/>
  <c r="D936" i="6"/>
  <c r="D937" i="6"/>
  <c r="D938" i="6"/>
  <c r="D939" i="6"/>
  <c r="D940" i="6"/>
  <c r="D941" i="6"/>
  <c r="D942" i="6"/>
  <c r="D943" i="6"/>
  <c r="D944" i="6"/>
  <c r="D945" i="6"/>
  <c r="D946" i="6"/>
  <c r="D947" i="6"/>
  <c r="D948" i="6"/>
  <c r="D949" i="6"/>
  <c r="D950" i="6"/>
  <c r="D951" i="6"/>
  <c r="D952" i="6"/>
  <c r="D953" i="6"/>
  <c r="D954" i="6"/>
  <c r="D955" i="6"/>
  <c r="D956" i="6"/>
  <c r="D957" i="6"/>
  <c r="D958" i="6"/>
  <c r="D959" i="6"/>
  <c r="D960" i="6"/>
  <c r="D961" i="6"/>
  <c r="D962" i="6"/>
  <c r="D963" i="6"/>
  <c r="D964" i="6"/>
  <c r="D965" i="6"/>
  <c r="D966" i="6"/>
  <c r="D967" i="6"/>
  <c r="D968" i="6"/>
  <c r="D969" i="6"/>
  <c r="D970" i="6"/>
  <c r="D971" i="6"/>
  <c r="D972" i="6"/>
  <c r="D973" i="6"/>
  <c r="D974" i="6"/>
  <c r="D975" i="6"/>
  <c r="D976" i="6"/>
  <c r="D977" i="6"/>
  <c r="D978" i="6"/>
  <c r="D979" i="6"/>
  <c r="D980" i="6"/>
  <c r="D981" i="6"/>
  <c r="D982" i="6"/>
  <c r="D983" i="6"/>
  <c r="D984" i="6"/>
  <c r="D985" i="6"/>
  <c r="D986" i="6"/>
  <c r="D987" i="6"/>
  <c r="D988" i="6"/>
  <c r="D989" i="6"/>
  <c r="D990" i="6"/>
  <c r="D991" i="6"/>
  <c r="D992" i="6"/>
  <c r="D993" i="6"/>
  <c r="D994" i="6"/>
  <c r="D995" i="6"/>
  <c r="D996" i="6"/>
  <c r="D997" i="6"/>
  <c r="D998" i="6"/>
  <c r="D999" i="6"/>
  <c r="D1000" i="6"/>
  <c r="D1001" i="6"/>
  <c r="D1002" i="6"/>
  <c r="D1003" i="6"/>
  <c r="D1004" i="6"/>
  <c r="D1005" i="6"/>
  <c r="D1006" i="6"/>
  <c r="D1007" i="6"/>
  <c r="D1008" i="6"/>
  <c r="D1009" i="6"/>
  <c r="D1010" i="6"/>
  <c r="D1011" i="6"/>
  <c r="D1012" i="6"/>
  <c r="D1013" i="6"/>
  <c r="D1014" i="6"/>
  <c r="D1015" i="6"/>
  <c r="D1016" i="6"/>
  <c r="D1017" i="6"/>
  <c r="D1018" i="6"/>
  <c r="D1019" i="6"/>
  <c r="D1020" i="6"/>
  <c r="D1021" i="6"/>
  <c r="D1022" i="6"/>
  <c r="D1023" i="6"/>
  <c r="D1024" i="6"/>
  <c r="D1025" i="6"/>
  <c r="D1026" i="6"/>
  <c r="D1027" i="6"/>
  <c r="D1028" i="6"/>
  <c r="D1029" i="6"/>
  <c r="D1030" i="6"/>
  <c r="D1031" i="6"/>
  <c r="D1032" i="6"/>
  <c r="D1033" i="6"/>
  <c r="D1034" i="6"/>
  <c r="D1035" i="6"/>
  <c r="D1036" i="6"/>
  <c r="D1037" i="6"/>
  <c r="D1038" i="6"/>
  <c r="D1039" i="6"/>
  <c r="D1040" i="6"/>
  <c r="D1041" i="6"/>
  <c r="D1042" i="6"/>
  <c r="D1043" i="6"/>
  <c r="D1044" i="6"/>
  <c r="D1045" i="6"/>
  <c r="D1046" i="6"/>
  <c r="D1047" i="6"/>
  <c r="D1048" i="6"/>
  <c r="D1049" i="6"/>
  <c r="D1050" i="6"/>
  <c r="D1051" i="6"/>
  <c r="D1052" i="6"/>
  <c r="D1053" i="6"/>
  <c r="D1054" i="6"/>
  <c r="D1055" i="6"/>
  <c r="D1056" i="6"/>
  <c r="D1057" i="6"/>
  <c r="D1058" i="6"/>
  <c r="D1059" i="6"/>
  <c r="D1060" i="6"/>
  <c r="D1061" i="6"/>
  <c r="D1062" i="6"/>
  <c r="D1063" i="6"/>
  <c r="D1064" i="6"/>
  <c r="D1065" i="6"/>
  <c r="D1066" i="6"/>
  <c r="D1067" i="6"/>
  <c r="D1068" i="6"/>
  <c r="D1069" i="6"/>
  <c r="D1070" i="6"/>
  <c r="D1071" i="6"/>
  <c r="D1072" i="6"/>
  <c r="D1073" i="6"/>
  <c r="D1074" i="6"/>
  <c r="D1075" i="6"/>
  <c r="D1076" i="6"/>
  <c r="D1077" i="6"/>
  <c r="D1078" i="6"/>
  <c r="D1079" i="6"/>
  <c r="D1080" i="6"/>
  <c r="D1081" i="6"/>
  <c r="D1082" i="6"/>
  <c r="D1083" i="6"/>
  <c r="D1084" i="6"/>
  <c r="D1085" i="6"/>
  <c r="D1086" i="6"/>
  <c r="D1087" i="6"/>
  <c r="D1088" i="6"/>
  <c r="D1089" i="6"/>
  <c r="D1090" i="6"/>
  <c r="D1091" i="6"/>
  <c r="D1092" i="6"/>
  <c r="D1093" i="6"/>
  <c r="D1094" i="6"/>
  <c r="D1095" i="6"/>
  <c r="D1096" i="6"/>
  <c r="D1097" i="6"/>
  <c r="D1098" i="6"/>
  <c r="D1099" i="6"/>
  <c r="D1100" i="6"/>
  <c r="D1101" i="6"/>
  <c r="D1102" i="6"/>
  <c r="D1103" i="6"/>
  <c r="D1104" i="6"/>
  <c r="D1105" i="6"/>
  <c r="D1106" i="6"/>
  <c r="D1107" i="6"/>
  <c r="D1108" i="6"/>
  <c r="D1109" i="6"/>
  <c r="D1110" i="6"/>
  <c r="D1111" i="6"/>
  <c r="D1112" i="6"/>
  <c r="D1113" i="6"/>
  <c r="D1114" i="6"/>
  <c r="D1115" i="6"/>
  <c r="D1116" i="6"/>
  <c r="D1117" i="6"/>
  <c r="D1118" i="6"/>
  <c r="D1119" i="6"/>
  <c r="D1120" i="6"/>
  <c r="D1121" i="6"/>
  <c r="D1122" i="6"/>
  <c r="D1123" i="6"/>
  <c r="D1124" i="6"/>
  <c r="D1125" i="6"/>
  <c r="D1126" i="6"/>
  <c r="D1127" i="6"/>
  <c r="D1128" i="6"/>
  <c r="D1129" i="6"/>
  <c r="D1130" i="6"/>
  <c r="D1131" i="6"/>
  <c r="D1132" i="6"/>
  <c r="D1133" i="6"/>
  <c r="D1134" i="6"/>
  <c r="D1135" i="6"/>
  <c r="D1136" i="6"/>
  <c r="D1137" i="6"/>
  <c r="D1138" i="6"/>
  <c r="D1139" i="6"/>
  <c r="D1140" i="6"/>
  <c r="D1141" i="6"/>
  <c r="D1142" i="6"/>
  <c r="D1143" i="6"/>
  <c r="D1144" i="6"/>
  <c r="D1145" i="6"/>
  <c r="D1146" i="6"/>
  <c r="D1147" i="6"/>
  <c r="D1148" i="6"/>
  <c r="D1149" i="6"/>
  <c r="D1150" i="6"/>
  <c r="D1151" i="6"/>
  <c r="D1152" i="6"/>
  <c r="D1153" i="6"/>
  <c r="D1154" i="6"/>
  <c r="D1155" i="6"/>
  <c r="D1156" i="6"/>
  <c r="D1157" i="6"/>
  <c r="D1158" i="6"/>
  <c r="D1159" i="6"/>
  <c r="D1160" i="6"/>
  <c r="D1161" i="6"/>
  <c r="D1162" i="6"/>
  <c r="D1163" i="6"/>
  <c r="D1164" i="6"/>
  <c r="D1165" i="6"/>
  <c r="D1166" i="6"/>
  <c r="D1167" i="6"/>
  <c r="D1168" i="6"/>
  <c r="D1169" i="6"/>
  <c r="D1170" i="6"/>
  <c r="D1171" i="6"/>
  <c r="D1172" i="6"/>
  <c r="D1173" i="6"/>
  <c r="D1174" i="6"/>
  <c r="D1175" i="6"/>
  <c r="D1176" i="6"/>
  <c r="D1177" i="6"/>
  <c r="D1178" i="6"/>
  <c r="D1179" i="6"/>
  <c r="D1180" i="6"/>
  <c r="D1181" i="6"/>
  <c r="D1182" i="6"/>
  <c r="D1183" i="6"/>
  <c r="D1184" i="6"/>
  <c r="D1185" i="6"/>
  <c r="D1186" i="6"/>
  <c r="D1187" i="6"/>
  <c r="D1188" i="6"/>
  <c r="D1189" i="6"/>
  <c r="D1190" i="6"/>
  <c r="D1191" i="6"/>
  <c r="D1192" i="6"/>
  <c r="D1193" i="6"/>
  <c r="D1194" i="6"/>
  <c r="D1195" i="6"/>
  <c r="D1196" i="6"/>
  <c r="D1197" i="6"/>
  <c r="D1198" i="6"/>
  <c r="D1199" i="6"/>
  <c r="D1200" i="6"/>
  <c r="D1201" i="6"/>
  <c r="D1202" i="6"/>
  <c r="D1203" i="6"/>
  <c r="D1204" i="6"/>
  <c r="D1205" i="6"/>
  <c r="D1206" i="6"/>
  <c r="D1207" i="6"/>
  <c r="D1208" i="6"/>
  <c r="D1209" i="6"/>
  <c r="D1210" i="6"/>
  <c r="D1211" i="6"/>
  <c r="D1212" i="6"/>
  <c r="D1213" i="6"/>
  <c r="D1214" i="6"/>
  <c r="D1215" i="6"/>
  <c r="D1216" i="6"/>
  <c r="D1217" i="6"/>
  <c r="D1218" i="6"/>
  <c r="D1219" i="6"/>
  <c r="D1220" i="6"/>
  <c r="D1221" i="6"/>
  <c r="D1222" i="6"/>
  <c r="D1223" i="6"/>
  <c r="D1224" i="6"/>
  <c r="D1225" i="6"/>
  <c r="D1226" i="6"/>
  <c r="D1227" i="6"/>
  <c r="D1228" i="6"/>
  <c r="D1229" i="6"/>
  <c r="D1230" i="6"/>
  <c r="D1231" i="6"/>
  <c r="D1232" i="6"/>
  <c r="D1233" i="6"/>
  <c r="D1234" i="6"/>
  <c r="D1235" i="6"/>
  <c r="D1236" i="6"/>
  <c r="D1237" i="6"/>
  <c r="D1238" i="6"/>
  <c r="D1239" i="6"/>
  <c r="D1240" i="6"/>
  <c r="D1241" i="6"/>
  <c r="D1242" i="6"/>
  <c r="D1243" i="6"/>
  <c r="D1244" i="6"/>
  <c r="D1245" i="6"/>
  <c r="D1246" i="6"/>
  <c r="D1247" i="6"/>
  <c r="D1248" i="6"/>
  <c r="D1249" i="6"/>
  <c r="D1250" i="6"/>
  <c r="D1251" i="6"/>
  <c r="D1252" i="6"/>
  <c r="D1253" i="6"/>
  <c r="D1254" i="6"/>
  <c r="D1255" i="6"/>
  <c r="D1256" i="6"/>
  <c r="D1257" i="6"/>
  <c r="D1258" i="6"/>
  <c r="D1259" i="6"/>
  <c r="D1260" i="6"/>
  <c r="D1261" i="6"/>
  <c r="D1262" i="6"/>
  <c r="D1263" i="6"/>
  <c r="D1264" i="6"/>
  <c r="D1265" i="6"/>
  <c r="D1266" i="6"/>
  <c r="D1267" i="6"/>
  <c r="D1268" i="6"/>
  <c r="D1269" i="6"/>
  <c r="D1270" i="6"/>
  <c r="D1271" i="6"/>
  <c r="D1272" i="6"/>
  <c r="D1273" i="6"/>
  <c r="D1274" i="6"/>
  <c r="D1275" i="6"/>
  <c r="D1276" i="6"/>
  <c r="D1277" i="6"/>
  <c r="D1278" i="6"/>
  <c r="D1279" i="6"/>
  <c r="D1280" i="6"/>
  <c r="D1281" i="6"/>
  <c r="D1282" i="6"/>
  <c r="D1283" i="6"/>
  <c r="D1284" i="6"/>
  <c r="D1285" i="6"/>
  <c r="D1286" i="6"/>
  <c r="D1287" i="6"/>
  <c r="D1288" i="6"/>
  <c r="D1289" i="6"/>
  <c r="D1290" i="6"/>
  <c r="D1291" i="6"/>
  <c r="D1292" i="6"/>
  <c r="D1293" i="6"/>
  <c r="D1294" i="6"/>
  <c r="D1295" i="6"/>
  <c r="D1296" i="6"/>
  <c r="D1297" i="6"/>
  <c r="D1298" i="6"/>
  <c r="D1299" i="6"/>
  <c r="D1300" i="6"/>
  <c r="D1301" i="6"/>
  <c r="D1302" i="6"/>
  <c r="D1303" i="6"/>
  <c r="D1304" i="6"/>
  <c r="D1305" i="6"/>
  <c r="D1306" i="6"/>
  <c r="D1307" i="6"/>
  <c r="D1308" i="6"/>
  <c r="D1309" i="6"/>
  <c r="D1310" i="6"/>
  <c r="D1311" i="6"/>
  <c r="D1312" i="6"/>
  <c r="D1313" i="6"/>
  <c r="D1314" i="6"/>
  <c r="D1315" i="6"/>
  <c r="D1316" i="6"/>
  <c r="D1317" i="6"/>
  <c r="D1318" i="6"/>
  <c r="D1319" i="6"/>
  <c r="D1320" i="6"/>
  <c r="D1321" i="6"/>
  <c r="D1322" i="6"/>
  <c r="D1323" i="6"/>
  <c r="D1324" i="6"/>
  <c r="D1325" i="6"/>
  <c r="D1326" i="6"/>
  <c r="D1327" i="6"/>
  <c r="D1328" i="6"/>
  <c r="D1329" i="6"/>
  <c r="D1330" i="6"/>
  <c r="D1331" i="6"/>
  <c r="D1332" i="6"/>
  <c r="D1333" i="6"/>
  <c r="D1334" i="6"/>
  <c r="D1335" i="6"/>
  <c r="D1336" i="6"/>
  <c r="D1337" i="6"/>
  <c r="D1338" i="6"/>
  <c r="D1339" i="6"/>
  <c r="D1340" i="6"/>
  <c r="D1341" i="6"/>
  <c r="D1342" i="6"/>
  <c r="D1343" i="6"/>
  <c r="D1344" i="6"/>
  <c r="D1345" i="6"/>
  <c r="D1346" i="6"/>
  <c r="D1347" i="6"/>
  <c r="D1348" i="6"/>
  <c r="D1349" i="6"/>
  <c r="D1350" i="6"/>
  <c r="D1351" i="6"/>
  <c r="D1352" i="6"/>
  <c r="D1353" i="6"/>
  <c r="D1354" i="6"/>
  <c r="D1355" i="6"/>
  <c r="D1356" i="6"/>
  <c r="D1357" i="6"/>
  <c r="D1358" i="6"/>
  <c r="D1359" i="6"/>
  <c r="D1360" i="6"/>
  <c r="D1361" i="6"/>
  <c r="D1362" i="6"/>
  <c r="D1363" i="6"/>
  <c r="D1364" i="6"/>
  <c r="D1365" i="6"/>
  <c r="D1366" i="6"/>
  <c r="D1367" i="6"/>
  <c r="D1368" i="6"/>
  <c r="D1369" i="6"/>
  <c r="D1370" i="6"/>
  <c r="D1371" i="6"/>
  <c r="D1372" i="6"/>
  <c r="D1373" i="6"/>
  <c r="D1374" i="6"/>
  <c r="D1375" i="6"/>
  <c r="D1376" i="6"/>
  <c r="D1377" i="6"/>
  <c r="D1378" i="6"/>
  <c r="D1379" i="6"/>
  <c r="D1380" i="6"/>
  <c r="D1381" i="6"/>
  <c r="D1382" i="6"/>
  <c r="D1383" i="6"/>
  <c r="D1384" i="6"/>
  <c r="D1385" i="6"/>
  <c r="D1386" i="6"/>
  <c r="D1387" i="6"/>
  <c r="D1388" i="6"/>
  <c r="D1389" i="6"/>
  <c r="D1390" i="6"/>
  <c r="D1391" i="6"/>
  <c r="D1392" i="6"/>
  <c r="D1393" i="6"/>
  <c r="D1394" i="6"/>
  <c r="D1395" i="6"/>
  <c r="D1396" i="6"/>
  <c r="D1397" i="6"/>
  <c r="D1398" i="6"/>
  <c r="D1399" i="6"/>
  <c r="D1400" i="6"/>
  <c r="D1401" i="6"/>
  <c r="D1402" i="6"/>
  <c r="D1403" i="6"/>
  <c r="D1404" i="6"/>
  <c r="D1405" i="6"/>
  <c r="D1406" i="6"/>
  <c r="D1407" i="6"/>
  <c r="D1408" i="6"/>
  <c r="D1409" i="6"/>
  <c r="D1410" i="6"/>
  <c r="D1411" i="6"/>
  <c r="D1412" i="6"/>
  <c r="D1413" i="6"/>
  <c r="D1414" i="6"/>
  <c r="D1415" i="6"/>
  <c r="D1416" i="6"/>
  <c r="D1417" i="6"/>
  <c r="D1418" i="6"/>
  <c r="D1419" i="6"/>
  <c r="D1420" i="6"/>
  <c r="D1421" i="6"/>
  <c r="D1422" i="6"/>
  <c r="D1423" i="6"/>
  <c r="D1424" i="6"/>
  <c r="D1425" i="6"/>
  <c r="D1426" i="6"/>
  <c r="D1427" i="6"/>
  <c r="D1428" i="6"/>
  <c r="D1429" i="6"/>
  <c r="D1430" i="6"/>
  <c r="D1431" i="6"/>
  <c r="D1432" i="6"/>
  <c r="D1433" i="6"/>
  <c r="D1434" i="6"/>
  <c r="D1435" i="6"/>
  <c r="D1436" i="6"/>
  <c r="D1437" i="6"/>
  <c r="D1438" i="6"/>
  <c r="D1439" i="6"/>
  <c r="D1440" i="6"/>
  <c r="D1441" i="6"/>
  <c r="D1442" i="6"/>
  <c r="D1443" i="6"/>
  <c r="D1444" i="6"/>
  <c r="D1445" i="6"/>
  <c r="D1446" i="6"/>
  <c r="D1447" i="6"/>
  <c r="D1448" i="6"/>
  <c r="D1449" i="6"/>
  <c r="D1450" i="6"/>
  <c r="D1451" i="6"/>
  <c r="D1452" i="6"/>
  <c r="D1453" i="6"/>
  <c r="D1454" i="6"/>
  <c r="D1455" i="6"/>
  <c r="D1456" i="6"/>
  <c r="D1457" i="6"/>
  <c r="D1458" i="6"/>
  <c r="D1459" i="6"/>
  <c r="D1460" i="6"/>
  <c r="D1461" i="6"/>
  <c r="D1462" i="6"/>
  <c r="D1463" i="6"/>
  <c r="D1464" i="6"/>
  <c r="D1465" i="6"/>
  <c r="D1466" i="6"/>
  <c r="D1467" i="6"/>
  <c r="D1468" i="6"/>
  <c r="D1469" i="6"/>
  <c r="D1470" i="6"/>
  <c r="D1471" i="6"/>
  <c r="D1472" i="6"/>
  <c r="D1473" i="6"/>
  <c r="D1474" i="6"/>
  <c r="D1475" i="6"/>
  <c r="D1476" i="6"/>
  <c r="D1477" i="6"/>
  <c r="D1478" i="6"/>
  <c r="D1479" i="6"/>
  <c r="D1480" i="6"/>
  <c r="D1481" i="6"/>
  <c r="D1482" i="6"/>
  <c r="D1483" i="6"/>
  <c r="D1484" i="6"/>
  <c r="D1485" i="6"/>
  <c r="D1486" i="6"/>
  <c r="D1487" i="6"/>
  <c r="D1488" i="6"/>
  <c r="D1489" i="6"/>
  <c r="D1490" i="6"/>
  <c r="D1491" i="6"/>
  <c r="D1492" i="6"/>
  <c r="D1493" i="6"/>
  <c r="D1494" i="6"/>
  <c r="D1495" i="6"/>
  <c r="D1496" i="6"/>
  <c r="D1497" i="6"/>
  <c r="D1498" i="6"/>
  <c r="D1499" i="6"/>
  <c r="D1500" i="6"/>
  <c r="D1501" i="6"/>
  <c r="D1502" i="6"/>
  <c r="D1503" i="6"/>
  <c r="D1504" i="6"/>
  <c r="D1505" i="6"/>
  <c r="D1506" i="6"/>
  <c r="D1507" i="6"/>
  <c r="D1508" i="6"/>
  <c r="D1509" i="6"/>
  <c r="D1510" i="6"/>
  <c r="D1511" i="6"/>
  <c r="D1512" i="6"/>
  <c r="D1513" i="6"/>
  <c r="D1514" i="6"/>
  <c r="D1515" i="6"/>
  <c r="D1516" i="6"/>
  <c r="D1517" i="6"/>
  <c r="D1518" i="6"/>
  <c r="D1519" i="6"/>
  <c r="D1520" i="6"/>
  <c r="D1521" i="6"/>
  <c r="D1522" i="6"/>
  <c r="D1523" i="6"/>
  <c r="D1524" i="6"/>
  <c r="D1525" i="6"/>
  <c r="D1526" i="6"/>
  <c r="D1527" i="6"/>
  <c r="D1528" i="6"/>
  <c r="D1529" i="6"/>
  <c r="D1530" i="6"/>
  <c r="D1531" i="6"/>
  <c r="D1532" i="6"/>
  <c r="D1533" i="6"/>
  <c r="D1534" i="6"/>
  <c r="D1535" i="6"/>
  <c r="D1536" i="6"/>
  <c r="D1537" i="6"/>
  <c r="D1538" i="6"/>
  <c r="D1539" i="6"/>
  <c r="D1540" i="6"/>
  <c r="D1541" i="6"/>
  <c r="D1542" i="6"/>
  <c r="D1543" i="6"/>
  <c r="D1544" i="6"/>
  <c r="D1545" i="6"/>
  <c r="D1546" i="6"/>
  <c r="D1547" i="6"/>
  <c r="D1548" i="6"/>
  <c r="D1549" i="6"/>
  <c r="D1550" i="6"/>
  <c r="D1551" i="6"/>
  <c r="D1552" i="6"/>
  <c r="D1553" i="6"/>
  <c r="D1554" i="6"/>
  <c r="D1555" i="6"/>
  <c r="D1556" i="6"/>
  <c r="D1557" i="6"/>
  <c r="D1558" i="6"/>
  <c r="D1559" i="6"/>
  <c r="D1560" i="6"/>
  <c r="D1561" i="6"/>
  <c r="D1562" i="6"/>
  <c r="D1563" i="6"/>
  <c r="D1564" i="6"/>
  <c r="D1565" i="6"/>
  <c r="D1566" i="6"/>
  <c r="D1567" i="6"/>
  <c r="D1568" i="6"/>
  <c r="D1569" i="6"/>
  <c r="D1570" i="6"/>
  <c r="D1571" i="6"/>
  <c r="D1572" i="6"/>
  <c r="D1573" i="6"/>
  <c r="D1574" i="6"/>
  <c r="D1575" i="6"/>
  <c r="D1576" i="6"/>
  <c r="D1577" i="6"/>
  <c r="D1578" i="6"/>
  <c r="D1579" i="6"/>
  <c r="D1580" i="6"/>
  <c r="D1581" i="6"/>
  <c r="D1582" i="6"/>
  <c r="D1583" i="6"/>
  <c r="D1584" i="6"/>
  <c r="D1585" i="6"/>
  <c r="D1586" i="6"/>
  <c r="D1587" i="6"/>
  <c r="D1588" i="6"/>
  <c r="D1589" i="6"/>
  <c r="D1590" i="6"/>
  <c r="D1591" i="6"/>
  <c r="D1592" i="6"/>
  <c r="D1593" i="6"/>
  <c r="D1594" i="6"/>
  <c r="D1595" i="6"/>
  <c r="D1596" i="6"/>
  <c r="D1597" i="6"/>
  <c r="D1598" i="6"/>
  <c r="D1599" i="6"/>
  <c r="D1600" i="6"/>
  <c r="D1601" i="6"/>
  <c r="D1602" i="6"/>
  <c r="D1603" i="6"/>
  <c r="D1604" i="6"/>
  <c r="D1605" i="6"/>
  <c r="D1606" i="6"/>
  <c r="D1607" i="6"/>
  <c r="D1608" i="6"/>
  <c r="D1609" i="6"/>
  <c r="D1610" i="6"/>
  <c r="D1611" i="6"/>
  <c r="D1612" i="6"/>
  <c r="D1613" i="6"/>
  <c r="D1614" i="6"/>
  <c r="D1615" i="6"/>
  <c r="D1616" i="6"/>
  <c r="D1617" i="6"/>
  <c r="D1618" i="6"/>
  <c r="D1619" i="6"/>
  <c r="D1620" i="6"/>
  <c r="D1621" i="6"/>
  <c r="D1622" i="6"/>
  <c r="D1623" i="6"/>
  <c r="D1624" i="6"/>
  <c r="D1625" i="6"/>
  <c r="D1626" i="6"/>
  <c r="D1627" i="6"/>
  <c r="D1628" i="6"/>
  <c r="D1629" i="6"/>
  <c r="D1630" i="6"/>
  <c r="D1631" i="6"/>
  <c r="D1632" i="6"/>
  <c r="D1633" i="6"/>
  <c r="D1634" i="6"/>
  <c r="D1635" i="6"/>
  <c r="D1636" i="6"/>
  <c r="D1637" i="6"/>
  <c r="D1638" i="6"/>
  <c r="D1639" i="6"/>
  <c r="D1640" i="6"/>
  <c r="D1641" i="6"/>
  <c r="D1642" i="6"/>
  <c r="D1643" i="6"/>
  <c r="D1644" i="6"/>
  <c r="D1645" i="6"/>
  <c r="D1646" i="6"/>
  <c r="D1647" i="6"/>
  <c r="D1648" i="6"/>
  <c r="D1649" i="6"/>
  <c r="D1650" i="6"/>
  <c r="D1651" i="6"/>
  <c r="D1652" i="6"/>
  <c r="D1653" i="6"/>
  <c r="D1654" i="6"/>
  <c r="D1655" i="6"/>
  <c r="D1656" i="6"/>
  <c r="D1657" i="6"/>
  <c r="D1658" i="6"/>
  <c r="D1659" i="6"/>
  <c r="D1660" i="6"/>
  <c r="D1661" i="6"/>
  <c r="D1662" i="6"/>
  <c r="D1663" i="6"/>
  <c r="D1664" i="6"/>
  <c r="D1665" i="6"/>
  <c r="D1666" i="6"/>
  <c r="D1667" i="6"/>
  <c r="D1668" i="6"/>
  <c r="D1669" i="6"/>
  <c r="D1670" i="6"/>
  <c r="D1671" i="6"/>
  <c r="D1672" i="6"/>
  <c r="D1673" i="6"/>
  <c r="D1674" i="6"/>
  <c r="D1675" i="6"/>
  <c r="D1676" i="6"/>
  <c r="D1677" i="6"/>
  <c r="D1678" i="6"/>
  <c r="D1679" i="6"/>
  <c r="D1680" i="6"/>
  <c r="D1681" i="6"/>
  <c r="D1682" i="6"/>
  <c r="D1683" i="6"/>
  <c r="D1684" i="6"/>
  <c r="D1685" i="6"/>
  <c r="D1686" i="6"/>
  <c r="D1687" i="6"/>
  <c r="D1688" i="6"/>
  <c r="D1689" i="6"/>
  <c r="D1690" i="6"/>
  <c r="D1691" i="6"/>
  <c r="D1692" i="6"/>
  <c r="D1693" i="6"/>
  <c r="D1694" i="6"/>
  <c r="D1695" i="6"/>
  <c r="D1696" i="6"/>
  <c r="D1697" i="6"/>
  <c r="D1698" i="6"/>
  <c r="D1699" i="6"/>
  <c r="D1700" i="6"/>
  <c r="D1701" i="6"/>
  <c r="D1702" i="6"/>
  <c r="D1703" i="6"/>
  <c r="D1704" i="6"/>
  <c r="D1705" i="6"/>
  <c r="D1706" i="6"/>
  <c r="D1707" i="6"/>
  <c r="D1708" i="6"/>
  <c r="D1709" i="6"/>
  <c r="D1710" i="6"/>
  <c r="D1711" i="6"/>
  <c r="D1712" i="6"/>
  <c r="D1713" i="6"/>
  <c r="D1714" i="6"/>
  <c r="D1715" i="6"/>
  <c r="D1716" i="6"/>
  <c r="D1717" i="6"/>
  <c r="D1718" i="6"/>
  <c r="D1719" i="6"/>
  <c r="D1720" i="6"/>
  <c r="D1721" i="6"/>
  <c r="D1722" i="6"/>
  <c r="D1723" i="6"/>
  <c r="D1724" i="6"/>
  <c r="D1725" i="6"/>
  <c r="D1726" i="6"/>
  <c r="D1727" i="6"/>
  <c r="D1728" i="6"/>
  <c r="D1729" i="6"/>
  <c r="D1730" i="6"/>
  <c r="D1731" i="6"/>
  <c r="D1732" i="6"/>
  <c r="D1733" i="6"/>
  <c r="D1734" i="6"/>
  <c r="D1735" i="6"/>
  <c r="D1736" i="6"/>
  <c r="D1737" i="6"/>
  <c r="D1738" i="6"/>
  <c r="D1739" i="6"/>
  <c r="D1740" i="6"/>
  <c r="D1741" i="6"/>
  <c r="D1742" i="6"/>
  <c r="D1743" i="6"/>
  <c r="D1744" i="6"/>
  <c r="D1745" i="6"/>
  <c r="D1746" i="6"/>
  <c r="D1747" i="6"/>
  <c r="D1748" i="6"/>
  <c r="D1749" i="6"/>
  <c r="D1750" i="6"/>
  <c r="D1751" i="6"/>
  <c r="D1752" i="6"/>
  <c r="D1753" i="6"/>
  <c r="D1754" i="6"/>
  <c r="D1755" i="6"/>
  <c r="D1756" i="6"/>
  <c r="D1757" i="6"/>
  <c r="D1758" i="6"/>
  <c r="D1759" i="6"/>
  <c r="D1760" i="6"/>
  <c r="D1761" i="6"/>
  <c r="D1762" i="6"/>
  <c r="D1763" i="6"/>
  <c r="D1764" i="6"/>
  <c r="D1765" i="6"/>
  <c r="D1766" i="6"/>
  <c r="D1767" i="6"/>
  <c r="D1768" i="6"/>
  <c r="D1769" i="6"/>
  <c r="D1770" i="6"/>
  <c r="D1771" i="6"/>
  <c r="D1772" i="6"/>
  <c r="D1773" i="6"/>
  <c r="D1774" i="6"/>
  <c r="D1775" i="6"/>
  <c r="D1776" i="6"/>
  <c r="D1777" i="6"/>
  <c r="D1778" i="6"/>
  <c r="D1779" i="6"/>
  <c r="D1780" i="6"/>
  <c r="D1781" i="6"/>
  <c r="D1782" i="6"/>
  <c r="D1783" i="6"/>
  <c r="D1784" i="6"/>
  <c r="D1785" i="6"/>
  <c r="D1786" i="6"/>
  <c r="D1787" i="6"/>
  <c r="D1788" i="6"/>
  <c r="D1789" i="6"/>
  <c r="D1790" i="6"/>
  <c r="D1791" i="6"/>
  <c r="D1792" i="6"/>
  <c r="D1793" i="6"/>
  <c r="D1794" i="6"/>
  <c r="D1795" i="6"/>
  <c r="D1796" i="6"/>
  <c r="D1797" i="6"/>
  <c r="D1798" i="6"/>
  <c r="D1799" i="6"/>
  <c r="D1800" i="6"/>
  <c r="D1801" i="6"/>
  <c r="D1802" i="6"/>
  <c r="D1803" i="6"/>
  <c r="D1804" i="6"/>
  <c r="D1805" i="6"/>
  <c r="D1806" i="6"/>
  <c r="D1807" i="6"/>
  <c r="D1808" i="6"/>
  <c r="D1809" i="6"/>
  <c r="D1810" i="6"/>
  <c r="D1811" i="6"/>
  <c r="D1812" i="6"/>
  <c r="D1813" i="6"/>
  <c r="D1814" i="6"/>
  <c r="D1815" i="6"/>
  <c r="D1816" i="6"/>
  <c r="D1817" i="6"/>
  <c r="D1818" i="6"/>
  <c r="D1819" i="6"/>
  <c r="D1820" i="6"/>
  <c r="D1821" i="6"/>
  <c r="D1822" i="6"/>
  <c r="D1823" i="6"/>
  <c r="D1824" i="6"/>
  <c r="D1825" i="6"/>
  <c r="D1826" i="6"/>
  <c r="D1827" i="6"/>
  <c r="D1828" i="6"/>
  <c r="D1829" i="6"/>
  <c r="D1830" i="6"/>
  <c r="D1831" i="6"/>
  <c r="D1832" i="6"/>
  <c r="D1833" i="6"/>
  <c r="D1834" i="6"/>
  <c r="D1835" i="6"/>
  <c r="D1836" i="6"/>
  <c r="D1837" i="6"/>
  <c r="D1838" i="6"/>
  <c r="D1839" i="6"/>
  <c r="D1840" i="6"/>
  <c r="D1841" i="6"/>
  <c r="D1842" i="6"/>
  <c r="D1843" i="6"/>
  <c r="D1844" i="6"/>
  <c r="D1845" i="6"/>
  <c r="D1846" i="6"/>
  <c r="D1847" i="6"/>
  <c r="D1848" i="6"/>
  <c r="D1849" i="6"/>
  <c r="D1850" i="6"/>
  <c r="D1851" i="6"/>
  <c r="D1852" i="6"/>
  <c r="D1853" i="6"/>
  <c r="D1854" i="6"/>
  <c r="D1855" i="6"/>
  <c r="D1856" i="6"/>
  <c r="D1857" i="6"/>
  <c r="D1858" i="6"/>
  <c r="D1859" i="6"/>
  <c r="D1860" i="6"/>
  <c r="D1861" i="6"/>
  <c r="D1862" i="6"/>
  <c r="D1863" i="6"/>
  <c r="D1864" i="6"/>
  <c r="D1865" i="6"/>
  <c r="D1866" i="6"/>
  <c r="D1867" i="6"/>
  <c r="D1868" i="6"/>
  <c r="D1869" i="6"/>
  <c r="D1870" i="6"/>
  <c r="D1871" i="6"/>
  <c r="D1872" i="6"/>
  <c r="D1873" i="6"/>
  <c r="D1874" i="6"/>
  <c r="D1875" i="6"/>
  <c r="D1876" i="6"/>
  <c r="D1877" i="6"/>
  <c r="D1878" i="6"/>
  <c r="D1879" i="6"/>
  <c r="D1880" i="6"/>
  <c r="D1881" i="6"/>
  <c r="D1882" i="6"/>
  <c r="D1883" i="6"/>
  <c r="D1884" i="6"/>
  <c r="D1885" i="6"/>
  <c r="D1886" i="6"/>
  <c r="D1887" i="6"/>
  <c r="D1888" i="6"/>
  <c r="D1889" i="6"/>
  <c r="D1890" i="6"/>
  <c r="D1891" i="6"/>
  <c r="D1892" i="6"/>
  <c r="D1893" i="6"/>
  <c r="D1894" i="6"/>
  <c r="D1895" i="6"/>
  <c r="D1896" i="6"/>
  <c r="D1897" i="6"/>
  <c r="D1898" i="6"/>
  <c r="D1899" i="6"/>
  <c r="D1900" i="6"/>
  <c r="D1901" i="6"/>
  <c r="D1902" i="6"/>
  <c r="D1903" i="6"/>
  <c r="D1904" i="6"/>
  <c r="D1905" i="6"/>
  <c r="D1906" i="6"/>
  <c r="D1907" i="6"/>
  <c r="D1908" i="6"/>
  <c r="D1909" i="6"/>
  <c r="D1910" i="6"/>
  <c r="D1911" i="6"/>
  <c r="D1912" i="6"/>
  <c r="D1913" i="6"/>
  <c r="D1914" i="6"/>
  <c r="D1915" i="6"/>
  <c r="D1916" i="6"/>
  <c r="D1917" i="6"/>
  <c r="D1918" i="6"/>
  <c r="D1919" i="6"/>
  <c r="D1920" i="6"/>
  <c r="D1921" i="6"/>
  <c r="D1922" i="6"/>
  <c r="D1923" i="6"/>
  <c r="D1924" i="6"/>
  <c r="D1925" i="6"/>
  <c r="D1926" i="6"/>
  <c r="D1927" i="6"/>
  <c r="D1928" i="6"/>
  <c r="D1929" i="6"/>
  <c r="D1930" i="6"/>
  <c r="D1931" i="6"/>
  <c r="D1932" i="6"/>
  <c r="D1933" i="6"/>
  <c r="D1934" i="6"/>
  <c r="D1935" i="6"/>
  <c r="D1936" i="6"/>
  <c r="D1937" i="6"/>
  <c r="D1938" i="6"/>
  <c r="D1939" i="6"/>
  <c r="D1940" i="6"/>
  <c r="D1941" i="6"/>
  <c r="D1942" i="6"/>
  <c r="D1943" i="6"/>
  <c r="D1944" i="6"/>
  <c r="D1945" i="6"/>
  <c r="D1946" i="6"/>
  <c r="D1947" i="6"/>
  <c r="D1948" i="6"/>
  <c r="D1949" i="6"/>
  <c r="D1950" i="6"/>
  <c r="D1951" i="6"/>
  <c r="D1952" i="6"/>
  <c r="D1953" i="6"/>
  <c r="D1954" i="6"/>
  <c r="D1955" i="6"/>
  <c r="D1956" i="6"/>
  <c r="D1957" i="6"/>
  <c r="D1958" i="6"/>
  <c r="D1959" i="6"/>
  <c r="D1960" i="6"/>
  <c r="D1961" i="6"/>
  <c r="D1962" i="6"/>
  <c r="D1963" i="6"/>
  <c r="D1964" i="6"/>
  <c r="D1965" i="6"/>
  <c r="D1966" i="6"/>
  <c r="D1967" i="6"/>
  <c r="D1968" i="6"/>
  <c r="D1969" i="6"/>
  <c r="D1970" i="6"/>
  <c r="D1971" i="6"/>
  <c r="D1972" i="6"/>
  <c r="D1973" i="6"/>
  <c r="D1974" i="6"/>
  <c r="D1975" i="6"/>
  <c r="D1976" i="6"/>
  <c r="D1977" i="6"/>
  <c r="D1978" i="6"/>
  <c r="D1979" i="6"/>
  <c r="D1980" i="6"/>
  <c r="D1981" i="6"/>
  <c r="D1982" i="6"/>
  <c r="D1983" i="6"/>
  <c r="D1984" i="6"/>
  <c r="D1985" i="6"/>
  <c r="D1986" i="6"/>
  <c r="D1987" i="6"/>
  <c r="D1988" i="6"/>
  <c r="D1989" i="6"/>
  <c r="D1990" i="6"/>
  <c r="D1991" i="6"/>
  <c r="D1992" i="6"/>
  <c r="D1993" i="6"/>
  <c r="D1994" i="6"/>
  <c r="D1995" i="6"/>
  <c r="D1996" i="6"/>
  <c r="D1997" i="6"/>
  <c r="D1998" i="6"/>
  <c r="D1999" i="6"/>
  <c r="D2000" i="6"/>
  <c r="D2001" i="6"/>
  <c r="D2002" i="6"/>
  <c r="D2003" i="6"/>
  <c r="D2004" i="6"/>
  <c r="D2005" i="6"/>
  <c r="D2006" i="6"/>
  <c r="D2007" i="6"/>
  <c r="D2008" i="6"/>
  <c r="D2009" i="6"/>
  <c r="D2010" i="6"/>
  <c r="D2011" i="6"/>
  <c r="D2012" i="6"/>
  <c r="D2013" i="6"/>
  <c r="D2014" i="6"/>
  <c r="D2015" i="6"/>
  <c r="D2016" i="6"/>
  <c r="D2017" i="6"/>
  <c r="D2018" i="6"/>
  <c r="D2019" i="6"/>
  <c r="D2020" i="6"/>
  <c r="D2021" i="6"/>
  <c r="D2022" i="6"/>
  <c r="D2023" i="6"/>
  <c r="D2024" i="6"/>
  <c r="D2025" i="6"/>
  <c r="D2026" i="6"/>
  <c r="D2027" i="6"/>
  <c r="D2028" i="6"/>
  <c r="D2029" i="6"/>
  <c r="D2030" i="6"/>
  <c r="D2031" i="6"/>
  <c r="D2032" i="6"/>
  <c r="D2033" i="6"/>
  <c r="D2034" i="6"/>
  <c r="D2035" i="6"/>
  <c r="D2036" i="6"/>
  <c r="D2037" i="6"/>
  <c r="D2038" i="6"/>
  <c r="D2039" i="6"/>
  <c r="D2040" i="6"/>
  <c r="D2041" i="6"/>
  <c r="D2042" i="6"/>
  <c r="D2043" i="6"/>
  <c r="D2044" i="6"/>
  <c r="D2045" i="6"/>
  <c r="D2046" i="6"/>
  <c r="D2047" i="6"/>
  <c r="D2048" i="6"/>
  <c r="D2049" i="6"/>
  <c r="D2050" i="6"/>
  <c r="D2051" i="6"/>
  <c r="D2052" i="6"/>
  <c r="D2053" i="6"/>
  <c r="D2054" i="6"/>
  <c r="D2055" i="6"/>
  <c r="D2056" i="6"/>
  <c r="D2057" i="6"/>
  <c r="D2058" i="6"/>
  <c r="D2059" i="6"/>
  <c r="D2060" i="6"/>
  <c r="D2061" i="6"/>
  <c r="D2062" i="6"/>
  <c r="D2063" i="6"/>
  <c r="D2064" i="6"/>
  <c r="D2065" i="6"/>
  <c r="D2066" i="6"/>
  <c r="D2067" i="6"/>
  <c r="D2068" i="6"/>
  <c r="D2069" i="6"/>
  <c r="D2070" i="6"/>
  <c r="D2071" i="6"/>
  <c r="D2072" i="6"/>
  <c r="D2073" i="6"/>
  <c r="D2074" i="6"/>
  <c r="D2075" i="6"/>
  <c r="D2076" i="6"/>
  <c r="D2077" i="6"/>
  <c r="D2078" i="6"/>
  <c r="D2079" i="6"/>
  <c r="D2080" i="6"/>
  <c r="D2081" i="6"/>
  <c r="D2082" i="6"/>
  <c r="D2083" i="6"/>
  <c r="D2084" i="6"/>
  <c r="D2085" i="6"/>
  <c r="D2086" i="6"/>
  <c r="D2087" i="6"/>
  <c r="D2088" i="6"/>
  <c r="D2089" i="6"/>
  <c r="D2090" i="6"/>
  <c r="D2091" i="6"/>
  <c r="D2092" i="6"/>
  <c r="D2093" i="6"/>
  <c r="D2094" i="6"/>
  <c r="D2095" i="6"/>
  <c r="D2096" i="6"/>
  <c r="D2097" i="6"/>
  <c r="D2098" i="6"/>
  <c r="D2099" i="6"/>
  <c r="D2100" i="6"/>
  <c r="D2101" i="6"/>
  <c r="D2102" i="6"/>
  <c r="D2103" i="6"/>
  <c r="D2104" i="6"/>
  <c r="D2105" i="6"/>
  <c r="D2106" i="6"/>
  <c r="D2107" i="6"/>
  <c r="D2108" i="6"/>
  <c r="D2109" i="6"/>
  <c r="D2110" i="6"/>
  <c r="D2111" i="6"/>
  <c r="D2112" i="6"/>
  <c r="D2113" i="6"/>
  <c r="D2114" i="6"/>
  <c r="D2115" i="6"/>
  <c r="D2116" i="6"/>
  <c r="D2117" i="6"/>
  <c r="D2118" i="6"/>
  <c r="D2119" i="6"/>
  <c r="D2120" i="6"/>
  <c r="D2121" i="6"/>
  <c r="D2122" i="6"/>
  <c r="D2123" i="6"/>
  <c r="D2124" i="6"/>
  <c r="D2125" i="6"/>
  <c r="D2126" i="6"/>
  <c r="D2127" i="6"/>
  <c r="D2128" i="6"/>
  <c r="D2129" i="6"/>
  <c r="D2130" i="6"/>
  <c r="D2131" i="6"/>
  <c r="D2132" i="6"/>
  <c r="D2133" i="6"/>
  <c r="D2134" i="6"/>
  <c r="D2135" i="6"/>
  <c r="D2136" i="6"/>
  <c r="D2137" i="6"/>
  <c r="D2138" i="6"/>
  <c r="D2139" i="6"/>
  <c r="D2140" i="6"/>
  <c r="D2141" i="6"/>
  <c r="D2142" i="6"/>
  <c r="D2143" i="6"/>
  <c r="D2144" i="6"/>
  <c r="D2145" i="6"/>
  <c r="D2146" i="6"/>
  <c r="D2147" i="6"/>
  <c r="D2148" i="6"/>
  <c r="D2149" i="6"/>
  <c r="D2150" i="6"/>
  <c r="D2151" i="6"/>
  <c r="D2152" i="6"/>
  <c r="D2153" i="6"/>
  <c r="D2154" i="6"/>
  <c r="D2155" i="6"/>
  <c r="D2156" i="6"/>
  <c r="D2157" i="6"/>
  <c r="D2158" i="6"/>
  <c r="D2159" i="6"/>
  <c r="D2160" i="6"/>
  <c r="D2161" i="6"/>
  <c r="D2162" i="6"/>
  <c r="D2163" i="6"/>
  <c r="D2164" i="6"/>
  <c r="D2165" i="6"/>
  <c r="D2166" i="6"/>
  <c r="D2167" i="6"/>
  <c r="D2168" i="6"/>
  <c r="D2169" i="6"/>
  <c r="D2170" i="6"/>
  <c r="D2171" i="6"/>
  <c r="D2172" i="6"/>
  <c r="D2173" i="6"/>
  <c r="D2174" i="6"/>
  <c r="D2175" i="6"/>
  <c r="D2176" i="6"/>
  <c r="D2177" i="6"/>
  <c r="D2178" i="6"/>
  <c r="D2179" i="6"/>
  <c r="D2180" i="6"/>
  <c r="D2181" i="6"/>
  <c r="D2182" i="6"/>
  <c r="D2183" i="6"/>
  <c r="D2184" i="6"/>
  <c r="D2185" i="6"/>
  <c r="D2186" i="6"/>
  <c r="D2187" i="6"/>
  <c r="D2188" i="6"/>
  <c r="D2189" i="6"/>
  <c r="D2190" i="6"/>
  <c r="D2191" i="6"/>
  <c r="D2192" i="6"/>
  <c r="D2193" i="6"/>
  <c r="D2194" i="6"/>
  <c r="D2195" i="6"/>
  <c r="D2196" i="6"/>
  <c r="D2197" i="6"/>
  <c r="D2198" i="6"/>
  <c r="D2199" i="6"/>
  <c r="D2200" i="6"/>
  <c r="D2201" i="6"/>
  <c r="D2202" i="6"/>
  <c r="D2203" i="6"/>
  <c r="D2204" i="6"/>
  <c r="D2205" i="6"/>
  <c r="D2206" i="6"/>
  <c r="D2207" i="6"/>
  <c r="D2208" i="6"/>
  <c r="D2209" i="6"/>
  <c r="D2210" i="6"/>
  <c r="D2211" i="6"/>
  <c r="D2212" i="6"/>
  <c r="D2213" i="6"/>
  <c r="D2214" i="6"/>
  <c r="D2215" i="6"/>
  <c r="D2216" i="6"/>
  <c r="D2217" i="6"/>
  <c r="D2218" i="6"/>
  <c r="D2219" i="6"/>
  <c r="D2220" i="6"/>
  <c r="D2221" i="6"/>
  <c r="D2222" i="6"/>
  <c r="D2223" i="6"/>
  <c r="D2224" i="6"/>
  <c r="D2225" i="6"/>
  <c r="D2226" i="6"/>
  <c r="D2227" i="6"/>
  <c r="D2228" i="6"/>
  <c r="D2229" i="6"/>
  <c r="D2230" i="6"/>
  <c r="D2231" i="6"/>
  <c r="D2232" i="6"/>
  <c r="D2233" i="6"/>
  <c r="D2234" i="6"/>
  <c r="D2235" i="6"/>
  <c r="D2236" i="6"/>
  <c r="D2237" i="6"/>
  <c r="D2238" i="6"/>
  <c r="D2239" i="6"/>
  <c r="D2240" i="6"/>
  <c r="D2241" i="6"/>
  <c r="D2242" i="6"/>
  <c r="D2243" i="6"/>
  <c r="D2244" i="6"/>
  <c r="D2245" i="6"/>
  <c r="D2246" i="6"/>
  <c r="D2247" i="6"/>
  <c r="D2248" i="6"/>
  <c r="D2249" i="6"/>
  <c r="D2250" i="6"/>
  <c r="D2251" i="6"/>
  <c r="D2252" i="6"/>
  <c r="D2253" i="6"/>
  <c r="D2254" i="6"/>
  <c r="D2255" i="6"/>
  <c r="D2256" i="6"/>
  <c r="D2257" i="6"/>
  <c r="D2258" i="6"/>
  <c r="D2259" i="6"/>
  <c r="D2260" i="6"/>
  <c r="D2261" i="6"/>
  <c r="D2262" i="6"/>
  <c r="D2263" i="6"/>
  <c r="D2264" i="6"/>
  <c r="D2265" i="6"/>
  <c r="D2266" i="6"/>
  <c r="D2267" i="6"/>
  <c r="D2268" i="6"/>
  <c r="D2269" i="6"/>
  <c r="D2270" i="6"/>
  <c r="D2271" i="6"/>
  <c r="D2272" i="6"/>
  <c r="D2273" i="6"/>
  <c r="D2274" i="6"/>
  <c r="D2275" i="6"/>
  <c r="D2276" i="6"/>
  <c r="D2277" i="6"/>
  <c r="D2278" i="6"/>
  <c r="D2279" i="6"/>
  <c r="D2280" i="6"/>
  <c r="D2281" i="6"/>
  <c r="D2282" i="6"/>
  <c r="D2283" i="6"/>
  <c r="D2284" i="6"/>
  <c r="D2285" i="6"/>
  <c r="D2286" i="6"/>
  <c r="D2287" i="6"/>
  <c r="D2288" i="6"/>
  <c r="D2289" i="6"/>
  <c r="D2290" i="6"/>
  <c r="D2291" i="6"/>
  <c r="D2292" i="6"/>
  <c r="D2293" i="6"/>
  <c r="D2294" i="6"/>
  <c r="D2295" i="6"/>
  <c r="D2296" i="6"/>
  <c r="D2297" i="6"/>
  <c r="D2298" i="6"/>
  <c r="D2299" i="6"/>
  <c r="D2300" i="6"/>
  <c r="D2301" i="6"/>
  <c r="D2302" i="6"/>
  <c r="D2303" i="6"/>
  <c r="D2304" i="6"/>
  <c r="D2305" i="6"/>
  <c r="D2306" i="6"/>
  <c r="D2307" i="6"/>
  <c r="D2308" i="6"/>
  <c r="D2309" i="6"/>
  <c r="D2310" i="6"/>
  <c r="D2311" i="6"/>
  <c r="D2312" i="6"/>
  <c r="D2313" i="6"/>
  <c r="D2314" i="6"/>
  <c r="D2315" i="6"/>
  <c r="D2316" i="6"/>
  <c r="D2317" i="6"/>
  <c r="D2318" i="6"/>
  <c r="D2319" i="6"/>
  <c r="D2320" i="6"/>
  <c r="D2321" i="6"/>
  <c r="D2322" i="6"/>
  <c r="D2323" i="6"/>
  <c r="D2324" i="6"/>
  <c r="D2325" i="6"/>
  <c r="D2326" i="6"/>
  <c r="D2327" i="6"/>
  <c r="D2328" i="6"/>
  <c r="D2329" i="6"/>
  <c r="D2330" i="6"/>
  <c r="D2331" i="6"/>
  <c r="D2332" i="6"/>
  <c r="D2333" i="6"/>
  <c r="D2334" i="6"/>
  <c r="D2335" i="6"/>
  <c r="D2336" i="6"/>
  <c r="D2337" i="6"/>
  <c r="D2338" i="6"/>
  <c r="D2339" i="6"/>
  <c r="D2340" i="6"/>
  <c r="D2341" i="6"/>
  <c r="D2342" i="6"/>
  <c r="D2343" i="6"/>
  <c r="D2344" i="6"/>
  <c r="D2345" i="6"/>
  <c r="D2346" i="6"/>
  <c r="D2347" i="6"/>
  <c r="D2348" i="6"/>
  <c r="D2349" i="6"/>
  <c r="D2350" i="6"/>
  <c r="D2351" i="6"/>
  <c r="D2352" i="6"/>
  <c r="D2353" i="6"/>
  <c r="D2354" i="6"/>
  <c r="D2355" i="6"/>
  <c r="D2356" i="6"/>
  <c r="D2357" i="6"/>
  <c r="D2358" i="6"/>
  <c r="D2359" i="6"/>
  <c r="D2360" i="6"/>
  <c r="D2361" i="6"/>
  <c r="D2362" i="6"/>
  <c r="D2363" i="6"/>
  <c r="D2364" i="6"/>
  <c r="D2365" i="6"/>
  <c r="D2366" i="6"/>
  <c r="D2367" i="6"/>
  <c r="D2368" i="6"/>
  <c r="D2369" i="6"/>
  <c r="D2370" i="6"/>
  <c r="D2371" i="6"/>
  <c r="D2372" i="6"/>
  <c r="D2373" i="6"/>
  <c r="D2374" i="6"/>
  <c r="D2375" i="6"/>
  <c r="D2376" i="6"/>
  <c r="D2377" i="6"/>
  <c r="D2378" i="6"/>
  <c r="D2379" i="6"/>
  <c r="D2380" i="6"/>
  <c r="D2381" i="6"/>
  <c r="D2382" i="6"/>
  <c r="D2383" i="6"/>
  <c r="D2384" i="6"/>
  <c r="D2385" i="6"/>
  <c r="D2386" i="6"/>
  <c r="D2387" i="6"/>
  <c r="D2388" i="6"/>
  <c r="D2389" i="6"/>
  <c r="D2390" i="6"/>
  <c r="D2391" i="6"/>
  <c r="D2392" i="6"/>
  <c r="D2393" i="6"/>
  <c r="D2394" i="6"/>
  <c r="D2395" i="6"/>
  <c r="D2396" i="6"/>
  <c r="D2397" i="6"/>
  <c r="D2398" i="6"/>
  <c r="D2399" i="6"/>
  <c r="D2400" i="6"/>
  <c r="D2401" i="6"/>
  <c r="D2402" i="6"/>
  <c r="D2403" i="6"/>
  <c r="D2404" i="6"/>
  <c r="D2405" i="6"/>
  <c r="D2406" i="6"/>
  <c r="D2407" i="6"/>
  <c r="D2408" i="6"/>
  <c r="D2409" i="6"/>
  <c r="D2410" i="6"/>
  <c r="D2411" i="6"/>
  <c r="D2412" i="6"/>
  <c r="D2413" i="6"/>
  <c r="D2414" i="6"/>
  <c r="D2415" i="6"/>
  <c r="D2416" i="6"/>
  <c r="D2417" i="6"/>
  <c r="D2418" i="6"/>
  <c r="D2419" i="6"/>
  <c r="D2420" i="6"/>
  <c r="D2421" i="6"/>
  <c r="D2422" i="6"/>
  <c r="D2423" i="6"/>
  <c r="D2424" i="6"/>
  <c r="D2425" i="6"/>
  <c r="D2426" i="6"/>
  <c r="D2427" i="6"/>
  <c r="D2428" i="6"/>
  <c r="D2429" i="6"/>
  <c r="D2430" i="6"/>
  <c r="D2431" i="6"/>
  <c r="D2432" i="6"/>
  <c r="D2433" i="6"/>
  <c r="D2434" i="6"/>
  <c r="D2435" i="6"/>
  <c r="D2436" i="6"/>
  <c r="D2437" i="6"/>
  <c r="D2438" i="6"/>
  <c r="D2439" i="6"/>
  <c r="D2440" i="6"/>
  <c r="D2441" i="6"/>
  <c r="D2442" i="6"/>
  <c r="D2443" i="6"/>
  <c r="D2444" i="6"/>
  <c r="D2445" i="6"/>
  <c r="D2446" i="6"/>
  <c r="D2447" i="6"/>
  <c r="D2448" i="6"/>
  <c r="D2449" i="6"/>
  <c r="D2450" i="6"/>
  <c r="D2451" i="6"/>
  <c r="D2452" i="6"/>
  <c r="D2453" i="6"/>
  <c r="D2454" i="6"/>
  <c r="D2455" i="6"/>
  <c r="D2456" i="6"/>
  <c r="D2457" i="6"/>
  <c r="D2458" i="6"/>
  <c r="D2459" i="6"/>
  <c r="D2460" i="6"/>
  <c r="D2461" i="6"/>
  <c r="D2462" i="6"/>
  <c r="D2463" i="6"/>
  <c r="D2464" i="6"/>
  <c r="D2465" i="6"/>
  <c r="D2466" i="6"/>
  <c r="D2467" i="6"/>
  <c r="D2468" i="6"/>
  <c r="D2469" i="6"/>
  <c r="D2470" i="6"/>
  <c r="D2471" i="6"/>
  <c r="D2472" i="6"/>
  <c r="D2473" i="6"/>
  <c r="D2474" i="6"/>
  <c r="D2475" i="6"/>
  <c r="D2476" i="6"/>
  <c r="D2477" i="6"/>
  <c r="D2478" i="6"/>
  <c r="D2479" i="6"/>
  <c r="D2480" i="6"/>
  <c r="D2481" i="6"/>
  <c r="D2482" i="6"/>
  <c r="D2483" i="6"/>
  <c r="D2484" i="6"/>
  <c r="D2485" i="6"/>
  <c r="D2486" i="6"/>
  <c r="D2487" i="6"/>
  <c r="D2488" i="6"/>
  <c r="D2489" i="6"/>
  <c r="D2490" i="6"/>
  <c r="D2491" i="6"/>
  <c r="D2492" i="6"/>
  <c r="D2493" i="6"/>
  <c r="D2494" i="6"/>
  <c r="D2495" i="6"/>
  <c r="D2496" i="6"/>
  <c r="D2497" i="6"/>
  <c r="D2498" i="6"/>
  <c r="D2499" i="6"/>
  <c r="D2500" i="6"/>
  <c r="D2501" i="6"/>
  <c r="D2502" i="6"/>
  <c r="D2503" i="6"/>
  <c r="D2504" i="6"/>
  <c r="D2505" i="6"/>
  <c r="D2506" i="6"/>
  <c r="D2507" i="6"/>
  <c r="D2508" i="6"/>
  <c r="D2509" i="6"/>
  <c r="D2510" i="6"/>
  <c r="D2511" i="6"/>
  <c r="D2512" i="6"/>
  <c r="D2513" i="6"/>
  <c r="D2514" i="6"/>
  <c r="D2515" i="6"/>
  <c r="D2516" i="6"/>
  <c r="D2517" i="6"/>
  <c r="D2518" i="6"/>
  <c r="D2519" i="6"/>
  <c r="D2520" i="6"/>
  <c r="D2521" i="6"/>
  <c r="D2522" i="6"/>
  <c r="D2523" i="6"/>
  <c r="D2524" i="6"/>
  <c r="D2525" i="6"/>
  <c r="D2526" i="6"/>
  <c r="D2527" i="6"/>
  <c r="D2528" i="6"/>
  <c r="D2529" i="6"/>
  <c r="D2530" i="6"/>
  <c r="D2531" i="6"/>
  <c r="D2532" i="6"/>
  <c r="D2533" i="6"/>
  <c r="D2534" i="6"/>
  <c r="D2535" i="6"/>
  <c r="D2536" i="6"/>
  <c r="D2537" i="6"/>
  <c r="D2538" i="6"/>
  <c r="D2539" i="6"/>
  <c r="D2540" i="6"/>
  <c r="D2541" i="6"/>
  <c r="D2542" i="6"/>
  <c r="D2543" i="6"/>
  <c r="D2544" i="6"/>
  <c r="D2545" i="6"/>
  <c r="D2546" i="6"/>
  <c r="D2547" i="6"/>
  <c r="D2548" i="6"/>
  <c r="D2549" i="6"/>
  <c r="D2550" i="6"/>
  <c r="D2551" i="6"/>
  <c r="D2552" i="6"/>
  <c r="D2553" i="6"/>
  <c r="D2554" i="6"/>
  <c r="D2555" i="6"/>
  <c r="D2556" i="6"/>
  <c r="D2557" i="6"/>
  <c r="D2558" i="6"/>
  <c r="D2559" i="6"/>
  <c r="D2560" i="6"/>
  <c r="D2561" i="6"/>
  <c r="D2562" i="6"/>
  <c r="D2563" i="6"/>
  <c r="D2564" i="6"/>
  <c r="D2565" i="6"/>
  <c r="D2566" i="6"/>
  <c r="D2567" i="6"/>
  <c r="D2568" i="6"/>
  <c r="D2569" i="6"/>
  <c r="D2570" i="6"/>
  <c r="D2571" i="6"/>
  <c r="D2572" i="6"/>
  <c r="D2573" i="6"/>
  <c r="D2574" i="6"/>
  <c r="D2575" i="6"/>
  <c r="D2576" i="6"/>
  <c r="D2577" i="6"/>
  <c r="D2578" i="6"/>
  <c r="D2579" i="6"/>
  <c r="D2580" i="6"/>
  <c r="D2581" i="6"/>
  <c r="D2582" i="6"/>
  <c r="D2583" i="6"/>
  <c r="D2584" i="6"/>
  <c r="D2585" i="6"/>
  <c r="D2586" i="6"/>
  <c r="D2587" i="6"/>
  <c r="D2588" i="6"/>
  <c r="D2589" i="6"/>
  <c r="D2590" i="6"/>
  <c r="D2591" i="6"/>
  <c r="D2592" i="6"/>
  <c r="D2593" i="6"/>
  <c r="D2594" i="6"/>
  <c r="D2595" i="6"/>
  <c r="D2596" i="6"/>
  <c r="D2597" i="6"/>
  <c r="D2598" i="6"/>
  <c r="D2599" i="6"/>
  <c r="D2600" i="6"/>
  <c r="D2601" i="6"/>
  <c r="D2602" i="6"/>
  <c r="D2603" i="6"/>
  <c r="D2604" i="6"/>
  <c r="D2605" i="6"/>
  <c r="D2606" i="6"/>
  <c r="D2607" i="6"/>
  <c r="D2608" i="6"/>
  <c r="D2609" i="6"/>
  <c r="D2610" i="6"/>
  <c r="D2611" i="6"/>
  <c r="D2612" i="6"/>
  <c r="D2613" i="6"/>
  <c r="D2614" i="6"/>
  <c r="D2615" i="6"/>
  <c r="D2616" i="6"/>
  <c r="D2617" i="6"/>
  <c r="D2618" i="6"/>
  <c r="D2619" i="6"/>
  <c r="D2620" i="6"/>
  <c r="D2621" i="6"/>
  <c r="D2622" i="6"/>
  <c r="D2623" i="6"/>
  <c r="D2624" i="6"/>
  <c r="D2625" i="6"/>
  <c r="D2626" i="6"/>
  <c r="D2627" i="6"/>
  <c r="D2628" i="6"/>
  <c r="D2629" i="6"/>
  <c r="D2630" i="6"/>
  <c r="D2631" i="6"/>
  <c r="D2632" i="6"/>
  <c r="D2633" i="6"/>
  <c r="D2634" i="6"/>
  <c r="D2635" i="6"/>
  <c r="D2636" i="6"/>
  <c r="D2637" i="6"/>
  <c r="D2638" i="6"/>
  <c r="D2639" i="6"/>
  <c r="D2640" i="6"/>
  <c r="D2641" i="6"/>
  <c r="D2642" i="6"/>
  <c r="D2643" i="6"/>
  <c r="D2644" i="6"/>
  <c r="D2645" i="6"/>
  <c r="D2646" i="6"/>
  <c r="D2647" i="6"/>
  <c r="D2648" i="6"/>
  <c r="D2649" i="6"/>
  <c r="D2650" i="6"/>
  <c r="D2651" i="6"/>
  <c r="D2652" i="6"/>
  <c r="D2653" i="6"/>
  <c r="D2654" i="6"/>
  <c r="D2655" i="6"/>
  <c r="D2656" i="6"/>
  <c r="D2657" i="6"/>
  <c r="D2658" i="6"/>
  <c r="D2659" i="6"/>
  <c r="D2660" i="6"/>
  <c r="D2661" i="6"/>
  <c r="D2662" i="6"/>
  <c r="D2663" i="6"/>
  <c r="D2664" i="6"/>
  <c r="D2665" i="6"/>
  <c r="D2666" i="6"/>
  <c r="D2667" i="6"/>
  <c r="D2668" i="6"/>
  <c r="D2669" i="6"/>
  <c r="D2670" i="6"/>
  <c r="D2671" i="6"/>
  <c r="D2672" i="6"/>
  <c r="D2673" i="6"/>
  <c r="D2674" i="6"/>
  <c r="D2675" i="6"/>
  <c r="D2676" i="6"/>
  <c r="D2677" i="6"/>
  <c r="D2678" i="6"/>
  <c r="D2679" i="6"/>
  <c r="D2680" i="6"/>
  <c r="D2681" i="6"/>
  <c r="D2682" i="6"/>
  <c r="D2683" i="6"/>
  <c r="D2684" i="6"/>
  <c r="D2685" i="6"/>
  <c r="D2686" i="6"/>
  <c r="D2687" i="6"/>
  <c r="D2688" i="6"/>
  <c r="D2689" i="6"/>
  <c r="D2690" i="6"/>
  <c r="D2691" i="6"/>
  <c r="D2692" i="6"/>
  <c r="D2693" i="6"/>
  <c r="D2694" i="6"/>
  <c r="D2695" i="6"/>
  <c r="D2696" i="6"/>
  <c r="D2697" i="6"/>
  <c r="D2698" i="6"/>
  <c r="D2699" i="6"/>
  <c r="D2700" i="6"/>
  <c r="D2701" i="6"/>
  <c r="D2702" i="6"/>
  <c r="D2703" i="6"/>
  <c r="D2704" i="6"/>
  <c r="D2705" i="6"/>
  <c r="D2706" i="6"/>
  <c r="D2707" i="6"/>
  <c r="D2708" i="6"/>
  <c r="D2709" i="6"/>
  <c r="D2710" i="6"/>
  <c r="D2711" i="6"/>
  <c r="D2712" i="6"/>
  <c r="D2713" i="6"/>
  <c r="D2714" i="6"/>
  <c r="D2715" i="6"/>
  <c r="D2716" i="6"/>
  <c r="D2717" i="6"/>
  <c r="D2718" i="6"/>
  <c r="D2719" i="6"/>
  <c r="D2720" i="6"/>
  <c r="D2721" i="6"/>
  <c r="D2722" i="6"/>
  <c r="D2723" i="6"/>
  <c r="D2724" i="6"/>
  <c r="D2725" i="6"/>
  <c r="D2726" i="6"/>
  <c r="D2727" i="6"/>
  <c r="D2728" i="6"/>
  <c r="D2729" i="6"/>
  <c r="D2730" i="6"/>
  <c r="D2731" i="6"/>
  <c r="D2732" i="6"/>
  <c r="D2733" i="6"/>
  <c r="D2734" i="6"/>
  <c r="D2735" i="6"/>
  <c r="D2736" i="6"/>
  <c r="D2737" i="6"/>
  <c r="D2738" i="6"/>
  <c r="D2739" i="6"/>
  <c r="D2740" i="6"/>
  <c r="D2741" i="6"/>
  <c r="D2742" i="6"/>
  <c r="D2743" i="6"/>
  <c r="D2744" i="6"/>
  <c r="D2745" i="6"/>
  <c r="D2746" i="6"/>
  <c r="D2747" i="6"/>
  <c r="D2748" i="6"/>
  <c r="D2749" i="6"/>
  <c r="D2750" i="6"/>
  <c r="D2751" i="6"/>
  <c r="D2752" i="6"/>
  <c r="D2753" i="6"/>
  <c r="D2754" i="6"/>
  <c r="D2755" i="6"/>
  <c r="D2756" i="6"/>
  <c r="D2757" i="6"/>
  <c r="D2758" i="6"/>
  <c r="D2759" i="6"/>
  <c r="D2760" i="6"/>
  <c r="D2761" i="6"/>
  <c r="D2762" i="6"/>
  <c r="D2763" i="6"/>
  <c r="D2764" i="6"/>
  <c r="D2765" i="6"/>
  <c r="D2766" i="6"/>
  <c r="D2767" i="6"/>
  <c r="D2768" i="6"/>
  <c r="D2769" i="6"/>
  <c r="D2770" i="6"/>
  <c r="D2771" i="6"/>
  <c r="D2772" i="6"/>
  <c r="D2773" i="6"/>
  <c r="D2774" i="6"/>
  <c r="D2775" i="6"/>
  <c r="D2776" i="6"/>
  <c r="D2777" i="6"/>
  <c r="D2778" i="6"/>
  <c r="D2779" i="6"/>
  <c r="D2780" i="6"/>
  <c r="D2781" i="6"/>
  <c r="D2782" i="6"/>
  <c r="D2783" i="6"/>
  <c r="D2784" i="6"/>
  <c r="D2785" i="6"/>
  <c r="D2786" i="6"/>
  <c r="D2787" i="6"/>
  <c r="D2788" i="6"/>
  <c r="D2789" i="6"/>
  <c r="D2790" i="6"/>
  <c r="D2791" i="6"/>
  <c r="D2792" i="6"/>
  <c r="D2793" i="6"/>
  <c r="D2794" i="6"/>
  <c r="D2795" i="6"/>
  <c r="D2796" i="6"/>
  <c r="D2797" i="6"/>
  <c r="D2798" i="6"/>
  <c r="D2799" i="6"/>
  <c r="D2800" i="6"/>
  <c r="D2801" i="6"/>
  <c r="D2802" i="6"/>
  <c r="D2803" i="6"/>
  <c r="D2804" i="6"/>
  <c r="D2805" i="6"/>
  <c r="D2806" i="6"/>
  <c r="D2807" i="6"/>
  <c r="D2808" i="6"/>
  <c r="D2809" i="6"/>
  <c r="D2810" i="6"/>
  <c r="D2811" i="6"/>
  <c r="D2812" i="6"/>
  <c r="D2813" i="6"/>
  <c r="D2814" i="6"/>
  <c r="D2815" i="6"/>
  <c r="D2816" i="6"/>
  <c r="D2817" i="6"/>
  <c r="D2818" i="6"/>
  <c r="D2819" i="6"/>
  <c r="D2820" i="6"/>
  <c r="D2821" i="6"/>
  <c r="D2822" i="6"/>
  <c r="D2823" i="6"/>
  <c r="D2824" i="6"/>
  <c r="D2825" i="6"/>
  <c r="D2826" i="6"/>
  <c r="D2827" i="6"/>
  <c r="D2828" i="6"/>
  <c r="D2829" i="6"/>
  <c r="D2830" i="6"/>
  <c r="D2831" i="6"/>
  <c r="D2832" i="6"/>
  <c r="D2833" i="6"/>
  <c r="D2834" i="6"/>
  <c r="D2835" i="6"/>
  <c r="D2836" i="6"/>
  <c r="D2837" i="6"/>
  <c r="D2838" i="6"/>
  <c r="D2839" i="6"/>
  <c r="D2840" i="6"/>
  <c r="D2841" i="6"/>
  <c r="D2842" i="6"/>
  <c r="D2843" i="6"/>
  <c r="D2844" i="6"/>
  <c r="D2845" i="6"/>
  <c r="D2846" i="6"/>
  <c r="D2847" i="6"/>
  <c r="D2848" i="6"/>
  <c r="D2849" i="6"/>
  <c r="D2850" i="6"/>
  <c r="D2851" i="6"/>
  <c r="D2852" i="6"/>
  <c r="D2853" i="6"/>
  <c r="D2854" i="6"/>
  <c r="D2855" i="6"/>
  <c r="D2856" i="6"/>
  <c r="D2857" i="6"/>
  <c r="D2858" i="6"/>
  <c r="D2859" i="6"/>
  <c r="D2860" i="6"/>
  <c r="D2861" i="6"/>
  <c r="D2862" i="6"/>
  <c r="D2863" i="6"/>
  <c r="D2864" i="6"/>
  <c r="D2865" i="6"/>
  <c r="D2866" i="6"/>
  <c r="D2867" i="6"/>
  <c r="D2868" i="6"/>
  <c r="D2869" i="6"/>
  <c r="D2870" i="6"/>
  <c r="D2871" i="6"/>
  <c r="D2872" i="6"/>
  <c r="D2873" i="6"/>
  <c r="D2874" i="6"/>
  <c r="D2875" i="6"/>
  <c r="D2876" i="6"/>
  <c r="D2877" i="6"/>
  <c r="D2878" i="6"/>
  <c r="D2879" i="6"/>
  <c r="D2880" i="6"/>
  <c r="D2881" i="6"/>
  <c r="D2882" i="6"/>
  <c r="D2883" i="6"/>
  <c r="D2884" i="6"/>
  <c r="D2885" i="6"/>
  <c r="D2886" i="6"/>
  <c r="D2887" i="6"/>
  <c r="D2888" i="6"/>
  <c r="D2889" i="6"/>
  <c r="D2890" i="6"/>
  <c r="D2891" i="6"/>
  <c r="D2892" i="6"/>
  <c r="D2893" i="6"/>
  <c r="D2894" i="6"/>
  <c r="D2895" i="6"/>
  <c r="D2896" i="6"/>
  <c r="D2897" i="6"/>
  <c r="D2898" i="6"/>
  <c r="D2899" i="6"/>
  <c r="D2900" i="6"/>
  <c r="D2901" i="6"/>
  <c r="D2902" i="6"/>
  <c r="D2903" i="6"/>
  <c r="D2904" i="6"/>
  <c r="D2905" i="6"/>
  <c r="D2906" i="6"/>
  <c r="D2907" i="6"/>
  <c r="D2908" i="6"/>
  <c r="D2909" i="6"/>
  <c r="D2910" i="6"/>
  <c r="D2911" i="6"/>
  <c r="D2912" i="6"/>
  <c r="D2913" i="6"/>
  <c r="D2914" i="6"/>
  <c r="D2915" i="6"/>
  <c r="D2916" i="6"/>
  <c r="D2917" i="6"/>
  <c r="D2918" i="6"/>
  <c r="D2919" i="6"/>
  <c r="D2920" i="6"/>
  <c r="D2921" i="6"/>
  <c r="D2922" i="6"/>
  <c r="D2923" i="6"/>
  <c r="D2924" i="6"/>
  <c r="D2925" i="6"/>
  <c r="D2926" i="6"/>
  <c r="D2927" i="6"/>
  <c r="D2928" i="6"/>
  <c r="D2929" i="6"/>
  <c r="D2930" i="6"/>
  <c r="D2931" i="6"/>
  <c r="D2932" i="6"/>
  <c r="D2933" i="6"/>
  <c r="D2934" i="6"/>
  <c r="D2935" i="6"/>
  <c r="D2936" i="6"/>
  <c r="D2937" i="6"/>
  <c r="D2938" i="6"/>
  <c r="D2939" i="6"/>
  <c r="D2940" i="6"/>
  <c r="D2941" i="6"/>
  <c r="D2942" i="6"/>
  <c r="D2943" i="6"/>
  <c r="D2944" i="6"/>
  <c r="D2945" i="6"/>
  <c r="D2946" i="6"/>
  <c r="D2947" i="6"/>
  <c r="D2948" i="6"/>
  <c r="D2949" i="6"/>
  <c r="D2950" i="6"/>
  <c r="D2951" i="6"/>
  <c r="D2952" i="6"/>
  <c r="D2953" i="6"/>
  <c r="D2954" i="6"/>
  <c r="D2955" i="6"/>
  <c r="D2956" i="6"/>
  <c r="D2957" i="6"/>
  <c r="D2958" i="6"/>
  <c r="D2959" i="6"/>
  <c r="D2960" i="6"/>
  <c r="D2961" i="6"/>
  <c r="D2962" i="6"/>
  <c r="D2963" i="6"/>
  <c r="D2964" i="6"/>
  <c r="D2965" i="6"/>
  <c r="D2966" i="6"/>
  <c r="D2967" i="6"/>
  <c r="D2968" i="6"/>
  <c r="D2969" i="6"/>
  <c r="D2970" i="6"/>
  <c r="D2971" i="6"/>
  <c r="D2972" i="6"/>
  <c r="D2973" i="6"/>
  <c r="D2974" i="6"/>
  <c r="D2975" i="6"/>
  <c r="D2976" i="6"/>
  <c r="D2977" i="6"/>
  <c r="D2978" i="6"/>
  <c r="D2979" i="6"/>
  <c r="D2980" i="6"/>
  <c r="D2981" i="6"/>
  <c r="D2982" i="6"/>
  <c r="D2983" i="6"/>
  <c r="D2984" i="6"/>
  <c r="D2985" i="6"/>
  <c r="D2986" i="6"/>
  <c r="D2987" i="6"/>
  <c r="D2988" i="6"/>
  <c r="D2989" i="6"/>
  <c r="D2990" i="6"/>
  <c r="D2991" i="6"/>
  <c r="D2992" i="6"/>
  <c r="D2993" i="6"/>
  <c r="D2994" i="6"/>
  <c r="D2995" i="6"/>
  <c r="D2996" i="6"/>
  <c r="D2997" i="6"/>
  <c r="D2998" i="6"/>
  <c r="D2999" i="6"/>
  <c r="D3000" i="6"/>
  <c r="D3001" i="6"/>
  <c r="D19" i="6"/>
  <c r="D20" i="6"/>
  <c r="D21" i="6"/>
  <c r="D22" i="6"/>
  <c r="D23" i="6"/>
  <c r="D24" i="6"/>
  <c r="D25" i="6"/>
  <c r="D26" i="6"/>
  <c r="D27" i="6"/>
  <c r="D28" i="6"/>
  <c r="D29" i="6"/>
  <c r="D30" i="6"/>
  <c r="D31" i="6"/>
  <c r="D32" i="6"/>
  <c r="D33" i="6"/>
  <c r="D34" i="6"/>
  <c r="D35" i="6"/>
  <c r="D36" i="6"/>
  <c r="D37" i="6"/>
  <c r="D38" i="6"/>
  <c r="D39" i="6"/>
  <c r="D40" i="6"/>
  <c r="D41" i="6"/>
  <c r="D42" i="6"/>
  <c r="D43" i="6"/>
  <c r="D44" i="6"/>
  <c r="D45" i="6"/>
  <c r="D46" i="6"/>
  <c r="D47" i="6"/>
  <c r="D48" i="6"/>
  <c r="D49" i="6"/>
  <c r="D50" i="6"/>
  <c r="D51" i="6"/>
  <c r="D52" i="6"/>
  <c r="D53" i="6"/>
  <c r="D54" i="6"/>
  <c r="D55" i="6"/>
  <c r="D56" i="6"/>
  <c r="D57" i="6"/>
  <c r="D58" i="6"/>
  <c r="D59" i="6"/>
  <c r="D60" i="6"/>
  <c r="D61" i="6"/>
  <c r="D62" i="6"/>
  <c r="D63" i="6"/>
  <c r="D64" i="6"/>
  <c r="D65" i="6"/>
  <c r="D66" i="6"/>
  <c r="D67" i="6"/>
  <c r="D68" i="6"/>
  <c r="D69" i="6"/>
  <c r="D70" i="6"/>
  <c r="D71" i="6"/>
  <c r="D72" i="6"/>
  <c r="D73" i="6"/>
  <c r="D74" i="6"/>
  <c r="D75" i="6"/>
  <c r="D76" i="6"/>
  <c r="D77" i="6"/>
  <c r="D78" i="6"/>
  <c r="D79" i="6"/>
  <c r="D80" i="6"/>
  <c r="D81" i="6"/>
  <c r="D82" i="6"/>
  <c r="D83" i="6"/>
  <c r="D84" i="6"/>
  <c r="D85" i="6"/>
  <c r="D86" i="6"/>
  <c r="D87" i="6"/>
  <c r="D88" i="6"/>
  <c r="D89" i="6"/>
  <c r="D90" i="6"/>
  <c r="D91" i="6"/>
  <c r="D92" i="6"/>
  <c r="D93" i="6"/>
  <c r="D94" i="6"/>
  <c r="D95" i="6"/>
  <c r="D96" i="6"/>
  <c r="D97" i="6"/>
  <c r="D98" i="6"/>
  <c r="D99" i="6"/>
  <c r="D100" i="6"/>
  <c r="D101" i="6"/>
  <c r="D102" i="6"/>
  <c r="D103" i="6"/>
  <c r="D104" i="6"/>
  <c r="D105" i="6"/>
  <c r="D106" i="6"/>
  <c r="D107" i="6"/>
  <c r="D108" i="6"/>
  <c r="D109" i="6"/>
  <c r="D110" i="6"/>
  <c r="D111" i="6"/>
  <c r="D112" i="6"/>
  <c r="D113" i="6"/>
  <c r="D114" i="6"/>
  <c r="D115" i="6"/>
  <c r="D116" i="6"/>
  <c r="D117" i="6"/>
  <c r="D118" i="6"/>
  <c r="D119" i="6"/>
  <c r="D120" i="6"/>
  <c r="D121" i="6"/>
  <c r="D122" i="6"/>
  <c r="D123" i="6"/>
  <c r="D124" i="6"/>
  <c r="D125" i="6"/>
  <c r="D126" i="6"/>
  <c r="D127" i="6"/>
  <c r="D128" i="6"/>
  <c r="D129" i="6"/>
  <c r="D130" i="6"/>
  <c r="D131" i="6"/>
  <c r="D132" i="6"/>
  <c r="D133" i="6"/>
  <c r="D134" i="6"/>
  <c r="D135" i="6"/>
  <c r="D136" i="6"/>
  <c r="D137" i="6"/>
  <c r="D138" i="6"/>
  <c r="D139" i="6"/>
  <c r="D140" i="6"/>
  <c r="D141" i="6"/>
  <c r="D142" i="6"/>
  <c r="D143" i="6"/>
  <c r="D144" i="6"/>
  <c r="D145" i="6"/>
  <c r="D146" i="6"/>
  <c r="D147" i="6"/>
  <c r="D148" i="6"/>
  <c r="D149" i="6"/>
  <c r="D150" i="6"/>
  <c r="D151" i="6"/>
  <c r="D152" i="6"/>
  <c r="D153" i="6"/>
  <c r="D154" i="6"/>
  <c r="D155" i="6"/>
  <c r="D156" i="6"/>
  <c r="D157" i="6"/>
  <c r="D158" i="6"/>
  <c r="D159" i="6"/>
  <c r="D160" i="6"/>
  <c r="D161" i="6"/>
  <c r="D162" i="6"/>
  <c r="D163" i="6"/>
  <c r="D164" i="6"/>
  <c r="D165" i="6"/>
  <c r="D166" i="6"/>
  <c r="D167" i="6"/>
  <c r="D168" i="6"/>
  <c r="D169" i="6"/>
  <c r="D170" i="6"/>
  <c r="D171" i="6"/>
  <c r="D172" i="6"/>
  <c r="D173" i="6"/>
  <c r="D174" i="6"/>
  <c r="D175" i="6"/>
  <c r="D176" i="6"/>
  <c r="D177" i="6"/>
  <c r="D178" i="6"/>
  <c r="D179" i="6"/>
  <c r="D180" i="6"/>
  <c r="D181" i="6"/>
  <c r="D182" i="6"/>
  <c r="D183" i="6"/>
  <c r="D184" i="6"/>
  <c r="D185" i="6"/>
  <c r="D186" i="6"/>
  <c r="D187" i="6"/>
  <c r="D188" i="6"/>
  <c r="D189" i="6"/>
  <c r="D190" i="6"/>
  <c r="D191" i="6"/>
  <c r="D192" i="6"/>
  <c r="D193" i="6"/>
  <c r="D194" i="6"/>
  <c r="D195" i="6"/>
  <c r="D196" i="6"/>
  <c r="D197" i="6"/>
  <c r="D198" i="6"/>
  <c r="D199" i="6"/>
  <c r="D200" i="6"/>
  <c r="D201" i="6"/>
  <c r="D202" i="6"/>
  <c r="D203" i="6"/>
  <c r="D204" i="6"/>
  <c r="D205" i="6"/>
  <c r="D206" i="6"/>
  <c r="D207" i="6"/>
  <c r="D208" i="6"/>
  <c r="D209" i="6"/>
  <c r="D210" i="6"/>
  <c r="D211" i="6"/>
  <c r="D212" i="6"/>
  <c r="D213" i="6"/>
  <c r="D214" i="6"/>
  <c r="D215" i="6"/>
  <c r="D216" i="6"/>
  <c r="D217" i="6"/>
  <c r="D218" i="6"/>
  <c r="D219" i="6"/>
  <c r="D220" i="6"/>
  <c r="D221" i="6"/>
  <c r="D222" i="6"/>
  <c r="D223" i="6"/>
  <c r="D224" i="6"/>
  <c r="D225" i="6"/>
  <c r="D226" i="6"/>
  <c r="D227" i="6"/>
  <c r="D228" i="6"/>
  <c r="D229" i="6"/>
  <c r="D230" i="6"/>
  <c r="D231" i="6"/>
  <c r="D232" i="6"/>
  <c r="D233" i="6"/>
  <c r="D234" i="6"/>
  <c r="D235" i="6"/>
  <c r="D236" i="6"/>
  <c r="D237" i="6"/>
  <c r="D238" i="6"/>
  <c r="D239" i="6"/>
  <c r="D240" i="6"/>
  <c r="D241" i="6"/>
  <c r="D242" i="6"/>
  <c r="D243" i="6"/>
  <c r="D244" i="6"/>
  <c r="D245" i="6"/>
  <c r="D246" i="6"/>
  <c r="D247" i="6"/>
  <c r="D248" i="6"/>
  <c r="D249" i="6"/>
  <c r="D250" i="6"/>
  <c r="D251" i="6"/>
  <c r="D252" i="6"/>
  <c r="D253" i="6"/>
  <c r="D254" i="6"/>
  <c r="D255" i="6"/>
  <c r="D256" i="6"/>
  <c r="D257" i="6"/>
  <c r="D258" i="6"/>
  <c r="D259" i="6"/>
  <c r="D260" i="6"/>
  <c r="D261" i="6"/>
  <c r="D262" i="6"/>
  <c r="D263" i="6"/>
  <c r="D264" i="6"/>
  <c r="D265" i="6"/>
  <c r="D266" i="6"/>
  <c r="D267" i="6"/>
  <c r="D268" i="6"/>
  <c r="D269" i="6"/>
  <c r="D270" i="6"/>
  <c r="D271" i="6"/>
  <c r="D272" i="6"/>
  <c r="D273" i="6"/>
  <c r="D274" i="6"/>
  <c r="D275" i="6"/>
  <c r="D276" i="6"/>
  <c r="D277" i="6"/>
  <c r="D278" i="6"/>
  <c r="D279" i="6"/>
  <c r="D280" i="6"/>
  <c r="D281" i="6"/>
  <c r="D282" i="6"/>
  <c r="D283" i="6"/>
  <c r="D284" i="6"/>
  <c r="D285" i="6"/>
  <c r="D286" i="6"/>
  <c r="D287" i="6"/>
  <c r="D288" i="6"/>
  <c r="D289" i="6"/>
  <c r="D290" i="6"/>
  <c r="D291" i="6"/>
  <c r="D292" i="6"/>
  <c r="D293" i="6"/>
  <c r="D294" i="6"/>
  <c r="D295" i="6"/>
  <c r="D296" i="6"/>
  <c r="D297" i="6"/>
  <c r="D298" i="6"/>
  <c r="D299" i="6"/>
  <c r="D300" i="6"/>
  <c r="D301" i="6"/>
  <c r="D302" i="6"/>
  <c r="D303" i="6"/>
  <c r="D304" i="6"/>
  <c r="D305" i="6"/>
  <c r="D306" i="6"/>
  <c r="D307" i="6"/>
  <c r="D308" i="6"/>
  <c r="D309" i="6"/>
  <c r="D310" i="6"/>
  <c r="D311" i="6"/>
  <c r="D312" i="6"/>
  <c r="D313" i="6"/>
  <c r="D314" i="6"/>
  <c r="D315" i="6"/>
  <c r="D316" i="6"/>
  <c r="D317" i="6"/>
  <c r="D318" i="6"/>
  <c r="D319" i="6"/>
  <c r="D320" i="6"/>
  <c r="D321" i="6"/>
  <c r="D322" i="6"/>
  <c r="D323" i="6"/>
  <c r="D324" i="6"/>
  <c r="D325" i="6"/>
  <c r="D326" i="6"/>
  <c r="D327" i="6"/>
  <c r="D328" i="6"/>
  <c r="D329" i="6"/>
  <c r="D330" i="6"/>
  <c r="D331" i="6"/>
  <c r="D332" i="6"/>
  <c r="D333" i="6"/>
  <c r="D334" i="6"/>
  <c r="D335" i="6"/>
  <c r="D336" i="6"/>
  <c r="D337" i="6"/>
  <c r="D338" i="6"/>
  <c r="D339" i="6"/>
  <c r="D340" i="6"/>
  <c r="D341" i="6"/>
  <c r="D342" i="6"/>
  <c r="D343" i="6"/>
  <c r="D344" i="6"/>
  <c r="D345" i="6"/>
  <c r="D346" i="6"/>
  <c r="D347" i="6"/>
  <c r="D348" i="6"/>
  <c r="D349" i="6"/>
  <c r="D350" i="6"/>
  <c r="D351" i="6"/>
  <c r="D352" i="6"/>
  <c r="D353" i="6"/>
  <c r="D354" i="6"/>
  <c r="D355" i="6"/>
  <c r="D356" i="6"/>
  <c r="D357" i="6"/>
  <c r="D358" i="6"/>
  <c r="D359" i="6"/>
  <c r="D360" i="6"/>
  <c r="D361" i="6"/>
  <c r="D362" i="6"/>
  <c r="D363" i="6"/>
  <c r="D364" i="6"/>
  <c r="D365" i="6"/>
  <c r="D366" i="6"/>
  <c r="D367" i="6"/>
  <c r="D368" i="6"/>
  <c r="D369" i="6"/>
  <c r="D370" i="6"/>
  <c r="D371" i="6"/>
  <c r="D372" i="6"/>
  <c r="D373" i="6"/>
  <c r="D374" i="6"/>
  <c r="D375" i="6"/>
  <c r="D376" i="6"/>
  <c r="D377" i="6"/>
  <c r="D378" i="6"/>
  <c r="D379" i="6"/>
  <c r="D380" i="6"/>
  <c r="D381" i="6"/>
  <c r="D382" i="6"/>
  <c r="D383" i="6"/>
  <c r="D384" i="6"/>
  <c r="D385" i="6"/>
  <c r="D386" i="6"/>
  <c r="D387" i="6"/>
  <c r="D388" i="6"/>
  <c r="D389" i="6"/>
  <c r="D390" i="6"/>
  <c r="D391" i="6"/>
  <c r="D392" i="6"/>
  <c r="D393" i="6"/>
  <c r="D394" i="6"/>
  <c r="D395" i="6"/>
  <c r="D396" i="6"/>
  <c r="D397" i="6"/>
  <c r="D398" i="6"/>
  <c r="D399" i="6"/>
  <c r="D400" i="6"/>
  <c r="D401" i="6"/>
  <c r="D402" i="6"/>
  <c r="D403" i="6"/>
  <c r="D404" i="6"/>
  <c r="D405" i="6"/>
  <c r="D406" i="6"/>
  <c r="D407" i="6"/>
  <c r="D408" i="6"/>
  <c r="D409" i="6"/>
  <c r="D410" i="6"/>
  <c r="D411" i="6"/>
  <c r="D412" i="6"/>
  <c r="D413" i="6"/>
  <c r="D414" i="6"/>
  <c r="D415" i="6"/>
  <c r="D416" i="6"/>
  <c r="D417" i="6"/>
  <c r="D418" i="6"/>
  <c r="D419" i="6"/>
  <c r="D420" i="6"/>
  <c r="D421" i="6"/>
  <c r="D422" i="6"/>
  <c r="D423" i="6"/>
  <c r="D424" i="6"/>
  <c r="D425" i="6"/>
  <c r="D426" i="6"/>
  <c r="D427" i="6"/>
  <c r="D428" i="6"/>
  <c r="D429" i="6"/>
  <c r="D430" i="6"/>
  <c r="D431" i="6"/>
  <c r="D432" i="6"/>
  <c r="D433" i="6"/>
  <c r="D434" i="6"/>
  <c r="D435" i="6"/>
  <c r="D436" i="6"/>
  <c r="D437" i="6"/>
  <c r="D438" i="6"/>
  <c r="D439" i="6"/>
  <c r="D440" i="6"/>
  <c r="D441" i="6"/>
  <c r="D442" i="6"/>
  <c r="D443" i="6"/>
  <c r="D444" i="6"/>
  <c r="D445" i="6"/>
  <c r="D446" i="6"/>
  <c r="D447" i="6"/>
  <c r="D448" i="6"/>
  <c r="D449" i="6"/>
  <c r="D450" i="6"/>
  <c r="D451" i="6"/>
  <c r="D452" i="6"/>
  <c r="D453" i="6"/>
  <c r="D454" i="6"/>
  <c r="D455" i="6"/>
  <c r="D456" i="6"/>
  <c r="D457" i="6"/>
  <c r="D458" i="6"/>
  <c r="D459" i="6"/>
  <c r="D460" i="6"/>
  <c r="D461" i="6"/>
  <c r="D462" i="6"/>
  <c r="D463" i="6"/>
  <c r="D464" i="6"/>
  <c r="D465" i="6"/>
  <c r="D466" i="6"/>
  <c r="D467" i="6"/>
  <c r="D468" i="6"/>
  <c r="D469" i="6"/>
  <c r="D470" i="6"/>
  <c r="D471" i="6"/>
  <c r="D472" i="6"/>
  <c r="D473" i="6"/>
  <c r="D474" i="6"/>
  <c r="D475" i="6"/>
  <c r="D476" i="6"/>
  <c r="D477" i="6"/>
  <c r="D478" i="6"/>
  <c r="D479" i="6"/>
  <c r="D480" i="6"/>
  <c r="D481" i="6"/>
  <c r="D482" i="6"/>
  <c r="D483" i="6"/>
  <c r="D484" i="6"/>
  <c r="D485" i="6"/>
  <c r="D486" i="6"/>
  <c r="D487" i="6"/>
  <c r="D488" i="6"/>
  <c r="D489" i="6"/>
  <c r="D490" i="6"/>
  <c r="D491" i="6"/>
  <c r="D492" i="6"/>
  <c r="D493" i="6"/>
  <c r="D494" i="6"/>
  <c r="D495" i="6"/>
  <c r="D496" i="6"/>
  <c r="D497" i="6"/>
  <c r="D498" i="6"/>
  <c r="D499" i="6"/>
  <c r="D500" i="6"/>
  <c r="D501" i="6"/>
  <c r="D502" i="6"/>
  <c r="D503" i="6"/>
  <c r="D504" i="6"/>
  <c r="D3" i="6"/>
  <c r="D4" i="6"/>
  <c r="D5" i="6"/>
  <c r="D6" i="6"/>
  <c r="D7" i="6"/>
  <c r="D8" i="6"/>
  <c r="D9" i="6"/>
  <c r="D10" i="6"/>
  <c r="D11" i="6"/>
  <c r="D12" i="6"/>
  <c r="D13" i="6"/>
  <c r="D14" i="6"/>
  <c r="D15" i="6"/>
  <c r="D16" i="6"/>
  <c r="D17" i="6"/>
  <c r="D18" i="6"/>
  <c r="D2" i="6"/>
  <c r="G2" i="3"/>
  <c r="F4" i="4"/>
  <c r="F5" i="4"/>
  <c r="F6" i="4"/>
  <c r="F3" i="4"/>
  <c r="G31" i="3"/>
  <c r="G3" i="3"/>
  <c r="G4" i="3"/>
  <c r="G5" i="3"/>
  <c r="G6" i="3"/>
  <c r="G7" i="3"/>
  <c r="G8" i="3"/>
  <c r="G9" i="3"/>
  <c r="G10" i="3"/>
  <c r="G11" i="3"/>
  <c r="G12" i="3"/>
  <c r="G13" i="3"/>
  <c r="G14" i="3"/>
  <c r="G15" i="3"/>
  <c r="G16" i="3"/>
  <c r="G17" i="3"/>
  <c r="G18" i="3"/>
  <c r="G19" i="3"/>
  <c r="G20" i="3"/>
  <c r="G21" i="3"/>
  <c r="G22" i="3"/>
  <c r="G23" i="3"/>
  <c r="G24" i="3"/>
  <c r="G25" i="3"/>
  <c r="G26" i="3"/>
  <c r="G27" i="3"/>
  <c r="G28" i="3"/>
  <c r="G29" i="3"/>
  <c r="G30" i="3"/>
</calcChain>
</file>

<file path=xl/sharedStrings.xml><?xml version="1.0" encoding="utf-8"?>
<sst xmlns="http://schemas.openxmlformats.org/spreadsheetml/2006/main" count="15080" uniqueCount="43">
  <si>
    <t>Foglalkozas</t>
  </si>
  <si>
    <t>Fizetes</t>
  </si>
  <si>
    <t>Tapasztalat</t>
  </si>
  <si>
    <t>Kepzettseg</t>
  </si>
  <si>
    <t>Kitettseg</t>
  </si>
  <si>
    <t>Novekedes</t>
  </si>
  <si>
    <t>Automatizalas</t>
  </si>
  <si>
    <t>biztonsági őr</t>
  </si>
  <si>
    <t>Master's</t>
  </si>
  <si>
    <t>tudományos kutató</t>
  </si>
  <si>
    <t>PhD</t>
  </si>
  <si>
    <t>építőipari munkás</t>
  </si>
  <si>
    <t>High School</t>
  </si>
  <si>
    <t>szoftvermérnök</t>
  </si>
  <si>
    <t>pénzügyi elemző</t>
  </si>
  <si>
    <t>MI szoftvermérnök</t>
  </si>
  <si>
    <t>szerelő</t>
  </si>
  <si>
    <t>tanár</t>
  </si>
  <si>
    <t>HR-szakember</t>
  </si>
  <si>
    <t>ügyfélszolgálati munkatárs</t>
  </si>
  <si>
    <t>UX tervező</t>
  </si>
  <si>
    <t>jogász</t>
  </si>
  <si>
    <t>adattudós</t>
  </si>
  <si>
    <t>grafikus</t>
  </si>
  <si>
    <t>Bachelor's</t>
  </si>
  <si>
    <t>kiskereskedelmi alkalmazott</t>
  </si>
  <si>
    <t>orvos</t>
  </si>
  <si>
    <t>teherautó sofőr</t>
  </si>
  <si>
    <t>szakács</t>
  </si>
  <si>
    <t>ápoló</t>
  </si>
  <si>
    <t>marketingmenedzser</t>
  </si>
  <si>
    <t>Kategoria</t>
  </si>
  <si>
    <t>Aut</t>
  </si>
  <si>
    <t>Növekedés</t>
  </si>
  <si>
    <t>Automatizálás</t>
  </si>
  <si>
    <t>Kitettség</t>
  </si>
  <si>
    <t>pályakezdők</t>
  </si>
  <si>
    <t>seniorok</t>
  </si>
  <si>
    <t>különbség</t>
  </si>
  <si>
    <t>informatika</t>
  </si>
  <si>
    <t>Kategóriák</t>
  </si>
  <si>
    <t>emberi kapcsolatok</t>
  </si>
  <si>
    <t>ipar és pén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0000"/>
  </numFmts>
  <fonts count="1" x14ac:knownFonts="1">
    <font>
      <sz val="11"/>
      <color theme="1"/>
      <name val="Calibri"/>
      <family val="2"/>
      <charset val="23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2" fontId="0" fillId="0" borderId="0" xfId="0" applyNumberFormat="1"/>
    <xf numFmtId="0" fontId="0" fillId="0" borderId="1" xfId="0" applyBorder="1"/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164" fontId="0" fillId="0" borderId="0" xfId="0" applyNumberFormat="1"/>
  </cellXfs>
  <cellStyles count="1">
    <cellStyle name="Normá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1feladat'!$G$1</c:f>
              <c:strCache>
                <c:ptCount val="1"/>
                <c:pt idx="0">
                  <c:v>Növekedés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0"/>
          </c:trendline>
          <c:cat>
            <c:numRef>
              <c:f>'1feladat'!$F$2:$F$102</c:f>
              <c:numCache>
                <c:formatCode>General</c:formatCode>
                <c:ptCount val="101"/>
                <c:pt idx="0">
                  <c:v>0</c:v>
                </c:pt>
                <c:pt idx="1">
                  <c:v>0.01</c:v>
                </c:pt>
                <c:pt idx="2">
                  <c:v>0.02</c:v>
                </c:pt>
                <c:pt idx="3">
                  <c:v>0.03</c:v>
                </c:pt>
                <c:pt idx="4">
                  <c:v>0.04</c:v>
                </c:pt>
                <c:pt idx="5">
                  <c:v>0.05</c:v>
                </c:pt>
                <c:pt idx="6">
                  <c:v>0.06</c:v>
                </c:pt>
                <c:pt idx="7">
                  <c:v>7.0000000000000007E-2</c:v>
                </c:pt>
                <c:pt idx="8">
                  <c:v>0.08</c:v>
                </c:pt>
                <c:pt idx="9">
                  <c:v>0.09</c:v>
                </c:pt>
                <c:pt idx="10">
                  <c:v>0.1</c:v>
                </c:pt>
                <c:pt idx="11">
                  <c:v>0.11</c:v>
                </c:pt>
                <c:pt idx="12">
                  <c:v>0.12</c:v>
                </c:pt>
                <c:pt idx="13">
                  <c:v>0.13</c:v>
                </c:pt>
                <c:pt idx="14">
                  <c:v>0.14000000000000001</c:v>
                </c:pt>
                <c:pt idx="15">
                  <c:v>0.15</c:v>
                </c:pt>
                <c:pt idx="16">
                  <c:v>0.16</c:v>
                </c:pt>
                <c:pt idx="17">
                  <c:v>0.17</c:v>
                </c:pt>
                <c:pt idx="18">
                  <c:v>0.18</c:v>
                </c:pt>
                <c:pt idx="19">
                  <c:v>0.19</c:v>
                </c:pt>
                <c:pt idx="20">
                  <c:v>0.2</c:v>
                </c:pt>
                <c:pt idx="21">
                  <c:v>0.21</c:v>
                </c:pt>
                <c:pt idx="22">
                  <c:v>0.22</c:v>
                </c:pt>
                <c:pt idx="23">
                  <c:v>0.23</c:v>
                </c:pt>
                <c:pt idx="24">
                  <c:v>0.24</c:v>
                </c:pt>
                <c:pt idx="25">
                  <c:v>0.25</c:v>
                </c:pt>
                <c:pt idx="26">
                  <c:v>0.26</c:v>
                </c:pt>
                <c:pt idx="27">
                  <c:v>0.27</c:v>
                </c:pt>
                <c:pt idx="28">
                  <c:v>0.28000000000000003</c:v>
                </c:pt>
                <c:pt idx="29">
                  <c:v>0.28999999999999998</c:v>
                </c:pt>
                <c:pt idx="30">
                  <c:v>0.3</c:v>
                </c:pt>
                <c:pt idx="31">
                  <c:v>0.31</c:v>
                </c:pt>
                <c:pt idx="32">
                  <c:v>0.32</c:v>
                </c:pt>
                <c:pt idx="33">
                  <c:v>0.33</c:v>
                </c:pt>
                <c:pt idx="34">
                  <c:v>0.34</c:v>
                </c:pt>
                <c:pt idx="35">
                  <c:v>0.35</c:v>
                </c:pt>
                <c:pt idx="36">
                  <c:v>0.36</c:v>
                </c:pt>
                <c:pt idx="37">
                  <c:v>0.37</c:v>
                </c:pt>
                <c:pt idx="38">
                  <c:v>0.38</c:v>
                </c:pt>
                <c:pt idx="39">
                  <c:v>0.39</c:v>
                </c:pt>
                <c:pt idx="40">
                  <c:v>0.4</c:v>
                </c:pt>
                <c:pt idx="41">
                  <c:v>0.41</c:v>
                </c:pt>
                <c:pt idx="42">
                  <c:v>0.42</c:v>
                </c:pt>
                <c:pt idx="43">
                  <c:v>0.43</c:v>
                </c:pt>
                <c:pt idx="44">
                  <c:v>0.44</c:v>
                </c:pt>
                <c:pt idx="45">
                  <c:v>0.45</c:v>
                </c:pt>
                <c:pt idx="46">
                  <c:v>0.46</c:v>
                </c:pt>
                <c:pt idx="47">
                  <c:v>0.47</c:v>
                </c:pt>
                <c:pt idx="48">
                  <c:v>0.48</c:v>
                </c:pt>
                <c:pt idx="49">
                  <c:v>0.49</c:v>
                </c:pt>
                <c:pt idx="50">
                  <c:v>0.5</c:v>
                </c:pt>
                <c:pt idx="51">
                  <c:v>0.51</c:v>
                </c:pt>
                <c:pt idx="52">
                  <c:v>0.52</c:v>
                </c:pt>
                <c:pt idx="53">
                  <c:v>0.53</c:v>
                </c:pt>
                <c:pt idx="54">
                  <c:v>0.54</c:v>
                </c:pt>
                <c:pt idx="55">
                  <c:v>0.55000000000000004</c:v>
                </c:pt>
                <c:pt idx="56">
                  <c:v>0.56000000000000005</c:v>
                </c:pt>
                <c:pt idx="57">
                  <c:v>0.56999999999999995</c:v>
                </c:pt>
                <c:pt idx="58">
                  <c:v>0.57999999999999996</c:v>
                </c:pt>
                <c:pt idx="59">
                  <c:v>0.59</c:v>
                </c:pt>
                <c:pt idx="60">
                  <c:v>0.6</c:v>
                </c:pt>
                <c:pt idx="61">
                  <c:v>0.61</c:v>
                </c:pt>
                <c:pt idx="62">
                  <c:v>0.62</c:v>
                </c:pt>
                <c:pt idx="63">
                  <c:v>0.63</c:v>
                </c:pt>
                <c:pt idx="64">
                  <c:v>0.64</c:v>
                </c:pt>
                <c:pt idx="65">
                  <c:v>0.65</c:v>
                </c:pt>
                <c:pt idx="66">
                  <c:v>0.66</c:v>
                </c:pt>
                <c:pt idx="67">
                  <c:v>0.67</c:v>
                </c:pt>
                <c:pt idx="68">
                  <c:v>0.68</c:v>
                </c:pt>
                <c:pt idx="69">
                  <c:v>0.69</c:v>
                </c:pt>
                <c:pt idx="70">
                  <c:v>0.7</c:v>
                </c:pt>
                <c:pt idx="71">
                  <c:v>0.71</c:v>
                </c:pt>
                <c:pt idx="72">
                  <c:v>0.72</c:v>
                </c:pt>
                <c:pt idx="73">
                  <c:v>0.73</c:v>
                </c:pt>
                <c:pt idx="74">
                  <c:v>0.74</c:v>
                </c:pt>
                <c:pt idx="75">
                  <c:v>0.75</c:v>
                </c:pt>
                <c:pt idx="76">
                  <c:v>0.76</c:v>
                </c:pt>
                <c:pt idx="77">
                  <c:v>0.77</c:v>
                </c:pt>
                <c:pt idx="78">
                  <c:v>0.78</c:v>
                </c:pt>
                <c:pt idx="79">
                  <c:v>0.79</c:v>
                </c:pt>
                <c:pt idx="80">
                  <c:v>0.8</c:v>
                </c:pt>
                <c:pt idx="81">
                  <c:v>0.81</c:v>
                </c:pt>
                <c:pt idx="82">
                  <c:v>0.82</c:v>
                </c:pt>
                <c:pt idx="83">
                  <c:v>0.83</c:v>
                </c:pt>
                <c:pt idx="84">
                  <c:v>0.84</c:v>
                </c:pt>
                <c:pt idx="85">
                  <c:v>0.85</c:v>
                </c:pt>
                <c:pt idx="86">
                  <c:v>0.86</c:v>
                </c:pt>
                <c:pt idx="87">
                  <c:v>0.87</c:v>
                </c:pt>
                <c:pt idx="88">
                  <c:v>0.88</c:v>
                </c:pt>
                <c:pt idx="89">
                  <c:v>0.89</c:v>
                </c:pt>
                <c:pt idx="90">
                  <c:v>0.9</c:v>
                </c:pt>
                <c:pt idx="91">
                  <c:v>0.91</c:v>
                </c:pt>
                <c:pt idx="92">
                  <c:v>0.92</c:v>
                </c:pt>
                <c:pt idx="93">
                  <c:v>0.93</c:v>
                </c:pt>
                <c:pt idx="94">
                  <c:v>0.94</c:v>
                </c:pt>
                <c:pt idx="95">
                  <c:v>0.95</c:v>
                </c:pt>
                <c:pt idx="96">
                  <c:v>0.96</c:v>
                </c:pt>
                <c:pt idx="97">
                  <c:v>0.97</c:v>
                </c:pt>
                <c:pt idx="98">
                  <c:v>0.98</c:v>
                </c:pt>
                <c:pt idx="99">
                  <c:v>0.99</c:v>
                </c:pt>
                <c:pt idx="100">
                  <c:v>1</c:v>
                </c:pt>
              </c:numCache>
            </c:numRef>
          </c:cat>
          <c:val>
            <c:numRef>
              <c:f>'1feladat'!$G$2:$G$102</c:f>
              <c:numCache>
                <c:formatCode>General</c:formatCode>
                <c:ptCount val="101"/>
                <c:pt idx="0">
                  <c:v>1.0816666666666668</c:v>
                </c:pt>
                <c:pt idx="1">
                  <c:v>1.048157894736842</c:v>
                </c:pt>
                <c:pt idx="2">
                  <c:v>0.97964285714285704</c:v>
                </c:pt>
                <c:pt idx="3">
                  <c:v>0.9624999999999998</c:v>
                </c:pt>
                <c:pt idx="4">
                  <c:v>1.0778571428571431</c:v>
                </c:pt>
                <c:pt idx="5">
                  <c:v>0.95346153846153858</c:v>
                </c:pt>
                <c:pt idx="6">
                  <c:v>0.97966666666666669</c:v>
                </c:pt>
                <c:pt idx="7">
                  <c:v>0.89300000000000013</c:v>
                </c:pt>
                <c:pt idx="8">
                  <c:v>0.93962962962962948</c:v>
                </c:pt>
                <c:pt idx="9">
                  <c:v>0.98111111111111104</c:v>
                </c:pt>
                <c:pt idx="10">
                  <c:v>0.99909090909090947</c:v>
                </c:pt>
                <c:pt idx="11">
                  <c:v>0.99740740740740741</c:v>
                </c:pt>
                <c:pt idx="12">
                  <c:v>0.95000000000000007</c:v>
                </c:pt>
                <c:pt idx="13">
                  <c:v>1.04</c:v>
                </c:pt>
                <c:pt idx="14">
                  <c:v>0.98740740740740751</c:v>
                </c:pt>
                <c:pt idx="15">
                  <c:v>0.96833333333333338</c:v>
                </c:pt>
                <c:pt idx="16">
                  <c:v>0.9511111111111108</c:v>
                </c:pt>
                <c:pt idx="17">
                  <c:v>0.96312500000000001</c:v>
                </c:pt>
                <c:pt idx="18">
                  <c:v>1.0037500000000001</c:v>
                </c:pt>
                <c:pt idx="19">
                  <c:v>1.0247499999999996</c:v>
                </c:pt>
                <c:pt idx="20">
                  <c:v>0.94199999999999995</c:v>
                </c:pt>
                <c:pt idx="21">
                  <c:v>0.96</c:v>
                </c:pt>
                <c:pt idx="22">
                  <c:v>1.024444444444444</c:v>
                </c:pt>
                <c:pt idx="23">
                  <c:v>0.98631578947368437</c:v>
                </c:pt>
                <c:pt idx="24">
                  <c:v>0.98413793103448277</c:v>
                </c:pt>
                <c:pt idx="25">
                  <c:v>0.94607142857142856</c:v>
                </c:pt>
                <c:pt idx="26">
                  <c:v>0.99466666666666681</c:v>
                </c:pt>
                <c:pt idx="27">
                  <c:v>0.93799999999999994</c:v>
                </c:pt>
                <c:pt idx="28">
                  <c:v>1.004375</c:v>
                </c:pt>
                <c:pt idx="29">
                  <c:v>0.9396296296296297</c:v>
                </c:pt>
                <c:pt idx="30">
                  <c:v>0.96399999999999986</c:v>
                </c:pt>
                <c:pt idx="31">
                  <c:v>0.97611111111111137</c:v>
                </c:pt>
                <c:pt idx="32">
                  <c:v>1.0367567567567568</c:v>
                </c:pt>
                <c:pt idx="33">
                  <c:v>1.022941176470588</c:v>
                </c:pt>
                <c:pt idx="34">
                  <c:v>1.0021428571428572</c:v>
                </c:pt>
                <c:pt idx="35">
                  <c:v>1.036875</c:v>
                </c:pt>
                <c:pt idx="36">
                  <c:v>0.98277777777777786</c:v>
                </c:pt>
                <c:pt idx="37">
                  <c:v>1.0077777777777777</c:v>
                </c:pt>
                <c:pt idx="38">
                  <c:v>0.95133333333333325</c:v>
                </c:pt>
                <c:pt idx="39">
                  <c:v>0.96656249999999988</c:v>
                </c:pt>
                <c:pt idx="40">
                  <c:v>1.0887999999999998</c:v>
                </c:pt>
                <c:pt idx="41">
                  <c:v>0.90742857142857158</c:v>
                </c:pt>
                <c:pt idx="42">
                  <c:v>1.0531999999999999</c:v>
                </c:pt>
                <c:pt idx="43">
                  <c:v>0.96926829268292669</c:v>
                </c:pt>
                <c:pt idx="44">
                  <c:v>1.0999999999999999</c:v>
                </c:pt>
                <c:pt idx="45">
                  <c:v>1.0521739130434782</c:v>
                </c:pt>
                <c:pt idx="46">
                  <c:v>1.0228205128205128</c:v>
                </c:pt>
                <c:pt idx="47">
                  <c:v>0.9607894736842103</c:v>
                </c:pt>
                <c:pt idx="48">
                  <c:v>0.9643750000000002</c:v>
                </c:pt>
                <c:pt idx="49">
                  <c:v>1.0596153846153844</c:v>
                </c:pt>
                <c:pt idx="50">
                  <c:v>0.95531250000000001</c:v>
                </c:pt>
                <c:pt idx="51">
                  <c:v>0.97906249999999995</c:v>
                </c:pt>
                <c:pt idx="52">
                  <c:v>0.99343749999999997</c:v>
                </c:pt>
                <c:pt idx="53">
                  <c:v>0.96270270270270297</c:v>
                </c:pt>
                <c:pt idx="54">
                  <c:v>1.0884848484848486</c:v>
                </c:pt>
                <c:pt idx="55">
                  <c:v>0.98250000000000015</c:v>
                </c:pt>
                <c:pt idx="56">
                  <c:v>0.96176470588235285</c:v>
                </c:pt>
                <c:pt idx="57">
                  <c:v>1.1296296296296295</c:v>
                </c:pt>
                <c:pt idx="58">
                  <c:v>0.96903225806451598</c:v>
                </c:pt>
                <c:pt idx="59">
                  <c:v>0.98071428571428554</c:v>
                </c:pt>
                <c:pt idx="60">
                  <c:v>1.0238709677419355</c:v>
                </c:pt>
                <c:pt idx="61">
                  <c:v>1.0525806451612902</c:v>
                </c:pt>
                <c:pt idx="62">
                  <c:v>1.0146875</c:v>
                </c:pt>
                <c:pt idx="63">
                  <c:v>1.0124137931034483</c:v>
                </c:pt>
                <c:pt idx="64">
                  <c:v>0.95447368421052636</c:v>
                </c:pt>
                <c:pt idx="65">
                  <c:v>0.99162790697674408</c:v>
                </c:pt>
                <c:pt idx="66">
                  <c:v>0.96482758620689679</c:v>
                </c:pt>
                <c:pt idx="67">
                  <c:v>1.019090909090909</c:v>
                </c:pt>
                <c:pt idx="68">
                  <c:v>0.93513513513513502</c:v>
                </c:pt>
                <c:pt idx="69">
                  <c:v>1.05</c:v>
                </c:pt>
                <c:pt idx="70">
                  <c:v>0.85666666666666658</c:v>
                </c:pt>
                <c:pt idx="71">
                  <c:v>1.0833333333333333</c:v>
                </c:pt>
                <c:pt idx="72">
                  <c:v>0.99583333333333346</c:v>
                </c:pt>
                <c:pt idx="73">
                  <c:v>1.1225000000000001</c:v>
                </c:pt>
                <c:pt idx="74">
                  <c:v>0.95437500000000008</c:v>
                </c:pt>
                <c:pt idx="75">
                  <c:v>1.0725</c:v>
                </c:pt>
                <c:pt idx="76">
                  <c:v>0.96333333333333315</c:v>
                </c:pt>
                <c:pt idx="77">
                  <c:v>1.0144444444444443</c:v>
                </c:pt>
                <c:pt idx="78">
                  <c:v>1.0665714285714287</c:v>
                </c:pt>
                <c:pt idx="79">
                  <c:v>0.9939393939393939</c:v>
                </c:pt>
                <c:pt idx="80">
                  <c:v>0.98612903225806425</c:v>
                </c:pt>
                <c:pt idx="81">
                  <c:v>0.95961538461538454</c:v>
                </c:pt>
                <c:pt idx="82">
                  <c:v>1.0597058823529413</c:v>
                </c:pt>
                <c:pt idx="83">
                  <c:v>0.96285714285714286</c:v>
                </c:pt>
                <c:pt idx="84">
                  <c:v>0.90227272727272734</c:v>
                </c:pt>
                <c:pt idx="85">
                  <c:v>0.87531250000000016</c:v>
                </c:pt>
                <c:pt idx="86">
                  <c:v>0.96687499999999993</c:v>
                </c:pt>
                <c:pt idx="87">
                  <c:v>1.063333333333333</c:v>
                </c:pt>
                <c:pt idx="88">
                  <c:v>1.0657142857142856</c:v>
                </c:pt>
                <c:pt idx="89">
                  <c:v>0.95533333333333348</c:v>
                </c:pt>
                <c:pt idx="90">
                  <c:v>1.0057575757575759</c:v>
                </c:pt>
                <c:pt idx="91">
                  <c:v>0.95617647058823518</c:v>
                </c:pt>
                <c:pt idx="92">
                  <c:v>1.0191176470588235</c:v>
                </c:pt>
                <c:pt idx="93">
                  <c:v>0.96529411764705886</c:v>
                </c:pt>
                <c:pt idx="94">
                  <c:v>1.1292592592592594</c:v>
                </c:pt>
                <c:pt idx="95">
                  <c:v>0.99068965517241392</c:v>
                </c:pt>
                <c:pt idx="96">
                  <c:v>0.92428571428571449</c:v>
                </c:pt>
                <c:pt idx="97">
                  <c:v>1.0628571428571429</c:v>
                </c:pt>
                <c:pt idx="98">
                  <c:v>0.96642857142857141</c:v>
                </c:pt>
                <c:pt idx="99">
                  <c:v>1.0419999999999998</c:v>
                </c:pt>
                <c:pt idx="100">
                  <c:v>0.9564285714285715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1621-49C9-B2E3-AE87422E4D8A}"/>
            </c:ext>
          </c:extLst>
        </c:ser>
        <c:ser>
          <c:idx val="1"/>
          <c:order val="1"/>
          <c:tx>
            <c:strRef>
              <c:f>'1feladat'!$H$1</c:f>
              <c:strCache>
                <c:ptCount val="1"/>
                <c:pt idx="0">
                  <c:v>Automatizálás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0"/>
            <c:dispEq val="0"/>
          </c:trendline>
          <c:cat>
            <c:numRef>
              <c:f>'1feladat'!$F$2:$F$102</c:f>
              <c:numCache>
                <c:formatCode>General</c:formatCode>
                <c:ptCount val="101"/>
                <c:pt idx="0">
                  <c:v>0</c:v>
                </c:pt>
                <c:pt idx="1">
                  <c:v>0.01</c:v>
                </c:pt>
                <c:pt idx="2">
                  <c:v>0.02</c:v>
                </c:pt>
                <c:pt idx="3">
                  <c:v>0.03</c:v>
                </c:pt>
                <c:pt idx="4">
                  <c:v>0.04</c:v>
                </c:pt>
                <c:pt idx="5">
                  <c:v>0.05</c:v>
                </c:pt>
                <c:pt idx="6">
                  <c:v>0.06</c:v>
                </c:pt>
                <c:pt idx="7">
                  <c:v>7.0000000000000007E-2</c:v>
                </c:pt>
                <c:pt idx="8">
                  <c:v>0.08</c:v>
                </c:pt>
                <c:pt idx="9">
                  <c:v>0.09</c:v>
                </c:pt>
                <c:pt idx="10">
                  <c:v>0.1</c:v>
                </c:pt>
                <c:pt idx="11">
                  <c:v>0.11</c:v>
                </c:pt>
                <c:pt idx="12">
                  <c:v>0.12</c:v>
                </c:pt>
                <c:pt idx="13">
                  <c:v>0.13</c:v>
                </c:pt>
                <c:pt idx="14">
                  <c:v>0.14000000000000001</c:v>
                </c:pt>
                <c:pt idx="15">
                  <c:v>0.15</c:v>
                </c:pt>
                <c:pt idx="16">
                  <c:v>0.16</c:v>
                </c:pt>
                <c:pt idx="17">
                  <c:v>0.17</c:v>
                </c:pt>
                <c:pt idx="18">
                  <c:v>0.18</c:v>
                </c:pt>
                <c:pt idx="19">
                  <c:v>0.19</c:v>
                </c:pt>
                <c:pt idx="20">
                  <c:v>0.2</c:v>
                </c:pt>
                <c:pt idx="21">
                  <c:v>0.21</c:v>
                </c:pt>
                <c:pt idx="22">
                  <c:v>0.22</c:v>
                </c:pt>
                <c:pt idx="23">
                  <c:v>0.23</c:v>
                </c:pt>
                <c:pt idx="24">
                  <c:v>0.24</c:v>
                </c:pt>
                <c:pt idx="25">
                  <c:v>0.25</c:v>
                </c:pt>
                <c:pt idx="26">
                  <c:v>0.26</c:v>
                </c:pt>
                <c:pt idx="27">
                  <c:v>0.27</c:v>
                </c:pt>
                <c:pt idx="28">
                  <c:v>0.28000000000000003</c:v>
                </c:pt>
                <c:pt idx="29">
                  <c:v>0.28999999999999998</c:v>
                </c:pt>
                <c:pt idx="30">
                  <c:v>0.3</c:v>
                </c:pt>
                <c:pt idx="31">
                  <c:v>0.31</c:v>
                </c:pt>
                <c:pt idx="32">
                  <c:v>0.32</c:v>
                </c:pt>
                <c:pt idx="33">
                  <c:v>0.33</c:v>
                </c:pt>
                <c:pt idx="34">
                  <c:v>0.34</c:v>
                </c:pt>
                <c:pt idx="35">
                  <c:v>0.35</c:v>
                </c:pt>
                <c:pt idx="36">
                  <c:v>0.36</c:v>
                </c:pt>
                <c:pt idx="37">
                  <c:v>0.37</c:v>
                </c:pt>
                <c:pt idx="38">
                  <c:v>0.38</c:v>
                </c:pt>
                <c:pt idx="39">
                  <c:v>0.39</c:v>
                </c:pt>
                <c:pt idx="40">
                  <c:v>0.4</c:v>
                </c:pt>
                <c:pt idx="41">
                  <c:v>0.41</c:v>
                </c:pt>
                <c:pt idx="42">
                  <c:v>0.42</c:v>
                </c:pt>
                <c:pt idx="43">
                  <c:v>0.43</c:v>
                </c:pt>
                <c:pt idx="44">
                  <c:v>0.44</c:v>
                </c:pt>
                <c:pt idx="45">
                  <c:v>0.45</c:v>
                </c:pt>
                <c:pt idx="46">
                  <c:v>0.46</c:v>
                </c:pt>
                <c:pt idx="47">
                  <c:v>0.47</c:v>
                </c:pt>
                <c:pt idx="48">
                  <c:v>0.48</c:v>
                </c:pt>
                <c:pt idx="49">
                  <c:v>0.49</c:v>
                </c:pt>
                <c:pt idx="50">
                  <c:v>0.5</c:v>
                </c:pt>
                <c:pt idx="51">
                  <c:v>0.51</c:v>
                </c:pt>
                <c:pt idx="52">
                  <c:v>0.52</c:v>
                </c:pt>
                <c:pt idx="53">
                  <c:v>0.53</c:v>
                </c:pt>
                <c:pt idx="54">
                  <c:v>0.54</c:v>
                </c:pt>
                <c:pt idx="55">
                  <c:v>0.55000000000000004</c:v>
                </c:pt>
                <c:pt idx="56">
                  <c:v>0.56000000000000005</c:v>
                </c:pt>
                <c:pt idx="57">
                  <c:v>0.56999999999999995</c:v>
                </c:pt>
                <c:pt idx="58">
                  <c:v>0.57999999999999996</c:v>
                </c:pt>
                <c:pt idx="59">
                  <c:v>0.59</c:v>
                </c:pt>
                <c:pt idx="60">
                  <c:v>0.6</c:v>
                </c:pt>
                <c:pt idx="61">
                  <c:v>0.61</c:v>
                </c:pt>
                <c:pt idx="62">
                  <c:v>0.62</c:v>
                </c:pt>
                <c:pt idx="63">
                  <c:v>0.63</c:v>
                </c:pt>
                <c:pt idx="64">
                  <c:v>0.64</c:v>
                </c:pt>
                <c:pt idx="65">
                  <c:v>0.65</c:v>
                </c:pt>
                <c:pt idx="66">
                  <c:v>0.66</c:v>
                </c:pt>
                <c:pt idx="67">
                  <c:v>0.67</c:v>
                </c:pt>
                <c:pt idx="68">
                  <c:v>0.68</c:v>
                </c:pt>
                <c:pt idx="69">
                  <c:v>0.69</c:v>
                </c:pt>
                <c:pt idx="70">
                  <c:v>0.7</c:v>
                </c:pt>
                <c:pt idx="71">
                  <c:v>0.71</c:v>
                </c:pt>
                <c:pt idx="72">
                  <c:v>0.72</c:v>
                </c:pt>
                <c:pt idx="73">
                  <c:v>0.73</c:v>
                </c:pt>
                <c:pt idx="74">
                  <c:v>0.74</c:v>
                </c:pt>
                <c:pt idx="75">
                  <c:v>0.75</c:v>
                </c:pt>
                <c:pt idx="76">
                  <c:v>0.76</c:v>
                </c:pt>
                <c:pt idx="77">
                  <c:v>0.77</c:v>
                </c:pt>
                <c:pt idx="78">
                  <c:v>0.78</c:v>
                </c:pt>
                <c:pt idx="79">
                  <c:v>0.79</c:v>
                </c:pt>
                <c:pt idx="80">
                  <c:v>0.8</c:v>
                </c:pt>
                <c:pt idx="81">
                  <c:v>0.81</c:v>
                </c:pt>
                <c:pt idx="82">
                  <c:v>0.82</c:v>
                </c:pt>
                <c:pt idx="83">
                  <c:v>0.83</c:v>
                </c:pt>
                <c:pt idx="84">
                  <c:v>0.84</c:v>
                </c:pt>
                <c:pt idx="85">
                  <c:v>0.85</c:v>
                </c:pt>
                <c:pt idx="86">
                  <c:v>0.86</c:v>
                </c:pt>
                <c:pt idx="87">
                  <c:v>0.87</c:v>
                </c:pt>
                <c:pt idx="88">
                  <c:v>0.88</c:v>
                </c:pt>
                <c:pt idx="89">
                  <c:v>0.89</c:v>
                </c:pt>
                <c:pt idx="90">
                  <c:v>0.9</c:v>
                </c:pt>
                <c:pt idx="91">
                  <c:v>0.91</c:v>
                </c:pt>
                <c:pt idx="92">
                  <c:v>0.92</c:v>
                </c:pt>
                <c:pt idx="93">
                  <c:v>0.93</c:v>
                </c:pt>
                <c:pt idx="94">
                  <c:v>0.94</c:v>
                </c:pt>
                <c:pt idx="95">
                  <c:v>0.95</c:v>
                </c:pt>
                <c:pt idx="96">
                  <c:v>0.96</c:v>
                </c:pt>
                <c:pt idx="97">
                  <c:v>0.97</c:v>
                </c:pt>
                <c:pt idx="98">
                  <c:v>0.98</c:v>
                </c:pt>
                <c:pt idx="99">
                  <c:v>0.99</c:v>
                </c:pt>
                <c:pt idx="100">
                  <c:v>1</c:v>
                </c:pt>
              </c:numCache>
            </c:numRef>
          </c:cat>
          <c:val>
            <c:numRef>
              <c:f>'1feladat'!$H$2:$H$102</c:f>
              <c:numCache>
                <c:formatCode>General</c:formatCode>
                <c:ptCount val="101"/>
                <c:pt idx="0">
                  <c:v>0.42916666666666664</c:v>
                </c:pt>
                <c:pt idx="1">
                  <c:v>0.54605263157894746</c:v>
                </c:pt>
                <c:pt idx="2">
                  <c:v>0.46785714285714292</c:v>
                </c:pt>
                <c:pt idx="3">
                  <c:v>0.57464285714285701</c:v>
                </c:pt>
                <c:pt idx="4">
                  <c:v>0.499642857142857</c:v>
                </c:pt>
                <c:pt idx="5">
                  <c:v>0.44692307692307703</c:v>
                </c:pt>
                <c:pt idx="6">
                  <c:v>0.48099999999999998</c:v>
                </c:pt>
                <c:pt idx="7">
                  <c:v>0.4583333333333332</c:v>
                </c:pt>
                <c:pt idx="8">
                  <c:v>0.51777777777777789</c:v>
                </c:pt>
                <c:pt idx="9">
                  <c:v>0.46074074074074078</c:v>
                </c:pt>
                <c:pt idx="10">
                  <c:v>0.51030303030303026</c:v>
                </c:pt>
                <c:pt idx="11">
                  <c:v>0.47777777777777786</c:v>
                </c:pt>
                <c:pt idx="12">
                  <c:v>0.5375000000000002</c:v>
                </c:pt>
                <c:pt idx="13">
                  <c:v>0.53074074074074074</c:v>
                </c:pt>
                <c:pt idx="14">
                  <c:v>0.50740740740740742</c:v>
                </c:pt>
                <c:pt idx="15">
                  <c:v>0.44875000000000004</c:v>
                </c:pt>
                <c:pt idx="16">
                  <c:v>0.53111111111111109</c:v>
                </c:pt>
                <c:pt idx="17">
                  <c:v>0.54468749999999977</c:v>
                </c:pt>
                <c:pt idx="18">
                  <c:v>0.48375000000000001</c:v>
                </c:pt>
                <c:pt idx="19">
                  <c:v>0.47525000000000012</c:v>
                </c:pt>
                <c:pt idx="20">
                  <c:v>0.54433333333333345</c:v>
                </c:pt>
                <c:pt idx="21">
                  <c:v>0.55880000000000007</c:v>
                </c:pt>
                <c:pt idx="22">
                  <c:v>0.44888888888888878</c:v>
                </c:pt>
                <c:pt idx="23">
                  <c:v>0.37631578947368421</c:v>
                </c:pt>
                <c:pt idx="24">
                  <c:v>0.51620689655172414</c:v>
                </c:pt>
                <c:pt idx="25">
                  <c:v>0.48571428571428571</c:v>
                </c:pt>
                <c:pt idx="26">
                  <c:v>0.48233333333333334</c:v>
                </c:pt>
                <c:pt idx="27">
                  <c:v>0.51719999999999999</c:v>
                </c:pt>
                <c:pt idx="28">
                  <c:v>0.50156250000000013</c:v>
                </c:pt>
                <c:pt idx="29">
                  <c:v>0.36000000000000004</c:v>
                </c:pt>
                <c:pt idx="30">
                  <c:v>0.57633333333333348</c:v>
                </c:pt>
                <c:pt idx="31">
                  <c:v>0.55166666666666653</c:v>
                </c:pt>
                <c:pt idx="32">
                  <c:v>0.49702702702702706</c:v>
                </c:pt>
                <c:pt idx="33">
                  <c:v>0.57617647058823518</c:v>
                </c:pt>
                <c:pt idx="34">
                  <c:v>0.41071428571428559</c:v>
                </c:pt>
                <c:pt idx="35">
                  <c:v>0.46218749999999997</c:v>
                </c:pt>
                <c:pt idx="36">
                  <c:v>0.57166666666666677</c:v>
                </c:pt>
                <c:pt idx="37">
                  <c:v>0.51388888888888884</c:v>
                </c:pt>
                <c:pt idx="38">
                  <c:v>0.52666666666666673</c:v>
                </c:pt>
                <c:pt idx="39">
                  <c:v>0.46749999999999986</c:v>
                </c:pt>
                <c:pt idx="40">
                  <c:v>0.54680000000000006</c:v>
                </c:pt>
                <c:pt idx="41">
                  <c:v>0.49942857142857155</c:v>
                </c:pt>
                <c:pt idx="42">
                  <c:v>0.44920000000000004</c:v>
                </c:pt>
                <c:pt idx="43">
                  <c:v>0.45999999999999996</c:v>
                </c:pt>
                <c:pt idx="44">
                  <c:v>0.473448275862069</c:v>
                </c:pt>
                <c:pt idx="45">
                  <c:v>0.51956521739130435</c:v>
                </c:pt>
                <c:pt idx="46">
                  <c:v>0.45974358974358975</c:v>
                </c:pt>
                <c:pt idx="47">
                  <c:v>0.51526315789473698</c:v>
                </c:pt>
                <c:pt idx="48">
                  <c:v>0.49281249999999999</c:v>
                </c:pt>
                <c:pt idx="49">
                  <c:v>0.59230769230769231</c:v>
                </c:pt>
                <c:pt idx="50">
                  <c:v>0.546875</c:v>
                </c:pt>
                <c:pt idx="51">
                  <c:v>0.48062500000000008</c:v>
                </c:pt>
                <c:pt idx="52">
                  <c:v>0.45531250000000006</c:v>
                </c:pt>
                <c:pt idx="53">
                  <c:v>0.47810810810810805</c:v>
                </c:pt>
                <c:pt idx="54">
                  <c:v>0.41818181818181815</c:v>
                </c:pt>
                <c:pt idx="55">
                  <c:v>0.5724999999999999</c:v>
                </c:pt>
                <c:pt idx="56">
                  <c:v>0.49323529411764705</c:v>
                </c:pt>
                <c:pt idx="57">
                  <c:v>0.56148148148148147</c:v>
                </c:pt>
                <c:pt idx="58">
                  <c:v>0.50354838709677419</c:v>
                </c:pt>
                <c:pt idx="59">
                  <c:v>0.49428571428571427</c:v>
                </c:pt>
                <c:pt idx="60">
                  <c:v>0.48387096774193555</c:v>
                </c:pt>
                <c:pt idx="61">
                  <c:v>0.53322580645161266</c:v>
                </c:pt>
                <c:pt idx="62">
                  <c:v>0.44531250000000006</c:v>
                </c:pt>
                <c:pt idx="63">
                  <c:v>0.5237931034482759</c:v>
                </c:pt>
                <c:pt idx="64">
                  <c:v>0.46684210526315795</c:v>
                </c:pt>
                <c:pt idx="65">
                  <c:v>0.51790697674418606</c:v>
                </c:pt>
                <c:pt idx="66">
                  <c:v>0.46000000000000008</c:v>
                </c:pt>
                <c:pt idx="67">
                  <c:v>0.50393939393939391</c:v>
                </c:pt>
                <c:pt idx="68">
                  <c:v>0.49891891891891893</c:v>
                </c:pt>
                <c:pt idx="69">
                  <c:v>0.5099999999999999</c:v>
                </c:pt>
                <c:pt idx="70">
                  <c:v>0.44874999999999998</c:v>
                </c:pt>
                <c:pt idx="71">
                  <c:v>0.5294444444444445</c:v>
                </c:pt>
                <c:pt idx="72">
                  <c:v>0.39083333333333337</c:v>
                </c:pt>
                <c:pt idx="73">
                  <c:v>0.54374999999999984</c:v>
                </c:pt>
                <c:pt idx="74">
                  <c:v>0.51406249999999998</c:v>
                </c:pt>
                <c:pt idx="75">
                  <c:v>0.52950000000000008</c:v>
                </c:pt>
                <c:pt idx="76">
                  <c:v>0.5377777777777778</c:v>
                </c:pt>
                <c:pt idx="77">
                  <c:v>0.51249999999999996</c:v>
                </c:pt>
                <c:pt idx="78">
                  <c:v>0.56885714285714284</c:v>
                </c:pt>
                <c:pt idx="79">
                  <c:v>0.50909090909090904</c:v>
                </c:pt>
                <c:pt idx="80">
                  <c:v>0.47322580645161288</c:v>
                </c:pt>
                <c:pt idx="81">
                  <c:v>0.55730769230769228</c:v>
                </c:pt>
                <c:pt idx="82">
                  <c:v>0.54352941176470582</c:v>
                </c:pt>
                <c:pt idx="83">
                  <c:v>0.49333333333333329</c:v>
                </c:pt>
                <c:pt idx="84">
                  <c:v>0.48181818181818181</c:v>
                </c:pt>
                <c:pt idx="85">
                  <c:v>0.50187499999999996</c:v>
                </c:pt>
                <c:pt idx="86">
                  <c:v>0.46375000000000005</c:v>
                </c:pt>
                <c:pt idx="87">
                  <c:v>0.57527777777777755</c:v>
                </c:pt>
                <c:pt idx="88">
                  <c:v>0.46904761904761905</c:v>
                </c:pt>
                <c:pt idx="89">
                  <c:v>0.41466666666666679</c:v>
                </c:pt>
                <c:pt idx="90">
                  <c:v>0.55727272727272703</c:v>
                </c:pt>
                <c:pt idx="91">
                  <c:v>0.48235294117647054</c:v>
                </c:pt>
                <c:pt idx="92">
                  <c:v>0.53647058823529414</c:v>
                </c:pt>
                <c:pt idx="93">
                  <c:v>0.53117647058823536</c:v>
                </c:pt>
                <c:pt idx="94">
                  <c:v>0.51703703703703707</c:v>
                </c:pt>
                <c:pt idx="95">
                  <c:v>0.52068965517241383</c:v>
                </c:pt>
                <c:pt idx="96">
                  <c:v>0.3828571428571429</c:v>
                </c:pt>
                <c:pt idx="97">
                  <c:v>0.57607142857142857</c:v>
                </c:pt>
                <c:pt idx="98">
                  <c:v>0.49964285714285717</c:v>
                </c:pt>
                <c:pt idx="99">
                  <c:v>0.48759999999999992</c:v>
                </c:pt>
                <c:pt idx="100">
                  <c:v>0.536428571428571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621-49C9-B2E3-AE87422E4D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51752736"/>
        <c:axId val="451755136"/>
      </c:lineChart>
      <c:catAx>
        <c:axId val="45175273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MI-vel való kapcsola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51755136"/>
        <c:crosses val="autoZero"/>
        <c:auto val="1"/>
        <c:lblAlgn val="ctr"/>
        <c:lblOffset val="100"/>
        <c:noMultiLvlLbl val="0"/>
      </c:catAx>
      <c:valAx>
        <c:axId val="451755136"/>
        <c:scaling>
          <c:orientation val="minMax"/>
          <c:max val="1.1500000000000001"/>
          <c:min val="0.35000000000000003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517527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2"/>
        <c:delete val="1"/>
      </c:legendEntry>
      <c:legendEntry>
        <c:idx val="3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0"/>
          </c:trendline>
          <c:xVal>
            <c:numRef>
              <c:f>'2feladat'!$F$2:$F$31</c:f>
              <c:numCache>
                <c:formatCode>General</c:formatCode>
                <c:ptCount val="30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</c:numCache>
            </c:numRef>
          </c:xVal>
          <c:yVal>
            <c:numRef>
              <c:f>'2feladat'!$G$2:$G$31</c:f>
              <c:numCache>
                <c:formatCode>General</c:formatCode>
                <c:ptCount val="30"/>
                <c:pt idx="0">
                  <c:v>0.50692307692307692</c:v>
                </c:pt>
                <c:pt idx="1">
                  <c:v>0.50909090909090904</c:v>
                </c:pt>
                <c:pt idx="2">
                  <c:v>0.49702702702702695</c:v>
                </c:pt>
                <c:pt idx="3">
                  <c:v>0.51533333333333331</c:v>
                </c:pt>
                <c:pt idx="4">
                  <c:v>0.53148936170212779</c:v>
                </c:pt>
                <c:pt idx="5">
                  <c:v>0.56249999999999989</c:v>
                </c:pt>
                <c:pt idx="6">
                  <c:v>0.62410256410256415</c:v>
                </c:pt>
                <c:pt idx="7">
                  <c:v>0.51695652173913054</c:v>
                </c:pt>
                <c:pt idx="8">
                  <c:v>0.5189583333333333</c:v>
                </c:pt>
                <c:pt idx="9">
                  <c:v>0.50893617021276594</c:v>
                </c:pt>
                <c:pt idx="10">
                  <c:v>0.53264150943396238</c:v>
                </c:pt>
                <c:pt idx="11">
                  <c:v>0.48642857142857149</c:v>
                </c:pt>
                <c:pt idx="12">
                  <c:v>0.54666666666666697</c:v>
                </c:pt>
                <c:pt idx="13">
                  <c:v>0.46916666666666673</c:v>
                </c:pt>
                <c:pt idx="14">
                  <c:v>0.44692307692307681</c:v>
                </c:pt>
                <c:pt idx="15">
                  <c:v>0.46823529411764703</c:v>
                </c:pt>
                <c:pt idx="16">
                  <c:v>0.55934426229508183</c:v>
                </c:pt>
                <c:pt idx="17">
                  <c:v>0.49261904761904757</c:v>
                </c:pt>
                <c:pt idx="18">
                  <c:v>0.47424242424242424</c:v>
                </c:pt>
                <c:pt idx="19">
                  <c:v>0.47892857142857137</c:v>
                </c:pt>
                <c:pt idx="20">
                  <c:v>0.48954545454545445</c:v>
                </c:pt>
                <c:pt idx="21">
                  <c:v>0.39644067796610172</c:v>
                </c:pt>
                <c:pt idx="22">
                  <c:v>0.47061224489795916</c:v>
                </c:pt>
                <c:pt idx="23">
                  <c:v>0.50921568627450986</c:v>
                </c:pt>
                <c:pt idx="24">
                  <c:v>0.48276595744680856</c:v>
                </c:pt>
                <c:pt idx="25">
                  <c:v>0.50020408163265306</c:v>
                </c:pt>
                <c:pt idx="26">
                  <c:v>0.54884615384615387</c:v>
                </c:pt>
                <c:pt idx="27">
                  <c:v>0.49237288135593221</c:v>
                </c:pt>
                <c:pt idx="28">
                  <c:v>0.49839999999999973</c:v>
                </c:pt>
                <c:pt idx="29">
                  <c:v>0.518000000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266-4B4C-BDDC-B0C16CF808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91538320"/>
        <c:axId val="589459568"/>
      </c:scatterChart>
      <c:valAx>
        <c:axId val="591538320"/>
        <c:scaling>
          <c:orientation val="minMax"/>
          <c:max val="29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Munkatapasztalat</a:t>
                </a:r>
                <a:r>
                  <a:rPr lang="hu-HU" baseline="0"/>
                  <a:t> (év)</a:t>
                </a:r>
                <a:endParaRPr lang="hu-H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589459568"/>
        <c:crosses val="autoZero"/>
        <c:crossBetween val="midCat"/>
      </c:valAx>
      <c:valAx>
        <c:axId val="58945956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Automatizálá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5915383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Kitettség mérték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3feladat'!$E$3:$E$6</c:f>
              <c:strCache>
                <c:ptCount val="4"/>
                <c:pt idx="0">
                  <c:v>High School</c:v>
                </c:pt>
                <c:pt idx="1">
                  <c:v>Bachelor's</c:v>
                </c:pt>
                <c:pt idx="2">
                  <c:v>Master's</c:v>
                </c:pt>
                <c:pt idx="3">
                  <c:v>PhD</c:v>
                </c:pt>
              </c:strCache>
            </c:strRef>
          </c:cat>
          <c:val>
            <c:numRef>
              <c:f>'3feladat'!$F$3:$F$6</c:f>
              <c:numCache>
                <c:formatCode>General</c:formatCode>
                <c:ptCount val="4"/>
                <c:pt idx="0">
                  <c:v>0.49755102040816301</c:v>
                </c:pt>
                <c:pt idx="1">
                  <c:v>0.49650980392156863</c:v>
                </c:pt>
                <c:pt idx="2">
                  <c:v>0.5034013605442178</c:v>
                </c:pt>
                <c:pt idx="3">
                  <c:v>0.508296089385474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140-4BC2-8C91-355D621404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7300736"/>
        <c:axId val="207299776"/>
      </c:barChart>
      <c:catAx>
        <c:axId val="2073007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207299776"/>
        <c:crosses val="autoZero"/>
        <c:auto val="1"/>
        <c:lblAlgn val="ctr"/>
        <c:lblOffset val="100"/>
        <c:noMultiLvlLbl val="0"/>
      </c:catAx>
      <c:valAx>
        <c:axId val="207299776"/>
        <c:scaling>
          <c:orientation val="minMax"/>
          <c:max val="0.60000000000000009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207300736"/>
        <c:crosses val="autoZero"/>
        <c:crossBetween val="between"/>
        <c:majorUnit val="0.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Automatizálás</a:t>
            </a:r>
            <a:r>
              <a:rPr lang="hu-HU" baseline="0"/>
              <a:t> valószínűsége</a:t>
            </a:r>
            <a:endParaRPr lang="hu-HU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3feladat'!$E$3:$E$6</c:f>
              <c:strCache>
                <c:ptCount val="4"/>
                <c:pt idx="0">
                  <c:v>High School</c:v>
                </c:pt>
                <c:pt idx="1">
                  <c:v>Bachelor's</c:v>
                </c:pt>
                <c:pt idx="2">
                  <c:v>Master's</c:v>
                </c:pt>
                <c:pt idx="3">
                  <c:v>PhD</c:v>
                </c:pt>
              </c:strCache>
            </c:strRef>
          </c:cat>
          <c:val>
            <c:numRef>
              <c:f>'3feladat'!$G$3:$G$6</c:f>
              <c:numCache>
                <c:formatCode>General</c:formatCode>
                <c:ptCount val="4"/>
                <c:pt idx="0">
                  <c:v>0.50905612244897902</c:v>
                </c:pt>
                <c:pt idx="1">
                  <c:v>0.50035294117647022</c:v>
                </c:pt>
                <c:pt idx="2">
                  <c:v>0.49563265306122434</c:v>
                </c:pt>
                <c:pt idx="3">
                  <c:v>0.500488826815642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D7-4144-A0AB-CB2ADE58F2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330511759"/>
        <c:axId val="1459819775"/>
      </c:barChart>
      <c:catAx>
        <c:axId val="133051175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459819775"/>
        <c:crosses val="autoZero"/>
        <c:auto val="1"/>
        <c:lblAlgn val="ctr"/>
        <c:lblOffset val="100"/>
        <c:noMultiLvlLbl val="0"/>
      </c:catAx>
      <c:valAx>
        <c:axId val="1459819775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330511759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bg1">
                <a:lumMod val="85000"/>
              </a:schemeClr>
            </a:solidFill>
            <a:ln>
              <a:solidFill>
                <a:schemeClr val="tx1"/>
              </a:solidFill>
            </a:ln>
            <a:effectLst/>
          </c:spPr>
          <c:invertIfNegative val="0"/>
          <c:cat>
            <c:strRef>
              <c:f>'4feladat'!$F$2:$F$21</c:f>
              <c:strCache>
                <c:ptCount val="20"/>
                <c:pt idx="0">
                  <c:v>adattudós</c:v>
                </c:pt>
                <c:pt idx="1">
                  <c:v>ápoló</c:v>
                </c:pt>
                <c:pt idx="2">
                  <c:v>biztonsági őr</c:v>
                </c:pt>
                <c:pt idx="3">
                  <c:v>építőipari munkás</c:v>
                </c:pt>
                <c:pt idx="4">
                  <c:v>grafikus</c:v>
                </c:pt>
                <c:pt idx="5">
                  <c:v>HR-szakember</c:v>
                </c:pt>
                <c:pt idx="6">
                  <c:v>jogász</c:v>
                </c:pt>
                <c:pt idx="7">
                  <c:v>kiskereskedelmi alkalmazott</c:v>
                </c:pt>
                <c:pt idx="8">
                  <c:v>marketingmenedzser</c:v>
                </c:pt>
                <c:pt idx="9">
                  <c:v>MI szoftvermérnök</c:v>
                </c:pt>
                <c:pt idx="10">
                  <c:v>orvos</c:v>
                </c:pt>
                <c:pt idx="11">
                  <c:v>pénzügyi elemző</c:v>
                </c:pt>
                <c:pt idx="12">
                  <c:v>szakács</c:v>
                </c:pt>
                <c:pt idx="13">
                  <c:v>szerelő</c:v>
                </c:pt>
                <c:pt idx="14">
                  <c:v>szoftvermérnök</c:v>
                </c:pt>
                <c:pt idx="15">
                  <c:v>tanár</c:v>
                </c:pt>
                <c:pt idx="16">
                  <c:v>teherautó sofőr</c:v>
                </c:pt>
                <c:pt idx="17">
                  <c:v>tudományos kutató</c:v>
                </c:pt>
                <c:pt idx="18">
                  <c:v>UX tervező</c:v>
                </c:pt>
                <c:pt idx="19">
                  <c:v>ügyfélszolgálati munkatárs</c:v>
                </c:pt>
              </c:strCache>
            </c:strRef>
          </c:cat>
          <c:val>
            <c:numRef>
              <c:f>'4feladat'!$I$2:$I$21</c:f>
              <c:numCache>
                <c:formatCode>0.0000000</c:formatCode>
                <c:ptCount val="20"/>
                <c:pt idx="0">
                  <c:v>-4.8666429587482352E-2</c:v>
                </c:pt>
                <c:pt idx="1">
                  <c:v>1.030588235294122E-2</c:v>
                </c:pt>
                <c:pt idx="2">
                  <c:v>-2.6278177458033625E-2</c:v>
                </c:pt>
                <c:pt idx="3">
                  <c:v>1.7735928903936049E-2</c:v>
                </c:pt>
                <c:pt idx="4">
                  <c:v>2.8108108108108043E-2</c:v>
                </c:pt>
                <c:pt idx="5">
                  <c:v>7.5534188034185878E-3</c:v>
                </c:pt>
                <c:pt idx="6">
                  <c:v>-4.2564102564102146E-3</c:v>
                </c:pt>
                <c:pt idx="7">
                  <c:v>-8.736510791366614E-3</c:v>
                </c:pt>
                <c:pt idx="8">
                  <c:v>1.3011904761905113E-2</c:v>
                </c:pt>
                <c:pt idx="9">
                  <c:v>-1.2379032258064443E-2</c:v>
                </c:pt>
                <c:pt idx="10">
                  <c:v>1.8118939883645713E-2</c:v>
                </c:pt>
                <c:pt idx="11">
                  <c:v>1.5462653288740025E-2</c:v>
                </c:pt>
                <c:pt idx="12">
                  <c:v>-1.5793893129770975E-2</c:v>
                </c:pt>
                <c:pt idx="13">
                  <c:v>4.4304461942256956E-2</c:v>
                </c:pt>
                <c:pt idx="14">
                  <c:v>2.1124999999999616E-2</c:v>
                </c:pt>
                <c:pt idx="15">
                  <c:v>-1.588520971302429E-2</c:v>
                </c:pt>
                <c:pt idx="16">
                  <c:v>-1.1029411764705843E-2</c:v>
                </c:pt>
                <c:pt idx="17">
                  <c:v>1.2296380090497744E-2</c:v>
                </c:pt>
                <c:pt idx="18">
                  <c:v>3.8276723276723434E-2</c:v>
                </c:pt>
                <c:pt idx="19">
                  <c:v>-5.9322033898304705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343-4B02-BB1A-0E7455863E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1682193231"/>
        <c:axId val="1682194191"/>
      </c:barChart>
      <c:catAx>
        <c:axId val="1682193231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Foglalkozá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900" b="1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682194191"/>
        <c:crosses val="autoZero"/>
        <c:auto val="1"/>
        <c:lblAlgn val="ctr"/>
        <c:lblOffset val="100"/>
        <c:noMultiLvlLbl val="0"/>
      </c:catAx>
      <c:valAx>
        <c:axId val="168219419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A pályakezdők mennyivel automatizálhatóbbak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0.0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682193231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5feladat'!$L$3</c:f>
              <c:strCache>
                <c:ptCount val="1"/>
                <c:pt idx="0">
                  <c:v>Kitettség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5feladat'!$O$4:$O$6</c:f>
              <c:strCache>
                <c:ptCount val="3"/>
                <c:pt idx="0">
                  <c:v>informatika</c:v>
                </c:pt>
                <c:pt idx="1">
                  <c:v>emberi kapcsolatok</c:v>
                </c:pt>
                <c:pt idx="2">
                  <c:v>ipar és pénz</c:v>
                </c:pt>
              </c:strCache>
            </c:strRef>
          </c:cat>
          <c:val>
            <c:numRef>
              <c:f>'5feladat'!$L$4:$L$6</c:f>
              <c:numCache>
                <c:formatCode>General</c:formatCode>
                <c:ptCount val="3"/>
                <c:pt idx="0">
                  <c:v>0.51150641025641064</c:v>
                </c:pt>
                <c:pt idx="1">
                  <c:v>0.50901515151515175</c:v>
                </c:pt>
                <c:pt idx="2">
                  <c:v>0.495802277432710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404-4764-8740-0DC0D3178195}"/>
            </c:ext>
          </c:extLst>
        </c:ser>
        <c:ser>
          <c:idx val="1"/>
          <c:order val="1"/>
          <c:tx>
            <c:strRef>
              <c:f>'5feladat'!$M$3</c:f>
              <c:strCache>
                <c:ptCount val="1"/>
                <c:pt idx="0">
                  <c:v>Automatizálás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'5feladat'!$O$4:$O$6</c:f>
              <c:strCache>
                <c:ptCount val="3"/>
                <c:pt idx="0">
                  <c:v>informatika</c:v>
                </c:pt>
                <c:pt idx="1">
                  <c:v>emberi kapcsolatok</c:v>
                </c:pt>
                <c:pt idx="2">
                  <c:v>ipar és pénz</c:v>
                </c:pt>
              </c:strCache>
            </c:strRef>
          </c:cat>
          <c:val>
            <c:numRef>
              <c:f>'5feladat'!$M$4:$M$6</c:f>
              <c:numCache>
                <c:formatCode>General</c:formatCode>
                <c:ptCount val="3"/>
                <c:pt idx="0">
                  <c:v>0.56266025641025719</c:v>
                </c:pt>
                <c:pt idx="1">
                  <c:v>0.48643939393939412</c:v>
                </c:pt>
                <c:pt idx="2">
                  <c:v>0.472903726708074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404-4764-8740-0DC0D317819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344281216"/>
        <c:axId val="344281696"/>
      </c:barChart>
      <c:catAx>
        <c:axId val="3442812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344281696"/>
        <c:crosses val="autoZero"/>
        <c:auto val="1"/>
        <c:lblAlgn val="ctr"/>
        <c:lblOffset val="100"/>
        <c:noMultiLvlLbl val="0"/>
      </c:catAx>
      <c:valAx>
        <c:axId val="3442816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3442812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00025</xdr:colOff>
      <xdr:row>8</xdr:row>
      <xdr:rowOff>109537</xdr:rowOff>
    </xdr:from>
    <xdr:to>
      <xdr:col>22</xdr:col>
      <xdr:colOff>333375</xdr:colOff>
      <xdr:row>29</xdr:row>
      <xdr:rowOff>85725</xdr:rowOff>
    </xdr:to>
    <xdr:graphicFrame macro="">
      <xdr:nvGraphicFramePr>
        <xdr:cNvPr id="6" name="Diagram 5">
          <a:extLst>
            <a:ext uri="{FF2B5EF4-FFF2-40B4-BE49-F238E27FC236}">
              <a16:creationId xmlns:a16="http://schemas.microsoft.com/office/drawing/2014/main" id="{E7B34375-E1EF-4311-0ED9-85B1E991BA9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466724</xdr:colOff>
      <xdr:row>3</xdr:row>
      <xdr:rowOff>90486</xdr:rowOff>
    </xdr:from>
    <xdr:to>
      <xdr:col>20</xdr:col>
      <xdr:colOff>457199</xdr:colOff>
      <xdr:row>22</xdr:row>
      <xdr:rowOff>57149</xdr:rowOff>
    </xdr:to>
    <xdr:graphicFrame macro="">
      <xdr:nvGraphicFramePr>
        <xdr:cNvPr id="4" name="Diagram 3">
          <a:extLst>
            <a:ext uri="{FF2B5EF4-FFF2-40B4-BE49-F238E27FC236}">
              <a16:creationId xmlns:a16="http://schemas.microsoft.com/office/drawing/2014/main" id="{22853E7B-1570-276F-3E72-01EBD99B3C1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4</xdr:row>
      <xdr:rowOff>52387</xdr:rowOff>
    </xdr:from>
    <xdr:to>
      <xdr:col>15</xdr:col>
      <xdr:colOff>495300</xdr:colOff>
      <xdr:row>18</xdr:row>
      <xdr:rowOff>128587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D49D9D91-692B-6243-38C5-982375AC1F5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180975</xdr:colOff>
      <xdr:row>19</xdr:row>
      <xdr:rowOff>33337</xdr:rowOff>
    </xdr:from>
    <xdr:to>
      <xdr:col>15</xdr:col>
      <xdr:colOff>485775</xdr:colOff>
      <xdr:row>33</xdr:row>
      <xdr:rowOff>109537</xdr:rowOff>
    </xdr:to>
    <xdr:graphicFrame macro="">
      <xdr:nvGraphicFramePr>
        <xdr:cNvPr id="3" name="Diagram 2">
          <a:extLst>
            <a:ext uri="{FF2B5EF4-FFF2-40B4-BE49-F238E27FC236}">
              <a16:creationId xmlns:a16="http://schemas.microsoft.com/office/drawing/2014/main" id="{C559FC76-973D-A822-8650-34247474D0E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6</xdr:row>
      <xdr:rowOff>119061</xdr:rowOff>
    </xdr:from>
    <xdr:to>
      <xdr:col>28</xdr:col>
      <xdr:colOff>276225</xdr:colOff>
      <xdr:row>30</xdr:row>
      <xdr:rowOff>142874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96A593C8-7898-830E-3AA7-169CDC2BF44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323849</xdr:colOff>
      <xdr:row>9</xdr:row>
      <xdr:rowOff>52387</xdr:rowOff>
    </xdr:from>
    <xdr:to>
      <xdr:col>19</xdr:col>
      <xdr:colOff>276224</xdr:colOff>
      <xdr:row>26</xdr:row>
      <xdr:rowOff>114300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6E34A190-F0CB-AFA2-DCCC-28FB86BC4E6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8D133A-90C9-4764-8F9E-7F307D9E5A16}">
  <dimension ref="A1:G3001"/>
  <sheetViews>
    <sheetView workbookViewId="0">
      <selection activeCell="L21" sqref="L21"/>
    </sheetView>
  </sheetViews>
  <sheetFormatPr defaultRowHeight="15" x14ac:dyDescent="0.25"/>
  <cols>
    <col min="1" max="1" width="26.85546875" bestFit="1" customWidth="1"/>
  </cols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45795</v>
      </c>
      <c r="C2">
        <v>28</v>
      </c>
      <c r="D2" t="s">
        <v>8</v>
      </c>
      <c r="E2">
        <v>0.18</v>
      </c>
      <c r="F2">
        <v>1.28</v>
      </c>
      <c r="G2">
        <v>0.85</v>
      </c>
    </row>
    <row r="3" spans="1:7" x14ac:dyDescent="0.25">
      <c r="A3" t="s">
        <v>9</v>
      </c>
      <c r="B3">
        <v>133355</v>
      </c>
      <c r="C3">
        <v>20</v>
      </c>
      <c r="D3" t="s">
        <v>10</v>
      </c>
      <c r="E3">
        <v>0.62</v>
      </c>
      <c r="F3">
        <v>1.1100000000000001</v>
      </c>
      <c r="G3">
        <v>0.05</v>
      </c>
    </row>
    <row r="4" spans="1:7" x14ac:dyDescent="0.25">
      <c r="A4" t="s">
        <v>11</v>
      </c>
      <c r="B4">
        <v>146216</v>
      </c>
      <c r="C4">
        <v>2</v>
      </c>
      <c r="D4" t="s">
        <v>12</v>
      </c>
      <c r="E4">
        <v>0.86</v>
      </c>
      <c r="F4">
        <v>1.18</v>
      </c>
      <c r="G4">
        <v>0.81</v>
      </c>
    </row>
    <row r="5" spans="1:7" x14ac:dyDescent="0.25">
      <c r="A5" t="s">
        <v>13</v>
      </c>
      <c r="B5">
        <v>136530</v>
      </c>
      <c r="C5">
        <v>13</v>
      </c>
      <c r="D5" t="s">
        <v>10</v>
      </c>
      <c r="E5">
        <v>0.39</v>
      </c>
      <c r="F5">
        <v>0.68</v>
      </c>
      <c r="G5">
        <v>0.6</v>
      </c>
    </row>
    <row r="6" spans="1:7" x14ac:dyDescent="0.25">
      <c r="A6" t="s">
        <v>14</v>
      </c>
      <c r="B6">
        <v>70397</v>
      </c>
      <c r="C6">
        <v>22</v>
      </c>
      <c r="D6" t="s">
        <v>12</v>
      </c>
      <c r="E6">
        <v>0.52</v>
      </c>
      <c r="F6">
        <v>1.46</v>
      </c>
      <c r="G6">
        <v>0.64</v>
      </c>
    </row>
    <row r="7" spans="1:7" x14ac:dyDescent="0.25">
      <c r="A7" t="s">
        <v>15</v>
      </c>
      <c r="B7">
        <v>92592</v>
      </c>
      <c r="C7">
        <v>11</v>
      </c>
      <c r="D7" t="s">
        <v>8</v>
      </c>
      <c r="E7">
        <v>0.28999999999999998</v>
      </c>
      <c r="F7">
        <v>0.51</v>
      </c>
      <c r="G7">
        <v>0.1</v>
      </c>
    </row>
    <row r="8" spans="1:7" x14ac:dyDescent="0.25">
      <c r="A8" t="s">
        <v>16</v>
      </c>
      <c r="B8">
        <v>107373</v>
      </c>
      <c r="C8">
        <v>23</v>
      </c>
      <c r="D8" t="s">
        <v>10</v>
      </c>
      <c r="E8">
        <v>0.67</v>
      </c>
      <c r="F8">
        <v>1.0900000000000001</v>
      </c>
      <c r="G8">
        <v>0.41</v>
      </c>
    </row>
    <row r="9" spans="1:7" x14ac:dyDescent="0.25">
      <c r="A9" t="s">
        <v>17</v>
      </c>
      <c r="B9">
        <v>53419</v>
      </c>
      <c r="C9">
        <v>12</v>
      </c>
      <c r="D9" t="s">
        <v>12</v>
      </c>
      <c r="E9">
        <v>0.2</v>
      </c>
      <c r="F9">
        <v>1.4</v>
      </c>
      <c r="G9">
        <v>0.17</v>
      </c>
    </row>
    <row r="10" spans="1:7" x14ac:dyDescent="0.25">
      <c r="A10" t="s">
        <v>18</v>
      </c>
      <c r="B10">
        <v>139225</v>
      </c>
      <c r="C10">
        <v>12</v>
      </c>
      <c r="D10" t="s">
        <v>8</v>
      </c>
      <c r="E10">
        <v>0.3</v>
      </c>
      <c r="F10">
        <v>0.61</v>
      </c>
      <c r="G10">
        <v>0.48</v>
      </c>
    </row>
    <row r="11" spans="1:7" x14ac:dyDescent="0.25">
      <c r="A11" t="s">
        <v>19</v>
      </c>
      <c r="B11">
        <v>85016</v>
      </c>
      <c r="C11">
        <v>2</v>
      </c>
      <c r="D11" t="s">
        <v>12</v>
      </c>
      <c r="E11">
        <v>0.01</v>
      </c>
      <c r="F11">
        <v>1.01</v>
      </c>
      <c r="G11">
        <v>0.8</v>
      </c>
    </row>
    <row r="12" spans="1:7" x14ac:dyDescent="0.25">
      <c r="A12" t="s">
        <v>20</v>
      </c>
      <c r="B12">
        <v>82733</v>
      </c>
      <c r="C12">
        <v>6</v>
      </c>
      <c r="D12" t="s">
        <v>12</v>
      </c>
      <c r="E12">
        <v>0.5</v>
      </c>
      <c r="F12">
        <v>0.8</v>
      </c>
      <c r="G12">
        <v>0.41</v>
      </c>
    </row>
    <row r="13" spans="1:7" x14ac:dyDescent="0.25">
      <c r="A13" t="s">
        <v>14</v>
      </c>
      <c r="B13">
        <v>117455</v>
      </c>
      <c r="C13">
        <v>22</v>
      </c>
      <c r="D13" t="s">
        <v>12</v>
      </c>
      <c r="E13">
        <v>0.67</v>
      </c>
      <c r="F13">
        <v>1.26</v>
      </c>
      <c r="G13">
        <v>0.4</v>
      </c>
    </row>
    <row r="14" spans="1:7" x14ac:dyDescent="0.25">
      <c r="A14" t="s">
        <v>21</v>
      </c>
      <c r="B14">
        <v>79811</v>
      </c>
      <c r="C14">
        <v>27</v>
      </c>
      <c r="D14" t="s">
        <v>12</v>
      </c>
      <c r="E14">
        <v>0.68</v>
      </c>
      <c r="F14">
        <v>0.52</v>
      </c>
      <c r="G14">
        <v>0.5</v>
      </c>
    </row>
    <row r="15" spans="1:7" x14ac:dyDescent="0.25">
      <c r="A15" t="s">
        <v>22</v>
      </c>
      <c r="B15">
        <v>115981</v>
      </c>
      <c r="C15">
        <v>9</v>
      </c>
      <c r="D15" t="s">
        <v>12</v>
      </c>
      <c r="E15">
        <v>0.26</v>
      </c>
      <c r="F15">
        <v>1.1599999999999999</v>
      </c>
      <c r="G15">
        <v>0.63</v>
      </c>
    </row>
    <row r="16" spans="1:7" x14ac:dyDescent="0.25">
      <c r="A16" t="s">
        <v>9</v>
      </c>
      <c r="B16">
        <v>96690</v>
      </c>
      <c r="C16">
        <v>19</v>
      </c>
      <c r="D16" t="s">
        <v>8</v>
      </c>
      <c r="E16">
        <v>0.89</v>
      </c>
      <c r="F16">
        <v>1.28</v>
      </c>
      <c r="G16">
        <v>0.21</v>
      </c>
    </row>
    <row r="17" spans="1:7" x14ac:dyDescent="0.25">
      <c r="A17" t="s">
        <v>23</v>
      </c>
      <c r="B17">
        <v>32869</v>
      </c>
      <c r="C17">
        <v>2</v>
      </c>
      <c r="D17" t="s">
        <v>12</v>
      </c>
      <c r="E17">
        <v>0.65</v>
      </c>
      <c r="F17">
        <v>0.72</v>
      </c>
      <c r="G17">
        <v>0.57999999999999996</v>
      </c>
    </row>
    <row r="18" spans="1:7" x14ac:dyDescent="0.25">
      <c r="A18" t="s">
        <v>17</v>
      </c>
      <c r="B18">
        <v>36893</v>
      </c>
      <c r="C18">
        <v>29</v>
      </c>
      <c r="D18" t="s">
        <v>24</v>
      </c>
      <c r="E18">
        <v>0.97</v>
      </c>
      <c r="F18">
        <v>0.89</v>
      </c>
      <c r="G18">
        <v>0.27</v>
      </c>
    </row>
    <row r="19" spans="1:7" x14ac:dyDescent="0.25">
      <c r="A19" t="s">
        <v>17</v>
      </c>
      <c r="B19">
        <v>103744</v>
      </c>
      <c r="C19">
        <v>11</v>
      </c>
      <c r="D19" t="s">
        <v>24</v>
      </c>
      <c r="E19">
        <v>0.94</v>
      </c>
      <c r="F19">
        <v>1.45</v>
      </c>
      <c r="G19">
        <v>0.28000000000000003</v>
      </c>
    </row>
    <row r="20" spans="1:7" x14ac:dyDescent="0.25">
      <c r="A20" t="s">
        <v>25</v>
      </c>
      <c r="B20">
        <v>148015</v>
      </c>
      <c r="C20">
        <v>2</v>
      </c>
      <c r="D20" t="s">
        <v>10</v>
      </c>
      <c r="E20">
        <v>0.17</v>
      </c>
      <c r="F20">
        <v>1.06</v>
      </c>
      <c r="G20">
        <v>0.93</v>
      </c>
    </row>
    <row r="21" spans="1:7" x14ac:dyDescent="0.25">
      <c r="A21" t="s">
        <v>26</v>
      </c>
      <c r="B21">
        <v>108069</v>
      </c>
      <c r="C21">
        <v>15</v>
      </c>
      <c r="D21" t="s">
        <v>8</v>
      </c>
      <c r="E21">
        <v>0.55000000000000004</v>
      </c>
      <c r="F21">
        <v>0.8</v>
      </c>
      <c r="G21">
        <v>0.15</v>
      </c>
    </row>
    <row r="22" spans="1:7" x14ac:dyDescent="0.25">
      <c r="A22" t="s">
        <v>15</v>
      </c>
      <c r="B22">
        <v>43403</v>
      </c>
      <c r="C22">
        <v>1</v>
      </c>
      <c r="D22" t="s">
        <v>12</v>
      </c>
      <c r="E22">
        <v>0.09</v>
      </c>
      <c r="F22">
        <v>1.08</v>
      </c>
      <c r="G22">
        <v>0.06</v>
      </c>
    </row>
    <row r="23" spans="1:7" x14ac:dyDescent="0.25">
      <c r="A23" t="s">
        <v>18</v>
      </c>
      <c r="B23">
        <v>49508</v>
      </c>
      <c r="C23">
        <v>27</v>
      </c>
      <c r="D23" t="s">
        <v>24</v>
      </c>
      <c r="E23">
        <v>0.22</v>
      </c>
      <c r="F23">
        <v>1.1200000000000001</v>
      </c>
      <c r="G23">
        <v>0.33</v>
      </c>
    </row>
    <row r="24" spans="1:7" x14ac:dyDescent="0.25">
      <c r="A24" t="s">
        <v>17</v>
      </c>
      <c r="B24">
        <v>58251</v>
      </c>
      <c r="C24">
        <v>25</v>
      </c>
      <c r="D24" t="s">
        <v>10</v>
      </c>
      <c r="E24">
        <v>0.08</v>
      </c>
      <c r="F24">
        <v>0.53</v>
      </c>
      <c r="G24">
        <v>0.28999999999999998</v>
      </c>
    </row>
    <row r="25" spans="1:7" x14ac:dyDescent="0.25">
      <c r="A25" t="s">
        <v>14</v>
      </c>
      <c r="B25">
        <v>33343</v>
      </c>
      <c r="C25">
        <v>28</v>
      </c>
      <c r="D25" t="s">
        <v>12</v>
      </c>
      <c r="E25">
        <v>0.74</v>
      </c>
      <c r="F25">
        <v>1.05</v>
      </c>
      <c r="G25">
        <v>0.54</v>
      </c>
    </row>
    <row r="26" spans="1:7" x14ac:dyDescent="0.25">
      <c r="A26" t="s">
        <v>15</v>
      </c>
      <c r="B26">
        <v>125435</v>
      </c>
      <c r="C26">
        <v>15</v>
      </c>
      <c r="D26" t="s">
        <v>10</v>
      </c>
      <c r="E26">
        <v>0.1</v>
      </c>
      <c r="F26">
        <v>0.99</v>
      </c>
      <c r="G26">
        <v>0.17</v>
      </c>
    </row>
    <row r="27" spans="1:7" x14ac:dyDescent="0.25">
      <c r="A27" t="s">
        <v>13</v>
      </c>
      <c r="B27">
        <v>39540</v>
      </c>
      <c r="C27">
        <v>12</v>
      </c>
      <c r="D27" t="s">
        <v>12</v>
      </c>
      <c r="E27">
        <v>0.16</v>
      </c>
      <c r="F27">
        <v>0.56999999999999995</v>
      </c>
      <c r="G27">
        <v>0.56000000000000005</v>
      </c>
    </row>
    <row r="28" spans="1:7" x14ac:dyDescent="0.25">
      <c r="A28" t="s">
        <v>16</v>
      </c>
      <c r="B28">
        <v>68304</v>
      </c>
      <c r="C28">
        <v>7</v>
      </c>
      <c r="D28" t="s">
        <v>8</v>
      </c>
      <c r="E28">
        <v>0.91</v>
      </c>
      <c r="F28">
        <v>0.7</v>
      </c>
      <c r="G28">
        <v>0.33</v>
      </c>
    </row>
    <row r="29" spans="1:7" x14ac:dyDescent="0.25">
      <c r="A29" t="s">
        <v>19</v>
      </c>
      <c r="B29">
        <v>33267</v>
      </c>
      <c r="C29">
        <v>25</v>
      </c>
      <c r="D29" t="s">
        <v>10</v>
      </c>
      <c r="E29">
        <v>0.7</v>
      </c>
      <c r="F29">
        <v>1.1299999999999999</v>
      </c>
      <c r="G29">
        <v>0.92</v>
      </c>
    </row>
    <row r="30" spans="1:7" x14ac:dyDescent="0.25">
      <c r="A30" t="s">
        <v>18</v>
      </c>
      <c r="B30">
        <v>89031</v>
      </c>
      <c r="C30">
        <v>22</v>
      </c>
      <c r="D30" t="s">
        <v>8</v>
      </c>
      <c r="E30">
        <v>0.93</v>
      </c>
      <c r="F30">
        <v>1.36</v>
      </c>
      <c r="G30">
        <v>0.47</v>
      </c>
    </row>
    <row r="31" spans="1:7" x14ac:dyDescent="0.25">
      <c r="A31" t="s">
        <v>18</v>
      </c>
      <c r="B31">
        <v>102936</v>
      </c>
      <c r="C31">
        <v>18</v>
      </c>
      <c r="D31" t="s">
        <v>8</v>
      </c>
      <c r="E31">
        <v>0.09</v>
      </c>
      <c r="F31">
        <v>0.82</v>
      </c>
      <c r="G31">
        <v>0.68</v>
      </c>
    </row>
    <row r="32" spans="1:7" x14ac:dyDescent="0.25">
      <c r="A32" t="s">
        <v>17</v>
      </c>
      <c r="B32">
        <v>114076</v>
      </c>
      <c r="C32">
        <v>20</v>
      </c>
      <c r="D32" t="s">
        <v>8</v>
      </c>
      <c r="E32">
        <v>0.49</v>
      </c>
      <c r="F32">
        <v>0.56000000000000005</v>
      </c>
      <c r="G32">
        <v>0.19</v>
      </c>
    </row>
    <row r="33" spans="1:7" x14ac:dyDescent="0.25">
      <c r="A33" t="s">
        <v>25</v>
      </c>
      <c r="B33">
        <v>69081</v>
      </c>
      <c r="C33">
        <v>8</v>
      </c>
      <c r="D33" t="s">
        <v>12</v>
      </c>
      <c r="E33">
        <v>0.82</v>
      </c>
      <c r="F33">
        <v>1.21</v>
      </c>
      <c r="G33">
        <v>0.72</v>
      </c>
    </row>
    <row r="34" spans="1:7" x14ac:dyDescent="0.25">
      <c r="A34" t="s">
        <v>25</v>
      </c>
      <c r="B34">
        <v>102124</v>
      </c>
      <c r="C34">
        <v>11</v>
      </c>
      <c r="D34" t="s">
        <v>24</v>
      </c>
      <c r="E34">
        <v>0.56000000000000005</v>
      </c>
      <c r="F34">
        <v>0.92</v>
      </c>
      <c r="G34">
        <v>0.93</v>
      </c>
    </row>
    <row r="35" spans="1:7" x14ac:dyDescent="0.25">
      <c r="A35" t="s">
        <v>27</v>
      </c>
      <c r="B35">
        <v>91629</v>
      </c>
      <c r="C35">
        <v>24</v>
      </c>
      <c r="D35" t="s">
        <v>12</v>
      </c>
      <c r="E35">
        <v>0.37</v>
      </c>
      <c r="F35">
        <v>0.79</v>
      </c>
      <c r="G35">
        <v>0.92</v>
      </c>
    </row>
    <row r="36" spans="1:7" x14ac:dyDescent="0.25">
      <c r="A36" t="s">
        <v>17</v>
      </c>
      <c r="B36">
        <v>43843</v>
      </c>
      <c r="C36">
        <v>24</v>
      </c>
      <c r="D36" t="s">
        <v>10</v>
      </c>
      <c r="E36">
        <v>0.52</v>
      </c>
      <c r="F36">
        <v>1.1299999999999999</v>
      </c>
      <c r="G36">
        <v>0.22</v>
      </c>
    </row>
    <row r="37" spans="1:7" x14ac:dyDescent="0.25">
      <c r="A37" t="s">
        <v>16</v>
      </c>
      <c r="B37">
        <v>59703</v>
      </c>
      <c r="C37">
        <v>25</v>
      </c>
      <c r="D37" t="s">
        <v>24</v>
      </c>
      <c r="E37">
        <v>0.19</v>
      </c>
      <c r="F37">
        <v>0.96</v>
      </c>
      <c r="G37">
        <v>0.44</v>
      </c>
    </row>
    <row r="38" spans="1:7" x14ac:dyDescent="0.25">
      <c r="A38" t="s">
        <v>16</v>
      </c>
      <c r="B38">
        <v>64349</v>
      </c>
      <c r="C38">
        <v>2</v>
      </c>
      <c r="D38" t="s">
        <v>24</v>
      </c>
      <c r="E38">
        <v>0.82</v>
      </c>
      <c r="F38">
        <v>1.45</v>
      </c>
      <c r="G38">
        <v>0.59</v>
      </c>
    </row>
    <row r="39" spans="1:7" x14ac:dyDescent="0.25">
      <c r="A39" t="s">
        <v>19</v>
      </c>
      <c r="B39">
        <v>92292</v>
      </c>
      <c r="C39">
        <v>25</v>
      </c>
      <c r="D39" t="s">
        <v>24</v>
      </c>
      <c r="E39">
        <v>0.38</v>
      </c>
      <c r="F39">
        <v>1.47</v>
      </c>
      <c r="G39">
        <v>0.91</v>
      </c>
    </row>
    <row r="40" spans="1:7" x14ac:dyDescent="0.25">
      <c r="A40" t="s">
        <v>28</v>
      </c>
      <c r="B40">
        <v>53524</v>
      </c>
      <c r="C40">
        <v>20</v>
      </c>
      <c r="D40" t="s">
        <v>10</v>
      </c>
      <c r="E40">
        <v>0.94</v>
      </c>
      <c r="F40">
        <v>1.35</v>
      </c>
      <c r="G40">
        <v>0.4</v>
      </c>
    </row>
    <row r="41" spans="1:7" x14ac:dyDescent="0.25">
      <c r="A41" t="s">
        <v>25</v>
      </c>
      <c r="B41">
        <v>88017</v>
      </c>
      <c r="C41">
        <v>21</v>
      </c>
      <c r="D41" t="s">
        <v>24</v>
      </c>
      <c r="E41">
        <v>0.77</v>
      </c>
      <c r="F41">
        <v>1.02</v>
      </c>
      <c r="G41">
        <v>0.91</v>
      </c>
    </row>
    <row r="42" spans="1:7" x14ac:dyDescent="0.25">
      <c r="A42" t="s">
        <v>23</v>
      </c>
      <c r="B42">
        <v>111317</v>
      </c>
      <c r="C42">
        <v>27</v>
      </c>
      <c r="D42" t="s">
        <v>10</v>
      </c>
      <c r="E42">
        <v>0.98</v>
      </c>
      <c r="F42">
        <v>1.1100000000000001</v>
      </c>
      <c r="G42">
        <v>0.55000000000000004</v>
      </c>
    </row>
    <row r="43" spans="1:7" x14ac:dyDescent="0.25">
      <c r="A43" t="s">
        <v>26</v>
      </c>
      <c r="B43">
        <v>144825</v>
      </c>
      <c r="C43">
        <v>23</v>
      </c>
      <c r="D43" t="s">
        <v>24</v>
      </c>
      <c r="E43">
        <v>0.84</v>
      </c>
      <c r="F43">
        <v>1.27</v>
      </c>
      <c r="G43">
        <v>7.0000000000000007E-2</v>
      </c>
    </row>
    <row r="44" spans="1:7" x14ac:dyDescent="0.25">
      <c r="A44" t="s">
        <v>9</v>
      </c>
      <c r="B44">
        <v>52415</v>
      </c>
      <c r="C44">
        <v>7</v>
      </c>
      <c r="D44" t="s">
        <v>10</v>
      </c>
      <c r="E44">
        <v>0.18</v>
      </c>
      <c r="F44">
        <v>1.2</v>
      </c>
      <c r="G44">
        <v>0.15</v>
      </c>
    </row>
    <row r="45" spans="1:7" x14ac:dyDescent="0.25">
      <c r="A45" t="s">
        <v>11</v>
      </c>
      <c r="B45">
        <v>134680</v>
      </c>
      <c r="C45">
        <v>11</v>
      </c>
      <c r="D45" t="s">
        <v>10</v>
      </c>
      <c r="E45">
        <v>0.21</v>
      </c>
      <c r="F45">
        <v>0.86</v>
      </c>
      <c r="G45">
        <v>0.83</v>
      </c>
    </row>
    <row r="46" spans="1:7" x14ac:dyDescent="0.25">
      <c r="A46" t="s">
        <v>19</v>
      </c>
      <c r="B46">
        <v>109714</v>
      </c>
      <c r="C46">
        <v>28</v>
      </c>
      <c r="D46" t="s">
        <v>10</v>
      </c>
      <c r="E46">
        <v>0.99</v>
      </c>
      <c r="F46">
        <v>1.03</v>
      </c>
      <c r="G46">
        <v>0.93</v>
      </c>
    </row>
    <row r="47" spans="1:7" x14ac:dyDescent="0.25">
      <c r="A47" t="s">
        <v>22</v>
      </c>
      <c r="B47">
        <v>97067</v>
      </c>
      <c r="C47">
        <v>12</v>
      </c>
      <c r="D47" t="s">
        <v>12</v>
      </c>
      <c r="E47">
        <v>0.87</v>
      </c>
      <c r="F47">
        <v>0.85</v>
      </c>
      <c r="G47">
        <v>0.46</v>
      </c>
    </row>
    <row r="48" spans="1:7" x14ac:dyDescent="0.25">
      <c r="A48" t="s">
        <v>11</v>
      </c>
      <c r="B48">
        <v>37561</v>
      </c>
      <c r="C48">
        <v>2</v>
      </c>
      <c r="D48" t="s">
        <v>8</v>
      </c>
      <c r="E48">
        <v>0.65</v>
      </c>
      <c r="F48">
        <v>0.98</v>
      </c>
      <c r="G48">
        <v>0.85</v>
      </c>
    </row>
    <row r="49" spans="1:7" x14ac:dyDescent="0.25">
      <c r="A49" t="s">
        <v>17</v>
      </c>
      <c r="B49">
        <v>142581</v>
      </c>
      <c r="C49">
        <v>4</v>
      </c>
      <c r="D49" t="s">
        <v>12</v>
      </c>
      <c r="E49">
        <v>0.93</v>
      </c>
      <c r="F49">
        <v>0.51</v>
      </c>
      <c r="G49">
        <v>0.11</v>
      </c>
    </row>
    <row r="50" spans="1:7" x14ac:dyDescent="0.25">
      <c r="A50" t="s">
        <v>20</v>
      </c>
      <c r="B50">
        <v>39111</v>
      </c>
      <c r="C50">
        <v>5</v>
      </c>
      <c r="D50" t="s">
        <v>24</v>
      </c>
      <c r="E50">
        <v>0.4</v>
      </c>
      <c r="F50">
        <v>1.47</v>
      </c>
      <c r="G50">
        <v>0.65</v>
      </c>
    </row>
    <row r="51" spans="1:7" x14ac:dyDescent="0.25">
      <c r="A51" t="s">
        <v>25</v>
      </c>
      <c r="B51">
        <v>72101</v>
      </c>
      <c r="C51">
        <v>3</v>
      </c>
      <c r="D51" t="s">
        <v>12</v>
      </c>
      <c r="E51">
        <v>0.43</v>
      </c>
      <c r="F51">
        <v>1.01</v>
      </c>
      <c r="G51">
        <v>0.76</v>
      </c>
    </row>
    <row r="52" spans="1:7" x14ac:dyDescent="0.25">
      <c r="A52" t="s">
        <v>7</v>
      </c>
      <c r="B52">
        <v>117958</v>
      </c>
      <c r="C52">
        <v>9</v>
      </c>
      <c r="D52" t="s">
        <v>12</v>
      </c>
      <c r="E52">
        <v>0.99</v>
      </c>
      <c r="F52">
        <v>0.82</v>
      </c>
      <c r="G52">
        <v>0.9</v>
      </c>
    </row>
    <row r="53" spans="1:7" x14ac:dyDescent="0.25">
      <c r="A53" t="s">
        <v>15</v>
      </c>
      <c r="B53">
        <v>97444</v>
      </c>
      <c r="C53">
        <v>23</v>
      </c>
      <c r="D53" t="s">
        <v>12</v>
      </c>
      <c r="E53">
        <v>0.99</v>
      </c>
      <c r="F53">
        <v>0.71</v>
      </c>
      <c r="G53">
        <v>0.14000000000000001</v>
      </c>
    </row>
    <row r="54" spans="1:7" x14ac:dyDescent="0.25">
      <c r="A54" t="s">
        <v>15</v>
      </c>
      <c r="B54">
        <v>30077</v>
      </c>
      <c r="C54">
        <v>25</v>
      </c>
      <c r="D54" t="s">
        <v>12</v>
      </c>
      <c r="E54">
        <v>0.91</v>
      </c>
      <c r="F54">
        <v>0.82</v>
      </c>
      <c r="G54">
        <v>0.2</v>
      </c>
    </row>
    <row r="55" spans="1:7" x14ac:dyDescent="0.25">
      <c r="A55" t="s">
        <v>20</v>
      </c>
      <c r="B55">
        <v>148721</v>
      </c>
      <c r="C55">
        <v>13</v>
      </c>
      <c r="D55" t="s">
        <v>12</v>
      </c>
      <c r="E55">
        <v>7.0000000000000007E-2</v>
      </c>
      <c r="F55">
        <v>0.73</v>
      </c>
      <c r="G55">
        <v>0.52</v>
      </c>
    </row>
    <row r="56" spans="1:7" x14ac:dyDescent="0.25">
      <c r="A56" t="s">
        <v>19</v>
      </c>
      <c r="B56">
        <v>127720</v>
      </c>
      <c r="C56">
        <v>0</v>
      </c>
      <c r="D56" t="s">
        <v>12</v>
      </c>
      <c r="E56">
        <v>0.71</v>
      </c>
      <c r="F56">
        <v>1.28</v>
      </c>
      <c r="G56">
        <v>0.74</v>
      </c>
    </row>
    <row r="57" spans="1:7" x14ac:dyDescent="0.25">
      <c r="A57" t="s">
        <v>22</v>
      </c>
      <c r="B57">
        <v>50103</v>
      </c>
      <c r="C57">
        <v>4</v>
      </c>
      <c r="D57" t="s">
        <v>8</v>
      </c>
      <c r="E57">
        <v>0.49</v>
      </c>
      <c r="F57">
        <v>0.91</v>
      </c>
      <c r="G57">
        <v>0.61</v>
      </c>
    </row>
    <row r="58" spans="1:7" x14ac:dyDescent="0.25">
      <c r="A58" t="s">
        <v>23</v>
      </c>
      <c r="B58">
        <v>145033</v>
      </c>
      <c r="C58">
        <v>13</v>
      </c>
      <c r="D58" t="s">
        <v>12</v>
      </c>
      <c r="E58">
        <v>0.61</v>
      </c>
      <c r="F58">
        <v>1.41</v>
      </c>
      <c r="G58">
        <v>0.36</v>
      </c>
    </row>
    <row r="59" spans="1:7" x14ac:dyDescent="0.25">
      <c r="A59" t="s">
        <v>26</v>
      </c>
      <c r="B59">
        <v>95310</v>
      </c>
      <c r="C59">
        <v>25</v>
      </c>
      <c r="D59" t="s">
        <v>24</v>
      </c>
      <c r="E59">
        <v>7.0000000000000007E-2</v>
      </c>
      <c r="F59">
        <v>0.57999999999999996</v>
      </c>
      <c r="G59">
        <v>0.08</v>
      </c>
    </row>
    <row r="60" spans="1:7" x14ac:dyDescent="0.25">
      <c r="A60" t="s">
        <v>16</v>
      </c>
      <c r="B60">
        <v>93374</v>
      </c>
      <c r="C60">
        <v>20</v>
      </c>
      <c r="D60" t="s">
        <v>8</v>
      </c>
      <c r="E60">
        <v>0.38</v>
      </c>
      <c r="F60">
        <v>1.24</v>
      </c>
      <c r="G60">
        <v>0.38</v>
      </c>
    </row>
    <row r="61" spans="1:7" x14ac:dyDescent="0.25">
      <c r="A61" t="s">
        <v>9</v>
      </c>
      <c r="B61">
        <v>71914</v>
      </c>
      <c r="C61">
        <v>11</v>
      </c>
      <c r="D61" t="s">
        <v>8</v>
      </c>
      <c r="E61">
        <v>0.91</v>
      </c>
      <c r="F61">
        <v>0.75</v>
      </c>
      <c r="G61">
        <v>0.19</v>
      </c>
    </row>
    <row r="62" spans="1:7" x14ac:dyDescent="0.25">
      <c r="A62" t="s">
        <v>14</v>
      </c>
      <c r="B62">
        <v>132547</v>
      </c>
      <c r="C62">
        <v>21</v>
      </c>
      <c r="D62" t="s">
        <v>10</v>
      </c>
      <c r="E62">
        <v>0.86</v>
      </c>
      <c r="F62">
        <v>1.04</v>
      </c>
      <c r="G62">
        <v>0.37</v>
      </c>
    </row>
    <row r="63" spans="1:7" x14ac:dyDescent="0.25">
      <c r="A63" t="s">
        <v>20</v>
      </c>
      <c r="B63">
        <v>119106</v>
      </c>
      <c r="C63">
        <v>17</v>
      </c>
      <c r="D63" t="s">
        <v>8</v>
      </c>
      <c r="E63">
        <v>0.28999999999999998</v>
      </c>
      <c r="F63">
        <v>1.21</v>
      </c>
      <c r="G63">
        <v>0.51</v>
      </c>
    </row>
    <row r="64" spans="1:7" x14ac:dyDescent="0.25">
      <c r="A64" t="s">
        <v>20</v>
      </c>
      <c r="B64">
        <v>82603</v>
      </c>
      <c r="C64">
        <v>0</v>
      </c>
      <c r="D64" t="s">
        <v>12</v>
      </c>
      <c r="E64">
        <v>0.03</v>
      </c>
      <c r="F64">
        <v>0.66</v>
      </c>
      <c r="G64">
        <v>0.59</v>
      </c>
    </row>
    <row r="65" spans="1:7" x14ac:dyDescent="0.25">
      <c r="A65" t="s">
        <v>7</v>
      </c>
      <c r="B65">
        <v>131358</v>
      </c>
      <c r="C65">
        <v>7</v>
      </c>
      <c r="D65" t="s">
        <v>24</v>
      </c>
      <c r="E65">
        <v>0.1</v>
      </c>
      <c r="F65">
        <v>0.74</v>
      </c>
      <c r="G65">
        <v>0.88</v>
      </c>
    </row>
    <row r="66" spans="1:7" x14ac:dyDescent="0.25">
      <c r="A66" t="s">
        <v>7</v>
      </c>
      <c r="B66">
        <v>83394</v>
      </c>
      <c r="C66">
        <v>15</v>
      </c>
      <c r="D66" t="s">
        <v>12</v>
      </c>
      <c r="E66">
        <v>0.18</v>
      </c>
      <c r="F66">
        <v>1.08</v>
      </c>
      <c r="G66">
        <v>0.81</v>
      </c>
    </row>
    <row r="67" spans="1:7" x14ac:dyDescent="0.25">
      <c r="A67" t="s">
        <v>29</v>
      </c>
      <c r="B67">
        <v>92516</v>
      </c>
      <c r="C67">
        <v>11</v>
      </c>
      <c r="D67" t="s">
        <v>24</v>
      </c>
      <c r="E67">
        <v>0.22</v>
      </c>
      <c r="F67">
        <v>1.47</v>
      </c>
      <c r="G67">
        <v>0.24</v>
      </c>
    </row>
    <row r="68" spans="1:7" x14ac:dyDescent="0.25">
      <c r="A68" t="s">
        <v>23</v>
      </c>
      <c r="B68">
        <v>53752</v>
      </c>
      <c r="C68">
        <v>21</v>
      </c>
      <c r="D68" t="s">
        <v>8</v>
      </c>
      <c r="E68">
        <v>0.65</v>
      </c>
      <c r="F68">
        <v>0.92</v>
      </c>
      <c r="G68">
        <v>0.35</v>
      </c>
    </row>
    <row r="69" spans="1:7" x14ac:dyDescent="0.25">
      <c r="A69" t="s">
        <v>15</v>
      </c>
      <c r="B69">
        <v>108411</v>
      </c>
      <c r="C69">
        <v>22</v>
      </c>
      <c r="D69" t="s">
        <v>10</v>
      </c>
      <c r="E69">
        <v>0.11</v>
      </c>
      <c r="F69">
        <v>0.64</v>
      </c>
      <c r="G69">
        <v>0.12</v>
      </c>
    </row>
    <row r="70" spans="1:7" x14ac:dyDescent="0.25">
      <c r="A70" t="s">
        <v>28</v>
      </c>
      <c r="B70">
        <v>116145</v>
      </c>
      <c r="C70">
        <v>27</v>
      </c>
      <c r="D70" t="s">
        <v>8</v>
      </c>
      <c r="E70">
        <v>0.96</v>
      </c>
      <c r="F70">
        <v>0.68</v>
      </c>
      <c r="G70">
        <v>0.34</v>
      </c>
    </row>
    <row r="71" spans="1:7" x14ac:dyDescent="0.25">
      <c r="A71" t="s">
        <v>22</v>
      </c>
      <c r="B71">
        <v>124613</v>
      </c>
      <c r="C71">
        <v>4</v>
      </c>
      <c r="D71" t="s">
        <v>12</v>
      </c>
      <c r="E71">
        <v>0.48</v>
      </c>
      <c r="F71">
        <v>0.77</v>
      </c>
      <c r="G71">
        <v>0.52</v>
      </c>
    </row>
    <row r="72" spans="1:7" x14ac:dyDescent="0.25">
      <c r="A72" t="s">
        <v>30</v>
      </c>
      <c r="B72">
        <v>30060</v>
      </c>
      <c r="C72">
        <v>10</v>
      </c>
      <c r="D72" t="s">
        <v>10</v>
      </c>
      <c r="E72">
        <v>0.6</v>
      </c>
      <c r="F72">
        <v>0.96</v>
      </c>
      <c r="G72">
        <v>0.33</v>
      </c>
    </row>
    <row r="73" spans="1:7" x14ac:dyDescent="0.25">
      <c r="A73" t="s">
        <v>30</v>
      </c>
      <c r="B73">
        <v>87134</v>
      </c>
      <c r="C73">
        <v>11</v>
      </c>
      <c r="D73" t="s">
        <v>12</v>
      </c>
      <c r="E73">
        <v>0.54</v>
      </c>
      <c r="F73">
        <v>1.37</v>
      </c>
      <c r="G73">
        <v>0.59</v>
      </c>
    </row>
    <row r="74" spans="1:7" x14ac:dyDescent="0.25">
      <c r="A74" t="s">
        <v>11</v>
      </c>
      <c r="B74">
        <v>67641</v>
      </c>
      <c r="C74">
        <v>15</v>
      </c>
      <c r="D74" t="s">
        <v>10</v>
      </c>
      <c r="E74">
        <v>0.93</v>
      </c>
      <c r="F74">
        <v>0.68</v>
      </c>
      <c r="G74">
        <v>0.84</v>
      </c>
    </row>
    <row r="75" spans="1:7" x14ac:dyDescent="0.25">
      <c r="A75" t="s">
        <v>9</v>
      </c>
      <c r="B75">
        <v>67265</v>
      </c>
      <c r="C75">
        <v>26</v>
      </c>
      <c r="D75" t="s">
        <v>8</v>
      </c>
      <c r="E75">
        <v>0.83</v>
      </c>
      <c r="F75">
        <v>0.54</v>
      </c>
      <c r="G75">
        <v>0.2</v>
      </c>
    </row>
    <row r="76" spans="1:7" x14ac:dyDescent="0.25">
      <c r="A76" t="s">
        <v>19</v>
      </c>
      <c r="B76">
        <v>145608</v>
      </c>
      <c r="C76">
        <v>12</v>
      </c>
      <c r="D76" t="s">
        <v>8</v>
      </c>
      <c r="E76">
        <v>0.63</v>
      </c>
      <c r="F76">
        <v>1.39</v>
      </c>
      <c r="G76">
        <v>0.85</v>
      </c>
    </row>
    <row r="77" spans="1:7" x14ac:dyDescent="0.25">
      <c r="A77" t="s">
        <v>16</v>
      </c>
      <c r="B77">
        <v>59629</v>
      </c>
      <c r="C77">
        <v>16</v>
      </c>
      <c r="D77" t="s">
        <v>12</v>
      </c>
      <c r="E77">
        <v>0.4</v>
      </c>
      <c r="F77">
        <v>0.98</v>
      </c>
      <c r="G77">
        <v>0.55000000000000004</v>
      </c>
    </row>
    <row r="78" spans="1:7" x14ac:dyDescent="0.25">
      <c r="A78" t="s">
        <v>22</v>
      </c>
      <c r="B78">
        <v>85619</v>
      </c>
      <c r="C78">
        <v>17</v>
      </c>
      <c r="D78" t="s">
        <v>24</v>
      </c>
      <c r="E78">
        <v>0.23</v>
      </c>
      <c r="F78">
        <v>0.54</v>
      </c>
      <c r="G78">
        <v>0.31</v>
      </c>
    </row>
    <row r="79" spans="1:7" x14ac:dyDescent="0.25">
      <c r="A79" t="s">
        <v>13</v>
      </c>
      <c r="B79">
        <v>136506</v>
      </c>
      <c r="C79">
        <v>29</v>
      </c>
      <c r="D79" t="s">
        <v>10</v>
      </c>
      <c r="E79">
        <v>0.61</v>
      </c>
      <c r="F79">
        <v>0.67</v>
      </c>
      <c r="G79">
        <v>0.7</v>
      </c>
    </row>
    <row r="80" spans="1:7" x14ac:dyDescent="0.25">
      <c r="A80" t="s">
        <v>9</v>
      </c>
      <c r="B80">
        <v>148533</v>
      </c>
      <c r="C80">
        <v>4</v>
      </c>
      <c r="D80" t="s">
        <v>12</v>
      </c>
      <c r="E80">
        <v>0.06</v>
      </c>
      <c r="F80">
        <v>1.47</v>
      </c>
      <c r="G80">
        <v>0.27</v>
      </c>
    </row>
    <row r="81" spans="1:7" x14ac:dyDescent="0.25">
      <c r="A81" t="s">
        <v>14</v>
      </c>
      <c r="B81">
        <v>105758</v>
      </c>
      <c r="C81">
        <v>24</v>
      </c>
      <c r="D81" t="s">
        <v>24</v>
      </c>
      <c r="E81">
        <v>0.59</v>
      </c>
      <c r="F81">
        <v>1.08</v>
      </c>
      <c r="G81">
        <v>0.34</v>
      </c>
    </row>
    <row r="82" spans="1:7" x14ac:dyDescent="0.25">
      <c r="A82" t="s">
        <v>30</v>
      </c>
      <c r="B82">
        <v>55559</v>
      </c>
      <c r="C82">
        <v>27</v>
      </c>
      <c r="D82" t="s">
        <v>8</v>
      </c>
      <c r="E82">
        <v>0.37</v>
      </c>
      <c r="F82">
        <v>0.76</v>
      </c>
      <c r="G82">
        <v>0.59</v>
      </c>
    </row>
    <row r="83" spans="1:7" x14ac:dyDescent="0.25">
      <c r="A83" t="s">
        <v>14</v>
      </c>
      <c r="B83">
        <v>31591</v>
      </c>
      <c r="C83">
        <v>7</v>
      </c>
      <c r="D83" t="s">
        <v>8</v>
      </c>
      <c r="E83">
        <v>0.68</v>
      </c>
      <c r="F83">
        <v>1.07</v>
      </c>
      <c r="G83">
        <v>0.41</v>
      </c>
    </row>
    <row r="84" spans="1:7" x14ac:dyDescent="0.25">
      <c r="A84" t="s">
        <v>14</v>
      </c>
      <c r="B84">
        <v>32469</v>
      </c>
      <c r="C84">
        <v>27</v>
      </c>
      <c r="D84" t="s">
        <v>8</v>
      </c>
      <c r="E84">
        <v>0.16</v>
      </c>
      <c r="F84">
        <v>1.38</v>
      </c>
      <c r="G84">
        <v>0.65</v>
      </c>
    </row>
    <row r="85" spans="1:7" x14ac:dyDescent="0.25">
      <c r="A85" t="s">
        <v>30</v>
      </c>
      <c r="B85">
        <v>117263</v>
      </c>
      <c r="C85">
        <v>12</v>
      </c>
      <c r="D85" t="s">
        <v>24</v>
      </c>
      <c r="E85">
        <v>0.62</v>
      </c>
      <c r="F85">
        <v>1.48</v>
      </c>
      <c r="G85">
        <v>0.55000000000000004</v>
      </c>
    </row>
    <row r="86" spans="1:7" x14ac:dyDescent="0.25">
      <c r="A86" t="s">
        <v>25</v>
      </c>
      <c r="B86">
        <v>121357</v>
      </c>
      <c r="C86">
        <v>4</v>
      </c>
      <c r="D86" t="s">
        <v>8</v>
      </c>
      <c r="E86">
        <v>0.1</v>
      </c>
      <c r="F86">
        <v>1.44</v>
      </c>
      <c r="G86">
        <v>0.87</v>
      </c>
    </row>
    <row r="87" spans="1:7" x14ac:dyDescent="0.25">
      <c r="A87" t="s">
        <v>29</v>
      </c>
      <c r="B87">
        <v>54860</v>
      </c>
      <c r="C87">
        <v>11</v>
      </c>
      <c r="D87" t="s">
        <v>12</v>
      </c>
      <c r="E87">
        <v>0.75</v>
      </c>
      <c r="F87">
        <v>0.63</v>
      </c>
      <c r="G87">
        <v>0.24</v>
      </c>
    </row>
    <row r="88" spans="1:7" x14ac:dyDescent="0.25">
      <c r="A88" t="s">
        <v>25</v>
      </c>
      <c r="B88">
        <v>36540</v>
      </c>
      <c r="C88">
        <v>8</v>
      </c>
      <c r="D88" t="s">
        <v>10</v>
      </c>
      <c r="E88">
        <v>0.16</v>
      </c>
      <c r="F88">
        <v>1.29</v>
      </c>
      <c r="G88">
        <v>0.87</v>
      </c>
    </row>
    <row r="89" spans="1:7" x14ac:dyDescent="0.25">
      <c r="A89" t="s">
        <v>25</v>
      </c>
      <c r="B89">
        <v>58602</v>
      </c>
      <c r="C89">
        <v>19</v>
      </c>
      <c r="D89" t="s">
        <v>12</v>
      </c>
      <c r="E89">
        <v>0.4</v>
      </c>
      <c r="F89">
        <v>0.77</v>
      </c>
      <c r="G89">
        <v>0.95</v>
      </c>
    </row>
    <row r="90" spans="1:7" x14ac:dyDescent="0.25">
      <c r="A90" t="s">
        <v>21</v>
      </c>
      <c r="B90">
        <v>69341</v>
      </c>
      <c r="C90">
        <v>24</v>
      </c>
      <c r="D90" t="s">
        <v>10</v>
      </c>
      <c r="E90">
        <v>0.87</v>
      </c>
      <c r="F90">
        <v>1.28</v>
      </c>
      <c r="G90">
        <v>0.61</v>
      </c>
    </row>
    <row r="91" spans="1:7" x14ac:dyDescent="0.25">
      <c r="A91" t="s">
        <v>26</v>
      </c>
      <c r="B91">
        <v>41536</v>
      </c>
      <c r="C91">
        <v>29</v>
      </c>
      <c r="D91" t="s">
        <v>10</v>
      </c>
      <c r="E91">
        <v>0.69</v>
      </c>
      <c r="F91">
        <v>0.93</v>
      </c>
      <c r="G91">
        <v>0.1</v>
      </c>
    </row>
    <row r="92" spans="1:7" x14ac:dyDescent="0.25">
      <c r="A92" t="s">
        <v>30</v>
      </c>
      <c r="B92">
        <v>113309</v>
      </c>
      <c r="C92">
        <v>14</v>
      </c>
      <c r="D92" t="s">
        <v>8</v>
      </c>
      <c r="E92">
        <v>0.6</v>
      </c>
      <c r="F92">
        <v>0.79</v>
      </c>
      <c r="G92">
        <v>0.57999999999999996</v>
      </c>
    </row>
    <row r="93" spans="1:7" x14ac:dyDescent="0.25">
      <c r="A93" t="s">
        <v>15</v>
      </c>
      <c r="B93">
        <v>78787</v>
      </c>
      <c r="C93">
        <v>0</v>
      </c>
      <c r="D93" t="s">
        <v>8</v>
      </c>
      <c r="E93">
        <v>0.56000000000000005</v>
      </c>
      <c r="F93">
        <v>0.51</v>
      </c>
      <c r="G93">
        <v>0.13</v>
      </c>
    </row>
    <row r="94" spans="1:7" x14ac:dyDescent="0.25">
      <c r="A94" t="s">
        <v>23</v>
      </c>
      <c r="B94">
        <v>98577</v>
      </c>
      <c r="C94">
        <v>9</v>
      </c>
      <c r="D94" t="s">
        <v>12</v>
      </c>
      <c r="E94">
        <v>0.17</v>
      </c>
      <c r="F94">
        <v>0.6</v>
      </c>
      <c r="G94">
        <v>0.55000000000000004</v>
      </c>
    </row>
    <row r="95" spans="1:7" x14ac:dyDescent="0.25">
      <c r="A95" t="s">
        <v>11</v>
      </c>
      <c r="B95">
        <v>54826</v>
      </c>
      <c r="C95">
        <v>6</v>
      </c>
      <c r="D95" t="s">
        <v>8</v>
      </c>
      <c r="E95">
        <v>0.66</v>
      </c>
      <c r="F95">
        <v>1.05</v>
      </c>
      <c r="G95">
        <v>0.85</v>
      </c>
    </row>
    <row r="96" spans="1:7" x14ac:dyDescent="0.25">
      <c r="A96" t="s">
        <v>30</v>
      </c>
      <c r="B96">
        <v>61890</v>
      </c>
      <c r="C96">
        <v>22</v>
      </c>
      <c r="D96" t="s">
        <v>8</v>
      </c>
      <c r="E96">
        <v>0.47</v>
      </c>
      <c r="F96">
        <v>1.24</v>
      </c>
      <c r="G96">
        <v>0.65</v>
      </c>
    </row>
    <row r="97" spans="1:7" x14ac:dyDescent="0.25">
      <c r="A97" t="s">
        <v>18</v>
      </c>
      <c r="B97">
        <v>75500</v>
      </c>
      <c r="C97">
        <v>28</v>
      </c>
      <c r="D97" t="s">
        <v>24</v>
      </c>
      <c r="E97">
        <v>0.42</v>
      </c>
      <c r="F97">
        <v>0.7</v>
      </c>
      <c r="G97">
        <v>0.64</v>
      </c>
    </row>
    <row r="98" spans="1:7" x14ac:dyDescent="0.25">
      <c r="A98" t="s">
        <v>27</v>
      </c>
      <c r="B98">
        <v>95128</v>
      </c>
      <c r="C98">
        <v>3</v>
      </c>
      <c r="D98" t="s">
        <v>10</v>
      </c>
      <c r="E98">
        <v>0.03</v>
      </c>
      <c r="F98">
        <v>0.9</v>
      </c>
      <c r="G98">
        <v>0.85</v>
      </c>
    </row>
    <row r="99" spans="1:7" x14ac:dyDescent="0.25">
      <c r="A99" t="s">
        <v>20</v>
      </c>
      <c r="B99">
        <v>49975</v>
      </c>
      <c r="C99">
        <v>3</v>
      </c>
      <c r="D99" t="s">
        <v>12</v>
      </c>
      <c r="E99">
        <v>0.91</v>
      </c>
      <c r="F99">
        <v>0.68</v>
      </c>
      <c r="G99">
        <v>0.4</v>
      </c>
    </row>
    <row r="100" spans="1:7" x14ac:dyDescent="0.25">
      <c r="A100" t="s">
        <v>28</v>
      </c>
      <c r="B100">
        <v>75893</v>
      </c>
      <c r="C100">
        <v>16</v>
      </c>
      <c r="D100" t="s">
        <v>8</v>
      </c>
      <c r="E100">
        <v>0.39</v>
      </c>
      <c r="F100">
        <v>1.47</v>
      </c>
      <c r="G100">
        <v>0.4</v>
      </c>
    </row>
    <row r="101" spans="1:7" x14ac:dyDescent="0.25">
      <c r="A101" t="s">
        <v>18</v>
      </c>
      <c r="B101">
        <v>106619</v>
      </c>
      <c r="C101">
        <v>29</v>
      </c>
      <c r="D101" t="s">
        <v>12</v>
      </c>
      <c r="E101">
        <v>0.15</v>
      </c>
      <c r="F101">
        <v>0.95</v>
      </c>
      <c r="G101">
        <v>0.54</v>
      </c>
    </row>
    <row r="102" spans="1:7" x14ac:dyDescent="0.25">
      <c r="A102" t="s">
        <v>18</v>
      </c>
      <c r="B102">
        <v>113310</v>
      </c>
      <c r="C102">
        <v>14</v>
      </c>
      <c r="D102" t="s">
        <v>12</v>
      </c>
      <c r="E102">
        <v>0.56000000000000005</v>
      </c>
      <c r="F102">
        <v>1.04</v>
      </c>
      <c r="G102">
        <v>0.31</v>
      </c>
    </row>
    <row r="103" spans="1:7" x14ac:dyDescent="0.25">
      <c r="A103" t="s">
        <v>15</v>
      </c>
      <c r="B103">
        <v>55611</v>
      </c>
      <c r="C103">
        <v>9</v>
      </c>
      <c r="D103" t="s">
        <v>12</v>
      </c>
      <c r="E103">
        <v>0.4</v>
      </c>
      <c r="F103">
        <v>0.98</v>
      </c>
      <c r="G103">
        <v>0.22</v>
      </c>
    </row>
    <row r="104" spans="1:7" x14ac:dyDescent="0.25">
      <c r="A104" t="s">
        <v>27</v>
      </c>
      <c r="B104">
        <v>108131</v>
      </c>
      <c r="C104">
        <v>15</v>
      </c>
      <c r="D104" t="s">
        <v>24</v>
      </c>
      <c r="E104">
        <v>0.94</v>
      </c>
      <c r="F104">
        <v>1.23</v>
      </c>
      <c r="G104">
        <v>0.74</v>
      </c>
    </row>
    <row r="105" spans="1:7" x14ac:dyDescent="0.25">
      <c r="A105" t="s">
        <v>9</v>
      </c>
      <c r="B105">
        <v>58625</v>
      </c>
      <c r="C105">
        <v>16</v>
      </c>
      <c r="D105" t="s">
        <v>24</v>
      </c>
      <c r="E105">
        <v>0.83</v>
      </c>
      <c r="F105">
        <v>1.36</v>
      </c>
      <c r="G105">
        <v>0.24</v>
      </c>
    </row>
    <row r="106" spans="1:7" x14ac:dyDescent="0.25">
      <c r="A106" t="s">
        <v>21</v>
      </c>
      <c r="B106">
        <v>47087</v>
      </c>
      <c r="C106">
        <v>5</v>
      </c>
      <c r="D106" t="s">
        <v>24</v>
      </c>
      <c r="E106">
        <v>0.32</v>
      </c>
      <c r="F106">
        <v>1.37</v>
      </c>
      <c r="G106">
        <v>0.7</v>
      </c>
    </row>
    <row r="107" spans="1:7" x14ac:dyDescent="0.25">
      <c r="A107" t="s">
        <v>19</v>
      </c>
      <c r="B107">
        <v>143942</v>
      </c>
      <c r="C107">
        <v>18</v>
      </c>
      <c r="D107" t="s">
        <v>24</v>
      </c>
      <c r="E107">
        <v>0.87</v>
      </c>
      <c r="F107">
        <v>0.88</v>
      </c>
      <c r="G107">
        <v>0.77</v>
      </c>
    </row>
    <row r="108" spans="1:7" x14ac:dyDescent="0.25">
      <c r="A108" t="s">
        <v>16</v>
      </c>
      <c r="B108">
        <v>109973</v>
      </c>
      <c r="C108">
        <v>25</v>
      </c>
      <c r="D108" t="s">
        <v>12</v>
      </c>
      <c r="E108">
        <v>0.59</v>
      </c>
      <c r="F108">
        <v>0.67</v>
      </c>
      <c r="G108">
        <v>0.56000000000000005</v>
      </c>
    </row>
    <row r="109" spans="1:7" x14ac:dyDescent="0.25">
      <c r="A109" t="s">
        <v>27</v>
      </c>
      <c r="B109">
        <v>57598</v>
      </c>
      <c r="C109">
        <v>11</v>
      </c>
      <c r="D109" t="s">
        <v>10</v>
      </c>
      <c r="E109">
        <v>0.48</v>
      </c>
      <c r="F109">
        <v>0.89</v>
      </c>
      <c r="G109">
        <v>0.84</v>
      </c>
    </row>
    <row r="110" spans="1:7" x14ac:dyDescent="0.25">
      <c r="A110" t="s">
        <v>26</v>
      </c>
      <c r="B110">
        <v>75379</v>
      </c>
      <c r="C110">
        <v>20</v>
      </c>
      <c r="D110" t="s">
        <v>24</v>
      </c>
      <c r="E110">
        <v>0.48</v>
      </c>
      <c r="F110">
        <v>0.69</v>
      </c>
      <c r="G110">
        <v>0.09</v>
      </c>
    </row>
    <row r="111" spans="1:7" x14ac:dyDescent="0.25">
      <c r="A111" t="s">
        <v>18</v>
      </c>
      <c r="B111">
        <v>130441</v>
      </c>
      <c r="C111">
        <v>24</v>
      </c>
      <c r="D111" t="s">
        <v>12</v>
      </c>
      <c r="E111">
        <v>0.52</v>
      </c>
      <c r="F111">
        <v>0.62</v>
      </c>
      <c r="G111">
        <v>0.64</v>
      </c>
    </row>
    <row r="112" spans="1:7" x14ac:dyDescent="0.25">
      <c r="A112" t="s">
        <v>20</v>
      </c>
      <c r="B112">
        <v>72668</v>
      </c>
      <c r="C112">
        <v>9</v>
      </c>
      <c r="D112" t="s">
        <v>12</v>
      </c>
      <c r="E112">
        <v>0.11</v>
      </c>
      <c r="F112">
        <v>0.5</v>
      </c>
      <c r="G112">
        <v>0.56000000000000005</v>
      </c>
    </row>
    <row r="113" spans="1:7" x14ac:dyDescent="0.25">
      <c r="A113" t="s">
        <v>22</v>
      </c>
      <c r="B113">
        <v>140641</v>
      </c>
      <c r="C113">
        <v>23</v>
      </c>
      <c r="D113" t="s">
        <v>8</v>
      </c>
      <c r="E113">
        <v>0.82</v>
      </c>
      <c r="F113">
        <v>0.92</v>
      </c>
      <c r="G113">
        <v>0.56999999999999995</v>
      </c>
    </row>
    <row r="114" spans="1:7" x14ac:dyDescent="0.25">
      <c r="A114" t="s">
        <v>30</v>
      </c>
      <c r="B114">
        <v>46014</v>
      </c>
      <c r="C114">
        <v>2</v>
      </c>
      <c r="D114" t="s">
        <v>10</v>
      </c>
      <c r="E114">
        <v>0.61</v>
      </c>
      <c r="F114">
        <v>1.05</v>
      </c>
      <c r="G114">
        <v>0.39</v>
      </c>
    </row>
    <row r="115" spans="1:7" x14ac:dyDescent="0.25">
      <c r="A115" t="s">
        <v>22</v>
      </c>
      <c r="B115">
        <v>92438</v>
      </c>
      <c r="C115">
        <v>23</v>
      </c>
      <c r="D115" t="s">
        <v>24</v>
      </c>
      <c r="E115">
        <v>0.13</v>
      </c>
      <c r="F115">
        <v>0.6</v>
      </c>
      <c r="G115">
        <v>0.59</v>
      </c>
    </row>
    <row r="116" spans="1:7" x14ac:dyDescent="0.25">
      <c r="A116" t="s">
        <v>26</v>
      </c>
      <c r="B116">
        <v>102240</v>
      </c>
      <c r="C116">
        <v>27</v>
      </c>
      <c r="D116" t="s">
        <v>12</v>
      </c>
      <c r="E116">
        <v>7.0000000000000007E-2</v>
      </c>
      <c r="F116">
        <v>1.3</v>
      </c>
      <c r="G116">
        <v>0.11</v>
      </c>
    </row>
    <row r="117" spans="1:7" x14ac:dyDescent="0.25">
      <c r="A117" t="s">
        <v>27</v>
      </c>
      <c r="B117">
        <v>39686</v>
      </c>
      <c r="C117">
        <v>29</v>
      </c>
      <c r="D117" t="s">
        <v>10</v>
      </c>
      <c r="E117">
        <v>0.33</v>
      </c>
      <c r="F117">
        <v>1.08</v>
      </c>
      <c r="G117">
        <v>0.72</v>
      </c>
    </row>
    <row r="118" spans="1:7" x14ac:dyDescent="0.25">
      <c r="A118" t="s">
        <v>16</v>
      </c>
      <c r="B118">
        <v>40754</v>
      </c>
      <c r="C118">
        <v>15</v>
      </c>
      <c r="D118" t="s">
        <v>10</v>
      </c>
      <c r="E118">
        <v>0.38</v>
      </c>
      <c r="F118">
        <v>0.62</v>
      </c>
      <c r="G118">
        <v>0.69</v>
      </c>
    </row>
    <row r="119" spans="1:7" x14ac:dyDescent="0.25">
      <c r="A119" t="s">
        <v>25</v>
      </c>
      <c r="B119">
        <v>40699</v>
      </c>
      <c r="C119">
        <v>5</v>
      </c>
      <c r="D119" t="s">
        <v>24</v>
      </c>
      <c r="E119">
        <v>0.16</v>
      </c>
      <c r="F119">
        <v>0.56000000000000005</v>
      </c>
      <c r="G119">
        <v>0.73</v>
      </c>
    </row>
    <row r="120" spans="1:7" x14ac:dyDescent="0.25">
      <c r="A120" t="s">
        <v>18</v>
      </c>
      <c r="B120">
        <v>120373</v>
      </c>
      <c r="C120">
        <v>2</v>
      </c>
      <c r="D120" t="s">
        <v>10</v>
      </c>
      <c r="E120">
        <v>0.79</v>
      </c>
      <c r="F120">
        <v>1.07</v>
      </c>
      <c r="G120">
        <v>0.53</v>
      </c>
    </row>
    <row r="121" spans="1:7" x14ac:dyDescent="0.25">
      <c r="A121" t="s">
        <v>13</v>
      </c>
      <c r="B121">
        <v>70461</v>
      </c>
      <c r="C121">
        <v>8</v>
      </c>
      <c r="D121" t="s">
        <v>12</v>
      </c>
      <c r="E121">
        <v>0.32</v>
      </c>
      <c r="F121">
        <v>0.52</v>
      </c>
      <c r="G121">
        <v>0.36</v>
      </c>
    </row>
    <row r="122" spans="1:7" x14ac:dyDescent="0.25">
      <c r="A122" t="s">
        <v>18</v>
      </c>
      <c r="B122">
        <v>103965</v>
      </c>
      <c r="C122">
        <v>28</v>
      </c>
      <c r="D122" t="s">
        <v>12</v>
      </c>
      <c r="E122">
        <v>0.32</v>
      </c>
      <c r="F122">
        <v>1.45</v>
      </c>
      <c r="G122">
        <v>0.63</v>
      </c>
    </row>
    <row r="123" spans="1:7" x14ac:dyDescent="0.25">
      <c r="A123" t="s">
        <v>9</v>
      </c>
      <c r="B123">
        <v>58179</v>
      </c>
      <c r="C123">
        <v>17</v>
      </c>
      <c r="D123" t="s">
        <v>10</v>
      </c>
      <c r="E123">
        <v>0.28000000000000003</v>
      </c>
      <c r="F123">
        <v>1.35</v>
      </c>
      <c r="G123">
        <v>0.05</v>
      </c>
    </row>
    <row r="124" spans="1:7" x14ac:dyDescent="0.25">
      <c r="A124" t="s">
        <v>26</v>
      </c>
      <c r="B124">
        <v>125694</v>
      </c>
      <c r="C124">
        <v>8</v>
      </c>
      <c r="D124" t="s">
        <v>10</v>
      </c>
      <c r="E124">
        <v>0.43</v>
      </c>
      <c r="F124">
        <v>0.67</v>
      </c>
      <c r="G124">
        <v>7.0000000000000007E-2</v>
      </c>
    </row>
    <row r="125" spans="1:7" x14ac:dyDescent="0.25">
      <c r="A125" t="s">
        <v>28</v>
      </c>
      <c r="B125">
        <v>128723</v>
      </c>
      <c r="C125">
        <v>27</v>
      </c>
      <c r="D125" t="s">
        <v>12</v>
      </c>
      <c r="E125">
        <v>0.85</v>
      </c>
      <c r="F125">
        <v>1.22</v>
      </c>
      <c r="G125">
        <v>0.62</v>
      </c>
    </row>
    <row r="126" spans="1:7" x14ac:dyDescent="0.25">
      <c r="A126" t="s">
        <v>14</v>
      </c>
      <c r="B126">
        <v>36548</v>
      </c>
      <c r="C126">
        <v>21</v>
      </c>
      <c r="D126" t="s">
        <v>24</v>
      </c>
      <c r="E126">
        <v>0.79</v>
      </c>
      <c r="F126">
        <v>1.08</v>
      </c>
      <c r="G126">
        <v>0.56999999999999995</v>
      </c>
    </row>
    <row r="127" spans="1:7" x14ac:dyDescent="0.25">
      <c r="A127" t="s">
        <v>9</v>
      </c>
      <c r="B127">
        <v>40634</v>
      </c>
      <c r="C127">
        <v>20</v>
      </c>
      <c r="D127" t="s">
        <v>10</v>
      </c>
      <c r="E127">
        <v>0.84</v>
      </c>
      <c r="F127">
        <v>0.6</v>
      </c>
      <c r="G127">
        <v>0.17</v>
      </c>
    </row>
    <row r="128" spans="1:7" x14ac:dyDescent="0.25">
      <c r="A128" t="s">
        <v>18</v>
      </c>
      <c r="B128">
        <v>62784</v>
      </c>
      <c r="C128">
        <v>23</v>
      </c>
      <c r="D128" t="s">
        <v>8</v>
      </c>
      <c r="E128">
        <v>0.32</v>
      </c>
      <c r="F128">
        <v>1.19</v>
      </c>
      <c r="G128">
        <v>0.48</v>
      </c>
    </row>
    <row r="129" spans="1:7" x14ac:dyDescent="0.25">
      <c r="A129" t="s">
        <v>29</v>
      </c>
      <c r="B129">
        <v>37099</v>
      </c>
      <c r="C129">
        <v>22</v>
      </c>
      <c r="D129" t="s">
        <v>12</v>
      </c>
      <c r="E129">
        <v>0.52</v>
      </c>
      <c r="F129">
        <v>0.65</v>
      </c>
      <c r="G129">
        <v>0.23</v>
      </c>
    </row>
    <row r="130" spans="1:7" x14ac:dyDescent="0.25">
      <c r="A130" t="s">
        <v>23</v>
      </c>
      <c r="B130">
        <v>74857</v>
      </c>
      <c r="C130">
        <v>13</v>
      </c>
      <c r="D130" t="s">
        <v>24</v>
      </c>
      <c r="E130">
        <v>0.99</v>
      </c>
      <c r="F130">
        <v>1.47</v>
      </c>
      <c r="G130">
        <v>0.68</v>
      </c>
    </row>
    <row r="131" spans="1:7" x14ac:dyDescent="0.25">
      <c r="A131" t="s">
        <v>22</v>
      </c>
      <c r="B131">
        <v>91063</v>
      </c>
      <c r="C131">
        <v>7</v>
      </c>
      <c r="D131" t="s">
        <v>8</v>
      </c>
      <c r="E131">
        <v>0.62</v>
      </c>
      <c r="F131">
        <v>0.88</v>
      </c>
      <c r="G131">
        <v>0.38</v>
      </c>
    </row>
    <row r="132" spans="1:7" x14ac:dyDescent="0.25">
      <c r="A132" t="s">
        <v>7</v>
      </c>
      <c r="B132">
        <v>89765</v>
      </c>
      <c r="C132">
        <v>12</v>
      </c>
      <c r="D132" t="s">
        <v>10</v>
      </c>
      <c r="E132">
        <v>0.57999999999999996</v>
      </c>
      <c r="F132">
        <v>1.25</v>
      </c>
      <c r="G132">
        <v>0.9</v>
      </c>
    </row>
    <row r="133" spans="1:7" x14ac:dyDescent="0.25">
      <c r="A133" t="s">
        <v>16</v>
      </c>
      <c r="B133">
        <v>32461</v>
      </c>
      <c r="C133">
        <v>19</v>
      </c>
      <c r="D133" t="s">
        <v>12</v>
      </c>
      <c r="E133">
        <v>0.12</v>
      </c>
      <c r="F133">
        <v>0.7</v>
      </c>
      <c r="G133">
        <v>0.65</v>
      </c>
    </row>
    <row r="134" spans="1:7" x14ac:dyDescent="0.25">
      <c r="A134" t="s">
        <v>17</v>
      </c>
      <c r="B134">
        <v>53911</v>
      </c>
      <c r="C134">
        <v>13</v>
      </c>
      <c r="D134" t="s">
        <v>8</v>
      </c>
      <c r="E134">
        <v>0.78</v>
      </c>
      <c r="F134">
        <v>1.1599999999999999</v>
      </c>
      <c r="G134">
        <v>0.09</v>
      </c>
    </row>
    <row r="135" spans="1:7" x14ac:dyDescent="0.25">
      <c r="A135" t="s">
        <v>14</v>
      </c>
      <c r="B135">
        <v>50567</v>
      </c>
      <c r="C135">
        <v>11</v>
      </c>
      <c r="D135" t="s">
        <v>24</v>
      </c>
      <c r="E135">
        <v>0.73</v>
      </c>
      <c r="F135">
        <v>1.04</v>
      </c>
      <c r="G135">
        <v>0.54</v>
      </c>
    </row>
    <row r="136" spans="1:7" x14ac:dyDescent="0.25">
      <c r="A136" t="s">
        <v>30</v>
      </c>
      <c r="B136">
        <v>52656</v>
      </c>
      <c r="C136">
        <v>11</v>
      </c>
      <c r="D136" t="s">
        <v>24</v>
      </c>
      <c r="E136">
        <v>0.73</v>
      </c>
      <c r="F136">
        <v>1.49</v>
      </c>
      <c r="G136">
        <v>0.34</v>
      </c>
    </row>
    <row r="137" spans="1:7" x14ac:dyDescent="0.25">
      <c r="A137" t="s">
        <v>9</v>
      </c>
      <c r="B137">
        <v>77701</v>
      </c>
      <c r="C137">
        <v>9</v>
      </c>
      <c r="D137" t="s">
        <v>24</v>
      </c>
      <c r="E137">
        <v>0.76</v>
      </c>
      <c r="F137">
        <v>0.54</v>
      </c>
      <c r="G137">
        <v>0.24</v>
      </c>
    </row>
    <row r="138" spans="1:7" x14ac:dyDescent="0.25">
      <c r="A138" t="s">
        <v>23</v>
      </c>
      <c r="B138">
        <v>137539</v>
      </c>
      <c r="C138">
        <v>9</v>
      </c>
      <c r="D138" t="s">
        <v>12</v>
      </c>
      <c r="E138">
        <v>0.89</v>
      </c>
      <c r="F138">
        <v>1.0900000000000001</v>
      </c>
      <c r="G138">
        <v>0.46</v>
      </c>
    </row>
    <row r="139" spans="1:7" x14ac:dyDescent="0.25">
      <c r="A139" t="s">
        <v>9</v>
      </c>
      <c r="B139">
        <v>46087</v>
      </c>
      <c r="C139">
        <v>4</v>
      </c>
      <c r="D139" t="s">
        <v>12</v>
      </c>
      <c r="E139">
        <v>0.57999999999999996</v>
      </c>
      <c r="F139">
        <v>1.06</v>
      </c>
      <c r="G139">
        <v>0.19</v>
      </c>
    </row>
    <row r="140" spans="1:7" x14ac:dyDescent="0.25">
      <c r="A140" t="s">
        <v>21</v>
      </c>
      <c r="B140">
        <v>67861</v>
      </c>
      <c r="C140">
        <v>20</v>
      </c>
      <c r="D140" t="s">
        <v>10</v>
      </c>
      <c r="E140">
        <v>0.79</v>
      </c>
      <c r="F140">
        <v>1.02</v>
      </c>
      <c r="G140">
        <v>0.48</v>
      </c>
    </row>
    <row r="141" spans="1:7" x14ac:dyDescent="0.25">
      <c r="A141" t="s">
        <v>11</v>
      </c>
      <c r="B141">
        <v>89792</v>
      </c>
      <c r="C141">
        <v>5</v>
      </c>
      <c r="D141" t="s">
        <v>8</v>
      </c>
      <c r="E141">
        <v>0.64</v>
      </c>
      <c r="F141">
        <v>1.29</v>
      </c>
      <c r="G141">
        <v>0.73</v>
      </c>
    </row>
    <row r="142" spans="1:7" x14ac:dyDescent="0.25">
      <c r="A142" t="s">
        <v>28</v>
      </c>
      <c r="B142">
        <v>36397</v>
      </c>
      <c r="C142">
        <v>21</v>
      </c>
      <c r="D142" t="s">
        <v>24</v>
      </c>
      <c r="E142">
        <v>0.27</v>
      </c>
      <c r="F142">
        <v>1.02</v>
      </c>
      <c r="G142">
        <v>0.42</v>
      </c>
    </row>
    <row r="143" spans="1:7" x14ac:dyDescent="0.25">
      <c r="A143" t="s">
        <v>22</v>
      </c>
      <c r="B143">
        <v>49715</v>
      </c>
      <c r="C143">
        <v>29</v>
      </c>
      <c r="D143" t="s">
        <v>8</v>
      </c>
      <c r="E143">
        <v>0.73</v>
      </c>
      <c r="F143">
        <v>1</v>
      </c>
      <c r="G143">
        <v>0.47</v>
      </c>
    </row>
    <row r="144" spans="1:7" x14ac:dyDescent="0.25">
      <c r="A144" t="s">
        <v>21</v>
      </c>
      <c r="B144">
        <v>122573</v>
      </c>
      <c r="C144">
        <v>21</v>
      </c>
      <c r="D144" t="s">
        <v>12</v>
      </c>
      <c r="E144">
        <v>0.26</v>
      </c>
      <c r="F144">
        <v>0.75</v>
      </c>
      <c r="G144">
        <v>0.66</v>
      </c>
    </row>
    <row r="145" spans="1:7" x14ac:dyDescent="0.25">
      <c r="A145" t="s">
        <v>23</v>
      </c>
      <c r="B145">
        <v>133864</v>
      </c>
      <c r="C145">
        <v>20</v>
      </c>
      <c r="D145" t="s">
        <v>8</v>
      </c>
      <c r="E145">
        <v>0.53</v>
      </c>
      <c r="F145">
        <v>0.91</v>
      </c>
      <c r="G145">
        <v>0.44</v>
      </c>
    </row>
    <row r="146" spans="1:7" x14ac:dyDescent="0.25">
      <c r="A146" t="s">
        <v>28</v>
      </c>
      <c r="B146">
        <v>48745</v>
      </c>
      <c r="C146">
        <v>20</v>
      </c>
      <c r="D146" t="s">
        <v>8</v>
      </c>
      <c r="E146">
        <v>0.26</v>
      </c>
      <c r="F146">
        <v>1.1499999999999999</v>
      </c>
      <c r="G146">
        <v>0.38</v>
      </c>
    </row>
    <row r="147" spans="1:7" x14ac:dyDescent="0.25">
      <c r="A147" t="s">
        <v>26</v>
      </c>
      <c r="B147">
        <v>49446</v>
      </c>
      <c r="C147">
        <v>0</v>
      </c>
      <c r="D147" t="s">
        <v>8</v>
      </c>
      <c r="E147">
        <v>0.52</v>
      </c>
      <c r="F147">
        <v>0.61</v>
      </c>
      <c r="G147">
        <v>0.27</v>
      </c>
    </row>
    <row r="148" spans="1:7" x14ac:dyDescent="0.25">
      <c r="A148" t="s">
        <v>29</v>
      </c>
      <c r="B148">
        <v>98673</v>
      </c>
      <c r="C148">
        <v>9</v>
      </c>
      <c r="D148" t="s">
        <v>8</v>
      </c>
      <c r="E148">
        <v>0.46</v>
      </c>
      <c r="F148">
        <v>0.91</v>
      </c>
      <c r="G148">
        <v>0.21</v>
      </c>
    </row>
    <row r="149" spans="1:7" x14ac:dyDescent="0.25">
      <c r="A149" t="s">
        <v>19</v>
      </c>
      <c r="B149">
        <v>93870</v>
      </c>
      <c r="C149">
        <v>3</v>
      </c>
      <c r="D149" t="s">
        <v>10</v>
      </c>
      <c r="E149">
        <v>0.76</v>
      </c>
      <c r="F149">
        <v>1.02</v>
      </c>
      <c r="G149">
        <v>0.75</v>
      </c>
    </row>
    <row r="150" spans="1:7" x14ac:dyDescent="0.25">
      <c r="A150" t="s">
        <v>14</v>
      </c>
      <c r="B150">
        <v>72951</v>
      </c>
      <c r="C150">
        <v>11</v>
      </c>
      <c r="D150" t="s">
        <v>12</v>
      </c>
      <c r="E150">
        <v>0.54</v>
      </c>
      <c r="F150">
        <v>1</v>
      </c>
      <c r="G150">
        <v>0.34</v>
      </c>
    </row>
    <row r="151" spans="1:7" x14ac:dyDescent="0.25">
      <c r="A151" t="s">
        <v>11</v>
      </c>
      <c r="B151">
        <v>37239</v>
      </c>
      <c r="C151">
        <v>22</v>
      </c>
      <c r="D151" t="s">
        <v>12</v>
      </c>
      <c r="E151">
        <v>0.64</v>
      </c>
      <c r="F151">
        <v>0.7</v>
      </c>
      <c r="G151">
        <v>0.92</v>
      </c>
    </row>
    <row r="152" spans="1:7" x14ac:dyDescent="0.25">
      <c r="A152" t="s">
        <v>19</v>
      </c>
      <c r="B152">
        <v>149798</v>
      </c>
      <c r="C152">
        <v>7</v>
      </c>
      <c r="D152" t="s">
        <v>10</v>
      </c>
      <c r="E152">
        <v>0.89</v>
      </c>
      <c r="F152">
        <v>1.1499999999999999</v>
      </c>
      <c r="G152">
        <v>0.74</v>
      </c>
    </row>
    <row r="153" spans="1:7" x14ac:dyDescent="0.25">
      <c r="A153" t="s">
        <v>7</v>
      </c>
      <c r="B153">
        <v>149052</v>
      </c>
      <c r="C153">
        <v>1</v>
      </c>
      <c r="D153" t="s">
        <v>24</v>
      </c>
      <c r="E153">
        <v>0.17</v>
      </c>
      <c r="F153">
        <v>1.38</v>
      </c>
      <c r="G153">
        <v>0.81</v>
      </c>
    </row>
    <row r="154" spans="1:7" x14ac:dyDescent="0.25">
      <c r="A154" t="s">
        <v>17</v>
      </c>
      <c r="B154">
        <v>39587</v>
      </c>
      <c r="C154">
        <v>5</v>
      </c>
      <c r="D154" t="s">
        <v>24</v>
      </c>
      <c r="E154">
        <v>0.54</v>
      </c>
      <c r="F154">
        <v>1.21</v>
      </c>
      <c r="G154">
        <v>0.13</v>
      </c>
    </row>
    <row r="155" spans="1:7" x14ac:dyDescent="0.25">
      <c r="A155" t="s">
        <v>30</v>
      </c>
      <c r="B155">
        <v>120301</v>
      </c>
      <c r="C155">
        <v>0</v>
      </c>
      <c r="D155" t="s">
        <v>8</v>
      </c>
      <c r="E155">
        <v>0.24</v>
      </c>
      <c r="F155">
        <v>0.64</v>
      </c>
      <c r="G155">
        <v>0.44</v>
      </c>
    </row>
    <row r="156" spans="1:7" x14ac:dyDescent="0.25">
      <c r="A156" t="s">
        <v>18</v>
      </c>
      <c r="B156">
        <v>117969</v>
      </c>
      <c r="C156">
        <v>1</v>
      </c>
      <c r="D156" t="s">
        <v>10</v>
      </c>
      <c r="E156">
        <v>0.31</v>
      </c>
      <c r="F156">
        <v>0.5</v>
      </c>
      <c r="G156">
        <v>0.56999999999999995</v>
      </c>
    </row>
    <row r="157" spans="1:7" x14ac:dyDescent="0.25">
      <c r="A157" t="s">
        <v>7</v>
      </c>
      <c r="B157">
        <v>39528</v>
      </c>
      <c r="C157">
        <v>20</v>
      </c>
      <c r="D157" t="s">
        <v>12</v>
      </c>
      <c r="E157">
        <v>0.41</v>
      </c>
      <c r="F157">
        <v>1.26</v>
      </c>
      <c r="G157">
        <v>0.93</v>
      </c>
    </row>
    <row r="158" spans="1:7" x14ac:dyDescent="0.25">
      <c r="A158" t="s">
        <v>17</v>
      </c>
      <c r="B158">
        <v>95677</v>
      </c>
      <c r="C158">
        <v>3</v>
      </c>
      <c r="D158" t="s">
        <v>8</v>
      </c>
      <c r="E158">
        <v>0.38</v>
      </c>
      <c r="F158">
        <v>0.63</v>
      </c>
      <c r="G158">
        <v>0.15</v>
      </c>
    </row>
    <row r="159" spans="1:7" x14ac:dyDescent="0.25">
      <c r="A159" t="s">
        <v>18</v>
      </c>
      <c r="B159">
        <v>51778</v>
      </c>
      <c r="C159">
        <v>8</v>
      </c>
      <c r="D159" t="s">
        <v>24</v>
      </c>
      <c r="E159">
        <v>0.84</v>
      </c>
      <c r="F159">
        <v>1.48</v>
      </c>
      <c r="G159">
        <v>0.55000000000000004</v>
      </c>
    </row>
    <row r="160" spans="1:7" x14ac:dyDescent="0.25">
      <c r="A160" t="s">
        <v>21</v>
      </c>
      <c r="B160">
        <v>36816</v>
      </c>
      <c r="C160">
        <v>23</v>
      </c>
      <c r="D160" t="s">
        <v>12</v>
      </c>
      <c r="E160">
        <v>0.28000000000000003</v>
      </c>
      <c r="F160">
        <v>1.32</v>
      </c>
      <c r="G160">
        <v>0.33</v>
      </c>
    </row>
    <row r="161" spans="1:7" x14ac:dyDescent="0.25">
      <c r="A161" t="s">
        <v>9</v>
      </c>
      <c r="B161">
        <v>53567</v>
      </c>
      <c r="C161">
        <v>28</v>
      </c>
      <c r="D161" t="s">
        <v>24</v>
      </c>
      <c r="E161">
        <v>0.84</v>
      </c>
      <c r="F161">
        <v>0.79</v>
      </c>
      <c r="G161">
        <v>0.16</v>
      </c>
    </row>
    <row r="162" spans="1:7" x14ac:dyDescent="0.25">
      <c r="A162" t="s">
        <v>21</v>
      </c>
      <c r="B162">
        <v>121170</v>
      </c>
      <c r="C162">
        <v>16</v>
      </c>
      <c r="D162" t="s">
        <v>24</v>
      </c>
      <c r="E162">
        <v>0.06</v>
      </c>
      <c r="F162">
        <v>1.46</v>
      </c>
      <c r="G162">
        <v>0.31</v>
      </c>
    </row>
    <row r="163" spans="1:7" x14ac:dyDescent="0.25">
      <c r="A163" t="s">
        <v>15</v>
      </c>
      <c r="B163">
        <v>91944</v>
      </c>
      <c r="C163">
        <v>28</v>
      </c>
      <c r="D163" t="s">
        <v>24</v>
      </c>
      <c r="E163">
        <v>0.64</v>
      </c>
      <c r="F163">
        <v>1.18</v>
      </c>
      <c r="G163">
        <v>0.08</v>
      </c>
    </row>
    <row r="164" spans="1:7" x14ac:dyDescent="0.25">
      <c r="A164" t="s">
        <v>7</v>
      </c>
      <c r="B164">
        <v>123905</v>
      </c>
      <c r="C164">
        <v>16</v>
      </c>
      <c r="D164" t="s">
        <v>24</v>
      </c>
      <c r="E164">
        <v>0.04</v>
      </c>
      <c r="F164">
        <v>1.1000000000000001</v>
      </c>
      <c r="G164">
        <v>0.93</v>
      </c>
    </row>
    <row r="165" spans="1:7" x14ac:dyDescent="0.25">
      <c r="A165" t="s">
        <v>17</v>
      </c>
      <c r="B165">
        <v>73056</v>
      </c>
      <c r="C165">
        <v>13</v>
      </c>
      <c r="D165" t="s">
        <v>8</v>
      </c>
      <c r="E165">
        <v>0.05</v>
      </c>
      <c r="F165">
        <v>1.33</v>
      </c>
      <c r="G165">
        <v>0.26</v>
      </c>
    </row>
    <row r="166" spans="1:7" x14ac:dyDescent="0.25">
      <c r="A166" t="s">
        <v>27</v>
      </c>
      <c r="B166">
        <v>89156</v>
      </c>
      <c r="C166">
        <v>18</v>
      </c>
      <c r="D166" t="s">
        <v>8</v>
      </c>
      <c r="E166">
        <v>0.88</v>
      </c>
      <c r="F166">
        <v>1.07</v>
      </c>
      <c r="G166">
        <v>0.71</v>
      </c>
    </row>
    <row r="167" spans="1:7" x14ac:dyDescent="0.25">
      <c r="A167" t="s">
        <v>30</v>
      </c>
      <c r="B167">
        <v>102124</v>
      </c>
      <c r="C167">
        <v>15</v>
      </c>
      <c r="D167" t="s">
        <v>10</v>
      </c>
      <c r="E167">
        <v>0.3</v>
      </c>
      <c r="F167">
        <v>1.22</v>
      </c>
      <c r="G167">
        <v>0.68</v>
      </c>
    </row>
    <row r="168" spans="1:7" x14ac:dyDescent="0.25">
      <c r="A168" t="s">
        <v>26</v>
      </c>
      <c r="B168">
        <v>54995</v>
      </c>
      <c r="C168">
        <v>17</v>
      </c>
      <c r="D168" t="s">
        <v>10</v>
      </c>
      <c r="E168">
        <v>0.09</v>
      </c>
      <c r="F168">
        <v>1.1000000000000001</v>
      </c>
      <c r="G168">
        <v>0.19</v>
      </c>
    </row>
    <row r="169" spans="1:7" x14ac:dyDescent="0.25">
      <c r="A169" t="s">
        <v>16</v>
      </c>
      <c r="B169">
        <v>100194</v>
      </c>
      <c r="C169">
        <v>21</v>
      </c>
      <c r="D169" t="s">
        <v>12</v>
      </c>
      <c r="E169">
        <v>0.12</v>
      </c>
      <c r="F169">
        <v>0.65</v>
      </c>
      <c r="G169">
        <v>0.37</v>
      </c>
    </row>
    <row r="170" spans="1:7" x14ac:dyDescent="0.25">
      <c r="A170" t="s">
        <v>21</v>
      </c>
      <c r="B170">
        <v>97534</v>
      </c>
      <c r="C170">
        <v>25</v>
      </c>
      <c r="D170" t="s">
        <v>12</v>
      </c>
      <c r="E170">
        <v>0.91</v>
      </c>
      <c r="F170">
        <v>1.31</v>
      </c>
      <c r="G170">
        <v>0.39</v>
      </c>
    </row>
    <row r="171" spans="1:7" x14ac:dyDescent="0.25">
      <c r="A171" t="s">
        <v>20</v>
      </c>
      <c r="B171">
        <v>123547</v>
      </c>
      <c r="C171">
        <v>1</v>
      </c>
      <c r="D171" t="s">
        <v>12</v>
      </c>
      <c r="E171">
        <v>0.38</v>
      </c>
      <c r="F171">
        <v>0.95</v>
      </c>
      <c r="G171">
        <v>0.53</v>
      </c>
    </row>
    <row r="172" spans="1:7" x14ac:dyDescent="0.25">
      <c r="A172" t="s">
        <v>15</v>
      </c>
      <c r="B172">
        <v>111926</v>
      </c>
      <c r="C172">
        <v>3</v>
      </c>
      <c r="D172" t="s">
        <v>24</v>
      </c>
      <c r="E172">
        <v>0.04</v>
      </c>
      <c r="F172">
        <v>1.26</v>
      </c>
      <c r="G172">
        <v>0.28999999999999998</v>
      </c>
    </row>
    <row r="173" spans="1:7" x14ac:dyDescent="0.25">
      <c r="A173" t="s">
        <v>18</v>
      </c>
      <c r="B173">
        <v>107487</v>
      </c>
      <c r="C173">
        <v>19</v>
      </c>
      <c r="D173" t="s">
        <v>24</v>
      </c>
      <c r="E173">
        <v>0.57999999999999996</v>
      </c>
      <c r="F173">
        <v>1.06</v>
      </c>
      <c r="G173">
        <v>0.34</v>
      </c>
    </row>
    <row r="174" spans="1:7" x14ac:dyDescent="0.25">
      <c r="A174" t="s">
        <v>18</v>
      </c>
      <c r="B174">
        <v>107362</v>
      </c>
      <c r="C174">
        <v>17</v>
      </c>
      <c r="D174" t="s">
        <v>8</v>
      </c>
      <c r="E174">
        <v>0.31</v>
      </c>
      <c r="F174">
        <v>0.65</v>
      </c>
      <c r="G174">
        <v>0.5</v>
      </c>
    </row>
    <row r="175" spans="1:7" x14ac:dyDescent="0.25">
      <c r="A175" t="s">
        <v>14</v>
      </c>
      <c r="B175">
        <v>44973</v>
      </c>
      <c r="C175">
        <v>19</v>
      </c>
      <c r="D175" t="s">
        <v>8</v>
      </c>
      <c r="E175">
        <v>0.03</v>
      </c>
      <c r="F175">
        <v>1.47</v>
      </c>
      <c r="G175">
        <v>0.61</v>
      </c>
    </row>
    <row r="176" spans="1:7" x14ac:dyDescent="0.25">
      <c r="A176" t="s">
        <v>9</v>
      </c>
      <c r="B176">
        <v>30340</v>
      </c>
      <c r="C176">
        <v>13</v>
      </c>
      <c r="D176" t="s">
        <v>8</v>
      </c>
      <c r="E176">
        <v>0.68</v>
      </c>
      <c r="F176">
        <v>0.74</v>
      </c>
      <c r="G176">
        <v>0.26</v>
      </c>
    </row>
    <row r="177" spans="1:7" x14ac:dyDescent="0.25">
      <c r="A177" t="s">
        <v>26</v>
      </c>
      <c r="B177">
        <v>104965</v>
      </c>
      <c r="C177">
        <v>24</v>
      </c>
      <c r="D177" t="s">
        <v>24</v>
      </c>
      <c r="E177">
        <v>0.79</v>
      </c>
      <c r="F177">
        <v>0.96</v>
      </c>
      <c r="G177">
        <v>0.23</v>
      </c>
    </row>
    <row r="178" spans="1:7" x14ac:dyDescent="0.25">
      <c r="A178" t="s">
        <v>27</v>
      </c>
      <c r="B178">
        <v>74789</v>
      </c>
      <c r="C178">
        <v>10</v>
      </c>
      <c r="D178" t="s">
        <v>8</v>
      </c>
      <c r="E178">
        <v>0.55000000000000004</v>
      </c>
      <c r="F178">
        <v>0.56000000000000005</v>
      </c>
      <c r="G178">
        <v>0.87</v>
      </c>
    </row>
    <row r="179" spans="1:7" x14ac:dyDescent="0.25">
      <c r="A179" t="s">
        <v>7</v>
      </c>
      <c r="B179">
        <v>88954</v>
      </c>
      <c r="C179">
        <v>0</v>
      </c>
      <c r="D179" t="s">
        <v>12</v>
      </c>
      <c r="E179">
        <v>0.56000000000000005</v>
      </c>
      <c r="F179">
        <v>0.94</v>
      </c>
      <c r="G179">
        <v>0.85</v>
      </c>
    </row>
    <row r="180" spans="1:7" x14ac:dyDescent="0.25">
      <c r="A180" t="s">
        <v>17</v>
      </c>
      <c r="B180">
        <v>78456</v>
      </c>
      <c r="C180">
        <v>7</v>
      </c>
      <c r="D180" t="s">
        <v>10</v>
      </c>
      <c r="E180">
        <v>0.85</v>
      </c>
      <c r="F180">
        <v>0.94</v>
      </c>
      <c r="G180">
        <v>0.26</v>
      </c>
    </row>
    <row r="181" spans="1:7" x14ac:dyDescent="0.25">
      <c r="A181" t="s">
        <v>14</v>
      </c>
      <c r="B181">
        <v>116698</v>
      </c>
      <c r="C181">
        <v>2</v>
      </c>
      <c r="D181" t="s">
        <v>12</v>
      </c>
      <c r="E181">
        <v>0.69</v>
      </c>
      <c r="F181">
        <v>0.63</v>
      </c>
      <c r="G181">
        <v>0.42</v>
      </c>
    </row>
    <row r="182" spans="1:7" x14ac:dyDescent="0.25">
      <c r="A182" t="s">
        <v>28</v>
      </c>
      <c r="B182">
        <v>40886</v>
      </c>
      <c r="C182">
        <v>2</v>
      </c>
      <c r="D182" t="s">
        <v>12</v>
      </c>
      <c r="E182">
        <v>0.74</v>
      </c>
      <c r="F182">
        <v>1.33</v>
      </c>
      <c r="G182">
        <v>0.6</v>
      </c>
    </row>
    <row r="183" spans="1:7" x14ac:dyDescent="0.25">
      <c r="A183" t="s">
        <v>15</v>
      </c>
      <c r="B183">
        <v>78511</v>
      </c>
      <c r="C183">
        <v>3</v>
      </c>
      <c r="D183" t="s">
        <v>12</v>
      </c>
      <c r="E183">
        <v>0.41</v>
      </c>
      <c r="F183">
        <v>0.56999999999999995</v>
      </c>
      <c r="G183">
        <v>0.14000000000000001</v>
      </c>
    </row>
    <row r="184" spans="1:7" x14ac:dyDescent="0.25">
      <c r="A184" t="s">
        <v>15</v>
      </c>
      <c r="B184">
        <v>136127</v>
      </c>
      <c r="C184">
        <v>5</v>
      </c>
      <c r="D184" t="s">
        <v>8</v>
      </c>
      <c r="E184">
        <v>0.05</v>
      </c>
      <c r="F184">
        <v>0.56999999999999995</v>
      </c>
      <c r="G184">
        <v>0.15</v>
      </c>
    </row>
    <row r="185" spans="1:7" x14ac:dyDescent="0.25">
      <c r="A185" t="s">
        <v>27</v>
      </c>
      <c r="B185">
        <v>45592</v>
      </c>
      <c r="C185">
        <v>29</v>
      </c>
      <c r="D185" t="s">
        <v>24</v>
      </c>
      <c r="E185">
        <v>0.98</v>
      </c>
      <c r="F185">
        <v>1.1000000000000001</v>
      </c>
      <c r="G185">
        <v>0.79</v>
      </c>
    </row>
    <row r="186" spans="1:7" x14ac:dyDescent="0.25">
      <c r="A186" t="s">
        <v>7</v>
      </c>
      <c r="B186">
        <v>134859</v>
      </c>
      <c r="C186">
        <v>13</v>
      </c>
      <c r="D186" t="s">
        <v>8</v>
      </c>
      <c r="E186">
        <v>0.82</v>
      </c>
      <c r="F186">
        <v>1.3</v>
      </c>
      <c r="G186">
        <v>0.84</v>
      </c>
    </row>
    <row r="187" spans="1:7" x14ac:dyDescent="0.25">
      <c r="A187" t="s">
        <v>29</v>
      </c>
      <c r="B187">
        <v>119678</v>
      </c>
      <c r="C187">
        <v>24</v>
      </c>
      <c r="D187" t="s">
        <v>12</v>
      </c>
      <c r="E187">
        <v>0</v>
      </c>
      <c r="F187">
        <v>1.01</v>
      </c>
      <c r="G187">
        <v>0.06</v>
      </c>
    </row>
    <row r="188" spans="1:7" x14ac:dyDescent="0.25">
      <c r="A188" t="s">
        <v>20</v>
      </c>
      <c r="B188">
        <v>62402</v>
      </c>
      <c r="C188">
        <v>8</v>
      </c>
      <c r="D188" t="s">
        <v>8</v>
      </c>
      <c r="E188">
        <v>0.84</v>
      </c>
      <c r="F188">
        <v>0.81</v>
      </c>
      <c r="G188">
        <v>0.62</v>
      </c>
    </row>
    <row r="189" spans="1:7" x14ac:dyDescent="0.25">
      <c r="A189" t="s">
        <v>16</v>
      </c>
      <c r="B189">
        <v>53478</v>
      </c>
      <c r="C189">
        <v>9</v>
      </c>
      <c r="D189" t="s">
        <v>24</v>
      </c>
      <c r="E189">
        <v>0.14000000000000001</v>
      </c>
      <c r="F189">
        <v>0.75</v>
      </c>
      <c r="G189">
        <v>0.65</v>
      </c>
    </row>
    <row r="190" spans="1:7" x14ac:dyDescent="0.25">
      <c r="A190" t="s">
        <v>21</v>
      </c>
      <c r="B190">
        <v>52005</v>
      </c>
      <c r="C190">
        <v>15</v>
      </c>
      <c r="D190" t="s">
        <v>24</v>
      </c>
      <c r="E190">
        <v>0.39</v>
      </c>
      <c r="F190">
        <v>1.37</v>
      </c>
      <c r="G190">
        <v>0.49</v>
      </c>
    </row>
    <row r="191" spans="1:7" x14ac:dyDescent="0.25">
      <c r="A191" t="s">
        <v>7</v>
      </c>
      <c r="B191">
        <v>82389</v>
      </c>
      <c r="C191">
        <v>10</v>
      </c>
      <c r="D191" t="s">
        <v>24</v>
      </c>
      <c r="E191">
        <v>0.73</v>
      </c>
      <c r="F191">
        <v>1.5</v>
      </c>
      <c r="G191">
        <v>0.9</v>
      </c>
    </row>
    <row r="192" spans="1:7" x14ac:dyDescent="0.25">
      <c r="A192" t="s">
        <v>28</v>
      </c>
      <c r="B192">
        <v>84336</v>
      </c>
      <c r="C192">
        <v>3</v>
      </c>
      <c r="D192" t="s">
        <v>12</v>
      </c>
      <c r="E192">
        <v>0.09</v>
      </c>
      <c r="F192">
        <v>0.54</v>
      </c>
      <c r="G192">
        <v>0.56999999999999995</v>
      </c>
    </row>
    <row r="193" spans="1:7" x14ac:dyDescent="0.25">
      <c r="A193" t="s">
        <v>14</v>
      </c>
      <c r="B193">
        <v>112594</v>
      </c>
      <c r="C193">
        <v>24</v>
      </c>
      <c r="D193" t="s">
        <v>12</v>
      </c>
      <c r="E193">
        <v>0.74</v>
      </c>
      <c r="F193">
        <v>0.83</v>
      </c>
      <c r="G193">
        <v>0.66</v>
      </c>
    </row>
    <row r="194" spans="1:7" x14ac:dyDescent="0.25">
      <c r="A194" t="s">
        <v>7</v>
      </c>
      <c r="B194">
        <v>85243</v>
      </c>
      <c r="C194">
        <v>26</v>
      </c>
      <c r="D194" t="s">
        <v>24</v>
      </c>
      <c r="E194">
        <v>0.57999999999999996</v>
      </c>
      <c r="F194">
        <v>0.57999999999999996</v>
      </c>
      <c r="G194">
        <v>0.8</v>
      </c>
    </row>
    <row r="195" spans="1:7" x14ac:dyDescent="0.25">
      <c r="A195" t="s">
        <v>20</v>
      </c>
      <c r="B195">
        <v>85668</v>
      </c>
      <c r="C195">
        <v>3</v>
      </c>
      <c r="D195" t="s">
        <v>8</v>
      </c>
      <c r="E195">
        <v>0.55000000000000004</v>
      </c>
      <c r="F195">
        <v>1.38</v>
      </c>
      <c r="G195">
        <v>0.56999999999999995</v>
      </c>
    </row>
    <row r="196" spans="1:7" x14ac:dyDescent="0.25">
      <c r="A196" t="s">
        <v>13</v>
      </c>
      <c r="B196">
        <v>82428</v>
      </c>
      <c r="C196">
        <v>14</v>
      </c>
      <c r="D196" t="s">
        <v>24</v>
      </c>
      <c r="E196">
        <v>0.06</v>
      </c>
      <c r="F196">
        <v>1.17</v>
      </c>
      <c r="G196">
        <v>0.53</v>
      </c>
    </row>
    <row r="197" spans="1:7" x14ac:dyDescent="0.25">
      <c r="A197" t="s">
        <v>22</v>
      </c>
      <c r="B197">
        <v>107240</v>
      </c>
      <c r="C197">
        <v>25</v>
      </c>
      <c r="D197" t="s">
        <v>24</v>
      </c>
      <c r="E197">
        <v>0.85</v>
      </c>
      <c r="F197">
        <v>0.82</v>
      </c>
      <c r="G197">
        <v>0.41</v>
      </c>
    </row>
    <row r="198" spans="1:7" x14ac:dyDescent="0.25">
      <c r="A198" t="s">
        <v>20</v>
      </c>
      <c r="B198">
        <v>120270</v>
      </c>
      <c r="C198">
        <v>8</v>
      </c>
      <c r="D198" t="s">
        <v>8</v>
      </c>
      <c r="E198">
        <v>0.69</v>
      </c>
      <c r="F198">
        <v>1.19</v>
      </c>
      <c r="G198">
        <v>0.67</v>
      </c>
    </row>
    <row r="199" spans="1:7" x14ac:dyDescent="0.25">
      <c r="A199" t="s">
        <v>15</v>
      </c>
      <c r="B199">
        <v>74605</v>
      </c>
      <c r="C199">
        <v>21</v>
      </c>
      <c r="D199" t="s">
        <v>8</v>
      </c>
      <c r="E199">
        <v>0.76</v>
      </c>
      <c r="F199">
        <v>1.05</v>
      </c>
      <c r="G199">
        <v>0.1</v>
      </c>
    </row>
    <row r="200" spans="1:7" x14ac:dyDescent="0.25">
      <c r="A200" t="s">
        <v>20</v>
      </c>
      <c r="B200">
        <v>140059</v>
      </c>
      <c r="C200">
        <v>5</v>
      </c>
      <c r="D200" t="s">
        <v>24</v>
      </c>
      <c r="E200">
        <v>0.11</v>
      </c>
      <c r="F200">
        <v>1.1399999999999999</v>
      </c>
      <c r="G200">
        <v>0.5</v>
      </c>
    </row>
    <row r="201" spans="1:7" x14ac:dyDescent="0.25">
      <c r="A201" t="s">
        <v>16</v>
      </c>
      <c r="B201">
        <v>96155</v>
      </c>
      <c r="C201">
        <v>18</v>
      </c>
      <c r="D201" t="s">
        <v>24</v>
      </c>
      <c r="E201">
        <v>0.73</v>
      </c>
      <c r="F201">
        <v>0.86</v>
      </c>
      <c r="G201">
        <v>0.57999999999999996</v>
      </c>
    </row>
    <row r="202" spans="1:7" x14ac:dyDescent="0.25">
      <c r="A202" t="s">
        <v>11</v>
      </c>
      <c r="B202">
        <v>131971</v>
      </c>
      <c r="C202">
        <v>23</v>
      </c>
      <c r="D202" t="s">
        <v>8</v>
      </c>
      <c r="E202">
        <v>0.76</v>
      </c>
      <c r="F202">
        <v>1.36</v>
      </c>
      <c r="G202">
        <v>0.85</v>
      </c>
    </row>
    <row r="203" spans="1:7" x14ac:dyDescent="0.25">
      <c r="A203" t="s">
        <v>17</v>
      </c>
      <c r="B203">
        <v>57413</v>
      </c>
      <c r="C203">
        <v>4</v>
      </c>
      <c r="D203" t="s">
        <v>12</v>
      </c>
      <c r="E203">
        <v>0.25</v>
      </c>
      <c r="F203">
        <v>0.9</v>
      </c>
      <c r="G203">
        <v>0.27</v>
      </c>
    </row>
    <row r="204" spans="1:7" x14ac:dyDescent="0.25">
      <c r="A204" t="s">
        <v>13</v>
      </c>
      <c r="B204">
        <v>138125</v>
      </c>
      <c r="C204">
        <v>2</v>
      </c>
      <c r="D204" t="s">
        <v>24</v>
      </c>
      <c r="E204">
        <v>0.06</v>
      </c>
      <c r="F204">
        <v>0.94</v>
      </c>
      <c r="G204">
        <v>0.41</v>
      </c>
    </row>
    <row r="205" spans="1:7" x14ac:dyDescent="0.25">
      <c r="A205" t="s">
        <v>18</v>
      </c>
      <c r="B205">
        <v>42602</v>
      </c>
      <c r="C205">
        <v>10</v>
      </c>
      <c r="D205" t="s">
        <v>10</v>
      </c>
      <c r="E205">
        <v>0.75</v>
      </c>
      <c r="F205">
        <v>0.73</v>
      </c>
      <c r="G205">
        <v>0.68</v>
      </c>
    </row>
    <row r="206" spans="1:7" x14ac:dyDescent="0.25">
      <c r="A206" t="s">
        <v>9</v>
      </c>
      <c r="B206">
        <v>110070</v>
      </c>
      <c r="C206">
        <v>14</v>
      </c>
      <c r="D206" t="s">
        <v>8</v>
      </c>
      <c r="E206">
        <v>0.9</v>
      </c>
      <c r="F206">
        <v>1.35</v>
      </c>
      <c r="G206">
        <v>0.15</v>
      </c>
    </row>
    <row r="207" spans="1:7" x14ac:dyDescent="0.25">
      <c r="A207" t="s">
        <v>20</v>
      </c>
      <c r="B207">
        <v>50954</v>
      </c>
      <c r="C207">
        <v>3</v>
      </c>
      <c r="D207" t="s">
        <v>8</v>
      </c>
      <c r="E207">
        <v>0.3</v>
      </c>
      <c r="F207">
        <v>1.38</v>
      </c>
      <c r="G207">
        <v>0.48</v>
      </c>
    </row>
    <row r="208" spans="1:7" x14ac:dyDescent="0.25">
      <c r="A208" t="s">
        <v>19</v>
      </c>
      <c r="B208">
        <v>118691</v>
      </c>
      <c r="C208">
        <v>22</v>
      </c>
      <c r="D208" t="s">
        <v>10</v>
      </c>
      <c r="E208">
        <v>0.93</v>
      </c>
      <c r="F208">
        <v>0.89</v>
      </c>
      <c r="G208">
        <v>0.84</v>
      </c>
    </row>
    <row r="209" spans="1:7" x14ac:dyDescent="0.25">
      <c r="A209" t="s">
        <v>21</v>
      </c>
      <c r="B209">
        <v>120453</v>
      </c>
      <c r="C209">
        <v>14</v>
      </c>
      <c r="D209" t="s">
        <v>24</v>
      </c>
      <c r="E209">
        <v>0.19</v>
      </c>
      <c r="F209">
        <v>0.81</v>
      </c>
      <c r="G209">
        <v>0.59</v>
      </c>
    </row>
    <row r="210" spans="1:7" x14ac:dyDescent="0.25">
      <c r="A210" t="s">
        <v>13</v>
      </c>
      <c r="B210">
        <v>37214</v>
      </c>
      <c r="C210">
        <v>21</v>
      </c>
      <c r="D210" t="s">
        <v>10</v>
      </c>
      <c r="E210">
        <v>0.41</v>
      </c>
      <c r="F210">
        <v>0.72</v>
      </c>
      <c r="G210">
        <v>0.6</v>
      </c>
    </row>
    <row r="211" spans="1:7" x14ac:dyDescent="0.25">
      <c r="A211" t="s">
        <v>9</v>
      </c>
      <c r="B211">
        <v>139269</v>
      </c>
      <c r="C211">
        <v>24</v>
      </c>
      <c r="D211" t="s">
        <v>12</v>
      </c>
      <c r="E211">
        <v>0.36</v>
      </c>
      <c r="F211">
        <v>1.45</v>
      </c>
      <c r="G211">
        <v>0.21</v>
      </c>
    </row>
    <row r="212" spans="1:7" x14ac:dyDescent="0.25">
      <c r="A212" t="s">
        <v>11</v>
      </c>
      <c r="B212">
        <v>119285</v>
      </c>
      <c r="C212">
        <v>0</v>
      </c>
      <c r="D212" t="s">
        <v>10</v>
      </c>
      <c r="E212">
        <v>0.12</v>
      </c>
      <c r="F212">
        <v>0.63</v>
      </c>
      <c r="G212">
        <v>0.91</v>
      </c>
    </row>
    <row r="213" spans="1:7" x14ac:dyDescent="0.25">
      <c r="A213" t="s">
        <v>9</v>
      </c>
      <c r="B213">
        <v>122268</v>
      </c>
      <c r="C213">
        <v>22</v>
      </c>
      <c r="D213" t="s">
        <v>24</v>
      </c>
      <c r="E213">
        <v>0.55000000000000004</v>
      </c>
      <c r="F213">
        <v>0.81</v>
      </c>
      <c r="G213">
        <v>0.17</v>
      </c>
    </row>
    <row r="214" spans="1:7" x14ac:dyDescent="0.25">
      <c r="A214" t="s">
        <v>19</v>
      </c>
      <c r="B214">
        <v>118791</v>
      </c>
      <c r="C214">
        <v>26</v>
      </c>
      <c r="D214" t="s">
        <v>24</v>
      </c>
      <c r="E214">
        <v>0.5</v>
      </c>
      <c r="F214">
        <v>1.21</v>
      </c>
      <c r="G214">
        <v>0.83</v>
      </c>
    </row>
    <row r="215" spans="1:7" x14ac:dyDescent="0.25">
      <c r="A215" t="s">
        <v>19</v>
      </c>
      <c r="B215">
        <v>86408</v>
      </c>
      <c r="C215">
        <v>19</v>
      </c>
      <c r="D215" t="s">
        <v>12</v>
      </c>
      <c r="E215">
        <v>0.68</v>
      </c>
      <c r="F215">
        <v>1.1299999999999999</v>
      </c>
      <c r="G215">
        <v>0.78</v>
      </c>
    </row>
    <row r="216" spans="1:7" x14ac:dyDescent="0.25">
      <c r="A216" t="s">
        <v>14</v>
      </c>
      <c r="B216">
        <v>136464</v>
      </c>
      <c r="C216">
        <v>16</v>
      </c>
      <c r="D216" t="s">
        <v>10</v>
      </c>
      <c r="E216">
        <v>0.02</v>
      </c>
      <c r="F216">
        <v>0.89</v>
      </c>
      <c r="G216">
        <v>0.38</v>
      </c>
    </row>
    <row r="217" spans="1:7" x14ac:dyDescent="0.25">
      <c r="A217" t="s">
        <v>23</v>
      </c>
      <c r="B217">
        <v>56049</v>
      </c>
      <c r="C217">
        <v>29</v>
      </c>
      <c r="D217" t="s">
        <v>24</v>
      </c>
      <c r="E217">
        <v>0.37</v>
      </c>
      <c r="F217">
        <v>1.44</v>
      </c>
      <c r="G217">
        <v>0.56000000000000005</v>
      </c>
    </row>
    <row r="218" spans="1:7" x14ac:dyDescent="0.25">
      <c r="A218" t="s">
        <v>23</v>
      </c>
      <c r="B218">
        <v>84845</v>
      </c>
      <c r="C218">
        <v>28</v>
      </c>
      <c r="D218" t="s">
        <v>10</v>
      </c>
      <c r="E218">
        <v>0.98</v>
      </c>
      <c r="F218">
        <v>0.6</v>
      </c>
      <c r="G218">
        <v>0.52</v>
      </c>
    </row>
    <row r="219" spans="1:7" x14ac:dyDescent="0.25">
      <c r="A219" t="s">
        <v>23</v>
      </c>
      <c r="B219">
        <v>133937</v>
      </c>
      <c r="C219">
        <v>27</v>
      </c>
      <c r="D219" t="s">
        <v>8</v>
      </c>
      <c r="E219">
        <v>0.55000000000000004</v>
      </c>
      <c r="F219">
        <v>1.19</v>
      </c>
      <c r="G219">
        <v>0.36</v>
      </c>
    </row>
    <row r="220" spans="1:7" x14ac:dyDescent="0.25">
      <c r="A220" t="s">
        <v>15</v>
      </c>
      <c r="B220">
        <v>143557</v>
      </c>
      <c r="C220">
        <v>2</v>
      </c>
      <c r="D220" t="s">
        <v>12</v>
      </c>
      <c r="E220">
        <v>0.37</v>
      </c>
      <c r="F220">
        <v>1.06</v>
      </c>
      <c r="G220">
        <v>0.16</v>
      </c>
    </row>
    <row r="221" spans="1:7" x14ac:dyDescent="0.25">
      <c r="A221" t="s">
        <v>22</v>
      </c>
      <c r="B221">
        <v>32994</v>
      </c>
      <c r="C221">
        <v>15</v>
      </c>
      <c r="D221" t="s">
        <v>10</v>
      </c>
      <c r="E221">
        <v>0.01</v>
      </c>
      <c r="F221">
        <v>1.27</v>
      </c>
      <c r="G221">
        <v>0.55000000000000004</v>
      </c>
    </row>
    <row r="222" spans="1:7" x14ac:dyDescent="0.25">
      <c r="A222" t="s">
        <v>27</v>
      </c>
      <c r="B222">
        <v>54351</v>
      </c>
      <c r="C222">
        <v>5</v>
      </c>
      <c r="D222" t="s">
        <v>10</v>
      </c>
      <c r="E222">
        <v>0.98</v>
      </c>
      <c r="F222">
        <v>0.6</v>
      </c>
      <c r="G222">
        <v>0.7</v>
      </c>
    </row>
    <row r="223" spans="1:7" x14ac:dyDescent="0.25">
      <c r="A223" t="s">
        <v>17</v>
      </c>
      <c r="B223">
        <v>74816</v>
      </c>
      <c r="C223">
        <v>10</v>
      </c>
      <c r="D223" t="s">
        <v>8</v>
      </c>
      <c r="E223">
        <v>0.64</v>
      </c>
      <c r="F223">
        <v>0.74</v>
      </c>
      <c r="G223">
        <v>0.23</v>
      </c>
    </row>
    <row r="224" spans="1:7" x14ac:dyDescent="0.25">
      <c r="A224" t="s">
        <v>14</v>
      </c>
      <c r="B224">
        <v>103788</v>
      </c>
      <c r="C224">
        <v>17</v>
      </c>
      <c r="D224" t="s">
        <v>24</v>
      </c>
      <c r="E224">
        <v>0.73</v>
      </c>
      <c r="F224">
        <v>1.1100000000000001</v>
      </c>
      <c r="G224">
        <v>0.56999999999999995</v>
      </c>
    </row>
    <row r="225" spans="1:7" x14ac:dyDescent="0.25">
      <c r="A225" t="s">
        <v>17</v>
      </c>
      <c r="B225">
        <v>40103</v>
      </c>
      <c r="C225">
        <v>26</v>
      </c>
      <c r="D225" t="s">
        <v>24</v>
      </c>
      <c r="E225">
        <v>0.52</v>
      </c>
      <c r="F225">
        <v>0.56999999999999995</v>
      </c>
      <c r="G225">
        <v>0.14000000000000001</v>
      </c>
    </row>
    <row r="226" spans="1:7" x14ac:dyDescent="0.25">
      <c r="A226" t="s">
        <v>30</v>
      </c>
      <c r="B226">
        <v>34458</v>
      </c>
      <c r="C226">
        <v>26</v>
      </c>
      <c r="D226" t="s">
        <v>12</v>
      </c>
      <c r="E226">
        <v>0.71</v>
      </c>
      <c r="F226">
        <v>0.93</v>
      </c>
      <c r="G226">
        <v>0.48</v>
      </c>
    </row>
    <row r="227" spans="1:7" x14ac:dyDescent="0.25">
      <c r="A227" t="s">
        <v>11</v>
      </c>
      <c r="B227">
        <v>59493</v>
      </c>
      <c r="C227">
        <v>23</v>
      </c>
      <c r="D227" t="s">
        <v>24</v>
      </c>
      <c r="E227">
        <v>0.93</v>
      </c>
      <c r="F227">
        <v>0.61</v>
      </c>
      <c r="G227">
        <v>0.89</v>
      </c>
    </row>
    <row r="228" spans="1:7" x14ac:dyDescent="0.25">
      <c r="A228" t="s">
        <v>22</v>
      </c>
      <c r="B228">
        <v>93059</v>
      </c>
      <c r="C228">
        <v>18</v>
      </c>
      <c r="D228" t="s">
        <v>12</v>
      </c>
      <c r="E228">
        <v>0.11</v>
      </c>
      <c r="F228">
        <v>0.79</v>
      </c>
      <c r="G228">
        <v>0.42</v>
      </c>
    </row>
    <row r="229" spans="1:7" x14ac:dyDescent="0.25">
      <c r="A229" t="s">
        <v>23</v>
      </c>
      <c r="B229">
        <v>121683</v>
      </c>
      <c r="C229">
        <v>13</v>
      </c>
      <c r="D229" t="s">
        <v>10</v>
      </c>
      <c r="E229">
        <v>0.35</v>
      </c>
      <c r="F229">
        <v>1.01</v>
      </c>
      <c r="G229">
        <v>0.68</v>
      </c>
    </row>
    <row r="230" spans="1:7" x14ac:dyDescent="0.25">
      <c r="A230" t="s">
        <v>21</v>
      </c>
      <c r="B230">
        <v>46322</v>
      </c>
      <c r="C230">
        <v>29</v>
      </c>
      <c r="D230" t="s">
        <v>10</v>
      </c>
      <c r="E230">
        <v>0.44</v>
      </c>
      <c r="F230">
        <v>1.1100000000000001</v>
      </c>
      <c r="G230">
        <v>0.36</v>
      </c>
    </row>
    <row r="231" spans="1:7" x14ac:dyDescent="0.25">
      <c r="A231" t="s">
        <v>13</v>
      </c>
      <c r="B231">
        <v>100293</v>
      </c>
      <c r="C231">
        <v>21</v>
      </c>
      <c r="D231" t="s">
        <v>24</v>
      </c>
      <c r="E231">
        <v>0.08</v>
      </c>
      <c r="F231">
        <v>0.52</v>
      </c>
      <c r="G231">
        <v>0.37</v>
      </c>
    </row>
    <row r="232" spans="1:7" x14ac:dyDescent="0.25">
      <c r="A232" t="s">
        <v>27</v>
      </c>
      <c r="B232">
        <v>79298</v>
      </c>
      <c r="C232">
        <v>21</v>
      </c>
      <c r="D232" t="s">
        <v>24</v>
      </c>
      <c r="E232">
        <v>0.22</v>
      </c>
      <c r="F232">
        <v>1.46</v>
      </c>
      <c r="G232">
        <v>0.85</v>
      </c>
    </row>
    <row r="233" spans="1:7" x14ac:dyDescent="0.25">
      <c r="A233" t="s">
        <v>11</v>
      </c>
      <c r="B233">
        <v>73937</v>
      </c>
      <c r="C233">
        <v>28</v>
      </c>
      <c r="D233" t="s">
        <v>10</v>
      </c>
      <c r="E233">
        <v>0.53</v>
      </c>
      <c r="F233">
        <v>0.62</v>
      </c>
      <c r="G233">
        <v>0.85</v>
      </c>
    </row>
    <row r="234" spans="1:7" x14ac:dyDescent="0.25">
      <c r="A234" t="s">
        <v>21</v>
      </c>
      <c r="B234">
        <v>146464</v>
      </c>
      <c r="C234">
        <v>29</v>
      </c>
      <c r="D234" t="s">
        <v>12</v>
      </c>
      <c r="E234">
        <v>0.79</v>
      </c>
      <c r="F234">
        <v>0.56999999999999995</v>
      </c>
      <c r="G234">
        <v>0.49</v>
      </c>
    </row>
    <row r="235" spans="1:7" x14ac:dyDescent="0.25">
      <c r="A235" t="s">
        <v>25</v>
      </c>
      <c r="B235">
        <v>106274</v>
      </c>
      <c r="C235">
        <v>11</v>
      </c>
      <c r="D235" t="s">
        <v>12</v>
      </c>
      <c r="E235">
        <v>0.33</v>
      </c>
      <c r="F235">
        <v>1.29</v>
      </c>
      <c r="G235">
        <v>0.81</v>
      </c>
    </row>
    <row r="236" spans="1:7" x14ac:dyDescent="0.25">
      <c r="A236" t="s">
        <v>28</v>
      </c>
      <c r="B236">
        <v>32581</v>
      </c>
      <c r="C236">
        <v>5</v>
      </c>
      <c r="D236" t="s">
        <v>10</v>
      </c>
      <c r="E236">
        <v>0.39</v>
      </c>
      <c r="F236">
        <v>1.04</v>
      </c>
      <c r="G236">
        <v>0.69</v>
      </c>
    </row>
    <row r="237" spans="1:7" x14ac:dyDescent="0.25">
      <c r="A237" t="s">
        <v>27</v>
      </c>
      <c r="B237">
        <v>142309</v>
      </c>
      <c r="C237">
        <v>13</v>
      </c>
      <c r="D237" t="s">
        <v>8</v>
      </c>
      <c r="E237">
        <v>0.37</v>
      </c>
      <c r="F237">
        <v>0.56999999999999995</v>
      </c>
      <c r="G237">
        <v>0.79</v>
      </c>
    </row>
    <row r="238" spans="1:7" x14ac:dyDescent="0.25">
      <c r="A238" t="s">
        <v>30</v>
      </c>
      <c r="B238">
        <v>85612</v>
      </c>
      <c r="C238">
        <v>23</v>
      </c>
      <c r="D238" t="s">
        <v>12</v>
      </c>
      <c r="E238">
        <v>0.55000000000000004</v>
      </c>
      <c r="F238">
        <v>0.56999999999999995</v>
      </c>
      <c r="G238">
        <v>0.61</v>
      </c>
    </row>
    <row r="239" spans="1:7" x14ac:dyDescent="0.25">
      <c r="A239" t="s">
        <v>27</v>
      </c>
      <c r="B239">
        <v>65710</v>
      </c>
      <c r="C239">
        <v>27</v>
      </c>
      <c r="D239" t="s">
        <v>24</v>
      </c>
      <c r="E239">
        <v>0.39</v>
      </c>
      <c r="F239">
        <v>0.66</v>
      </c>
      <c r="G239">
        <v>0.76</v>
      </c>
    </row>
    <row r="240" spans="1:7" x14ac:dyDescent="0.25">
      <c r="A240" t="s">
        <v>7</v>
      </c>
      <c r="B240">
        <v>46999</v>
      </c>
      <c r="C240">
        <v>26</v>
      </c>
      <c r="D240" t="s">
        <v>8</v>
      </c>
      <c r="E240">
        <v>0.19</v>
      </c>
      <c r="F240">
        <v>1.1000000000000001</v>
      </c>
      <c r="G240">
        <v>0.92</v>
      </c>
    </row>
    <row r="241" spans="1:7" x14ac:dyDescent="0.25">
      <c r="A241" t="s">
        <v>19</v>
      </c>
      <c r="B241">
        <v>142701</v>
      </c>
      <c r="C241">
        <v>5</v>
      </c>
      <c r="D241" t="s">
        <v>10</v>
      </c>
      <c r="E241">
        <v>0.53</v>
      </c>
      <c r="F241">
        <v>1.1399999999999999</v>
      </c>
      <c r="G241">
        <v>0.89</v>
      </c>
    </row>
    <row r="242" spans="1:7" x14ac:dyDescent="0.25">
      <c r="A242" t="s">
        <v>17</v>
      </c>
      <c r="B242">
        <v>54031</v>
      </c>
      <c r="C242">
        <v>22</v>
      </c>
      <c r="D242" t="s">
        <v>10</v>
      </c>
      <c r="E242">
        <v>0.98</v>
      </c>
      <c r="F242">
        <v>1.29</v>
      </c>
      <c r="G242">
        <v>0.24</v>
      </c>
    </row>
    <row r="243" spans="1:7" x14ac:dyDescent="0.25">
      <c r="A243" t="s">
        <v>13</v>
      </c>
      <c r="B243">
        <v>115679</v>
      </c>
      <c r="C243">
        <v>5</v>
      </c>
      <c r="D243" t="s">
        <v>10</v>
      </c>
      <c r="E243">
        <v>0.43</v>
      </c>
      <c r="F243">
        <v>0.7</v>
      </c>
      <c r="G243">
        <v>0.51</v>
      </c>
    </row>
    <row r="244" spans="1:7" x14ac:dyDescent="0.25">
      <c r="A244" t="s">
        <v>16</v>
      </c>
      <c r="B244">
        <v>63724</v>
      </c>
      <c r="C244">
        <v>26</v>
      </c>
      <c r="D244" t="s">
        <v>10</v>
      </c>
      <c r="E244">
        <v>0.81</v>
      </c>
      <c r="F244">
        <v>1.36</v>
      </c>
      <c r="G244">
        <v>0.7</v>
      </c>
    </row>
    <row r="245" spans="1:7" x14ac:dyDescent="0.25">
      <c r="A245" t="s">
        <v>20</v>
      </c>
      <c r="B245">
        <v>131154</v>
      </c>
      <c r="C245">
        <v>21</v>
      </c>
      <c r="D245" t="s">
        <v>8</v>
      </c>
      <c r="E245">
        <v>0.01</v>
      </c>
      <c r="F245">
        <v>1.26</v>
      </c>
      <c r="G245">
        <v>0.55000000000000004</v>
      </c>
    </row>
    <row r="246" spans="1:7" x14ac:dyDescent="0.25">
      <c r="A246" t="s">
        <v>16</v>
      </c>
      <c r="B246">
        <v>100014</v>
      </c>
      <c r="C246">
        <v>18</v>
      </c>
      <c r="D246" t="s">
        <v>24</v>
      </c>
      <c r="E246">
        <v>0.44</v>
      </c>
      <c r="F246">
        <v>1.21</v>
      </c>
      <c r="G246">
        <v>0.46</v>
      </c>
    </row>
    <row r="247" spans="1:7" x14ac:dyDescent="0.25">
      <c r="A247" t="s">
        <v>29</v>
      </c>
      <c r="B247">
        <v>35232</v>
      </c>
      <c r="C247">
        <v>9</v>
      </c>
      <c r="D247" t="s">
        <v>12</v>
      </c>
      <c r="E247">
        <v>0.72</v>
      </c>
      <c r="F247">
        <v>1.0900000000000001</v>
      </c>
      <c r="G247">
        <v>0.06</v>
      </c>
    </row>
    <row r="248" spans="1:7" x14ac:dyDescent="0.25">
      <c r="A248" t="s">
        <v>23</v>
      </c>
      <c r="B248">
        <v>114425</v>
      </c>
      <c r="C248">
        <v>21</v>
      </c>
      <c r="D248" t="s">
        <v>10</v>
      </c>
      <c r="E248">
        <v>0.16</v>
      </c>
      <c r="F248">
        <v>1.1399999999999999</v>
      </c>
      <c r="G248">
        <v>0.54</v>
      </c>
    </row>
    <row r="249" spans="1:7" x14ac:dyDescent="0.25">
      <c r="A249" t="s">
        <v>9</v>
      </c>
      <c r="B249">
        <v>116795</v>
      </c>
      <c r="C249">
        <v>7</v>
      </c>
      <c r="D249" t="s">
        <v>12</v>
      </c>
      <c r="E249">
        <v>0.8</v>
      </c>
      <c r="F249">
        <v>1.46</v>
      </c>
      <c r="G249">
        <v>0.18</v>
      </c>
    </row>
    <row r="250" spans="1:7" x14ac:dyDescent="0.25">
      <c r="A250" t="s">
        <v>19</v>
      </c>
      <c r="B250">
        <v>53559</v>
      </c>
      <c r="C250">
        <v>28</v>
      </c>
      <c r="D250" t="s">
        <v>24</v>
      </c>
      <c r="E250">
        <v>0.42</v>
      </c>
      <c r="F250">
        <v>0.57999999999999996</v>
      </c>
      <c r="G250">
        <v>0.85</v>
      </c>
    </row>
    <row r="251" spans="1:7" x14ac:dyDescent="0.25">
      <c r="A251" t="s">
        <v>11</v>
      </c>
      <c r="B251">
        <v>94418</v>
      </c>
      <c r="C251">
        <v>18</v>
      </c>
      <c r="D251" t="s">
        <v>8</v>
      </c>
      <c r="E251">
        <v>0.03</v>
      </c>
      <c r="F251">
        <v>1.4</v>
      </c>
      <c r="G251">
        <v>0.86</v>
      </c>
    </row>
    <row r="252" spans="1:7" x14ac:dyDescent="0.25">
      <c r="A252" t="s">
        <v>22</v>
      </c>
      <c r="B252">
        <v>117954</v>
      </c>
      <c r="C252">
        <v>13</v>
      </c>
      <c r="D252" t="s">
        <v>10</v>
      </c>
      <c r="E252">
        <v>0.39</v>
      </c>
      <c r="F252">
        <v>0.56999999999999995</v>
      </c>
      <c r="G252">
        <v>0.38</v>
      </c>
    </row>
    <row r="253" spans="1:7" x14ac:dyDescent="0.25">
      <c r="A253" t="s">
        <v>16</v>
      </c>
      <c r="B253">
        <v>105831</v>
      </c>
      <c r="C253">
        <v>22</v>
      </c>
      <c r="D253" t="s">
        <v>8</v>
      </c>
      <c r="E253">
        <v>0.8</v>
      </c>
      <c r="F253">
        <v>0.83</v>
      </c>
      <c r="G253">
        <v>0.42</v>
      </c>
    </row>
    <row r="254" spans="1:7" x14ac:dyDescent="0.25">
      <c r="A254" t="s">
        <v>18</v>
      </c>
      <c r="B254">
        <v>48814</v>
      </c>
      <c r="C254">
        <v>23</v>
      </c>
      <c r="D254" t="s">
        <v>24</v>
      </c>
      <c r="E254">
        <v>0.15</v>
      </c>
      <c r="F254">
        <v>0.57999999999999996</v>
      </c>
      <c r="G254">
        <v>0.49</v>
      </c>
    </row>
    <row r="255" spans="1:7" x14ac:dyDescent="0.25">
      <c r="A255" t="s">
        <v>9</v>
      </c>
      <c r="B255">
        <v>147904</v>
      </c>
      <c r="C255">
        <v>0</v>
      </c>
      <c r="D255" t="s">
        <v>12</v>
      </c>
      <c r="E255">
        <v>0.46</v>
      </c>
      <c r="F255">
        <v>0.81</v>
      </c>
      <c r="G255">
        <v>0.26</v>
      </c>
    </row>
    <row r="256" spans="1:7" x14ac:dyDescent="0.25">
      <c r="A256" t="s">
        <v>28</v>
      </c>
      <c r="B256">
        <v>116694</v>
      </c>
      <c r="C256">
        <v>12</v>
      </c>
      <c r="D256" t="s">
        <v>12</v>
      </c>
      <c r="E256">
        <v>0.99</v>
      </c>
      <c r="F256">
        <v>1.39</v>
      </c>
      <c r="G256">
        <v>0.45</v>
      </c>
    </row>
    <row r="257" spans="1:7" x14ac:dyDescent="0.25">
      <c r="A257" t="s">
        <v>7</v>
      </c>
      <c r="B257">
        <v>74739</v>
      </c>
      <c r="C257">
        <v>26</v>
      </c>
      <c r="D257" t="s">
        <v>12</v>
      </c>
      <c r="E257">
        <v>0.76</v>
      </c>
      <c r="F257">
        <v>0.63</v>
      </c>
      <c r="G257">
        <v>0.75</v>
      </c>
    </row>
    <row r="258" spans="1:7" x14ac:dyDescent="0.25">
      <c r="A258" t="s">
        <v>15</v>
      </c>
      <c r="B258">
        <v>110357</v>
      </c>
      <c r="C258">
        <v>5</v>
      </c>
      <c r="D258" t="s">
        <v>12</v>
      </c>
      <c r="E258">
        <v>0.85</v>
      </c>
      <c r="F258">
        <v>0.67</v>
      </c>
      <c r="G258">
        <v>0.26</v>
      </c>
    </row>
    <row r="259" spans="1:7" x14ac:dyDescent="0.25">
      <c r="A259" t="s">
        <v>21</v>
      </c>
      <c r="B259">
        <v>44079</v>
      </c>
      <c r="C259">
        <v>26</v>
      </c>
      <c r="D259" t="s">
        <v>12</v>
      </c>
      <c r="E259">
        <v>0.34</v>
      </c>
      <c r="F259">
        <v>1.23</v>
      </c>
      <c r="G259">
        <v>0.53</v>
      </c>
    </row>
    <row r="260" spans="1:7" x14ac:dyDescent="0.25">
      <c r="A260" t="s">
        <v>20</v>
      </c>
      <c r="B260">
        <v>103648</v>
      </c>
      <c r="C260">
        <v>19</v>
      </c>
      <c r="D260" t="s">
        <v>24</v>
      </c>
      <c r="E260">
        <v>0.38</v>
      </c>
      <c r="F260">
        <v>0.73</v>
      </c>
      <c r="G260">
        <v>0.41</v>
      </c>
    </row>
    <row r="261" spans="1:7" x14ac:dyDescent="0.25">
      <c r="A261" t="s">
        <v>20</v>
      </c>
      <c r="B261">
        <v>143892</v>
      </c>
      <c r="C261">
        <v>16</v>
      </c>
      <c r="D261" t="s">
        <v>8</v>
      </c>
      <c r="E261">
        <v>0.77</v>
      </c>
      <c r="F261">
        <v>1.2</v>
      </c>
      <c r="G261">
        <v>0.55000000000000004</v>
      </c>
    </row>
    <row r="262" spans="1:7" x14ac:dyDescent="0.25">
      <c r="A262" t="s">
        <v>22</v>
      </c>
      <c r="B262">
        <v>135296</v>
      </c>
      <c r="C262">
        <v>7</v>
      </c>
      <c r="D262" t="s">
        <v>12</v>
      </c>
      <c r="E262">
        <v>0.23</v>
      </c>
      <c r="F262">
        <v>1.17</v>
      </c>
      <c r="G262">
        <v>0.49</v>
      </c>
    </row>
    <row r="263" spans="1:7" x14ac:dyDescent="0.25">
      <c r="A263" t="s">
        <v>25</v>
      </c>
      <c r="B263">
        <v>66639</v>
      </c>
      <c r="C263">
        <v>14</v>
      </c>
      <c r="D263" t="s">
        <v>8</v>
      </c>
      <c r="E263">
        <v>0.47</v>
      </c>
      <c r="F263">
        <v>1.27</v>
      </c>
      <c r="G263">
        <v>0.93</v>
      </c>
    </row>
    <row r="264" spans="1:7" x14ac:dyDescent="0.25">
      <c r="A264" t="s">
        <v>23</v>
      </c>
      <c r="B264">
        <v>105476</v>
      </c>
      <c r="C264">
        <v>20</v>
      </c>
      <c r="D264" t="s">
        <v>24</v>
      </c>
      <c r="E264">
        <v>0.84</v>
      </c>
      <c r="F264">
        <v>1.43</v>
      </c>
      <c r="G264">
        <v>0.45</v>
      </c>
    </row>
    <row r="265" spans="1:7" x14ac:dyDescent="0.25">
      <c r="A265" t="s">
        <v>20</v>
      </c>
      <c r="B265">
        <v>71830</v>
      </c>
      <c r="C265">
        <v>27</v>
      </c>
      <c r="D265" t="s">
        <v>8</v>
      </c>
      <c r="E265">
        <v>0.6</v>
      </c>
      <c r="F265">
        <v>1.1499999999999999</v>
      </c>
      <c r="G265">
        <v>0.38</v>
      </c>
    </row>
    <row r="266" spans="1:7" x14ac:dyDescent="0.25">
      <c r="A266" t="s">
        <v>13</v>
      </c>
      <c r="B266">
        <v>129555</v>
      </c>
      <c r="C266">
        <v>22</v>
      </c>
      <c r="D266" t="s">
        <v>12</v>
      </c>
      <c r="E266">
        <v>0.44</v>
      </c>
      <c r="F266">
        <v>1.29</v>
      </c>
      <c r="G266">
        <v>0.41</v>
      </c>
    </row>
    <row r="267" spans="1:7" x14ac:dyDescent="0.25">
      <c r="A267" t="s">
        <v>18</v>
      </c>
      <c r="B267">
        <v>91576</v>
      </c>
      <c r="C267">
        <v>14</v>
      </c>
      <c r="D267" t="s">
        <v>10</v>
      </c>
      <c r="E267">
        <v>0.16</v>
      </c>
      <c r="F267">
        <v>1.1000000000000001</v>
      </c>
      <c r="G267">
        <v>0.36</v>
      </c>
    </row>
    <row r="268" spans="1:7" x14ac:dyDescent="0.25">
      <c r="A268" t="s">
        <v>22</v>
      </c>
      <c r="B268">
        <v>137524</v>
      </c>
      <c r="C268">
        <v>2</v>
      </c>
      <c r="D268" t="s">
        <v>10</v>
      </c>
      <c r="E268">
        <v>0.76</v>
      </c>
      <c r="F268">
        <v>0.56000000000000005</v>
      </c>
      <c r="G268">
        <v>0.3</v>
      </c>
    </row>
    <row r="269" spans="1:7" x14ac:dyDescent="0.25">
      <c r="A269" t="s">
        <v>25</v>
      </c>
      <c r="B269">
        <v>148360</v>
      </c>
      <c r="C269">
        <v>1</v>
      </c>
      <c r="D269" t="s">
        <v>12</v>
      </c>
      <c r="E269">
        <v>0.18</v>
      </c>
      <c r="F269">
        <v>0.84</v>
      </c>
      <c r="G269">
        <v>0.81</v>
      </c>
    </row>
    <row r="270" spans="1:7" x14ac:dyDescent="0.25">
      <c r="A270" t="s">
        <v>9</v>
      </c>
      <c r="B270">
        <v>55464</v>
      </c>
      <c r="C270">
        <v>25</v>
      </c>
      <c r="D270" t="s">
        <v>10</v>
      </c>
      <c r="E270">
        <v>0.55000000000000004</v>
      </c>
      <c r="F270">
        <v>1.4</v>
      </c>
      <c r="G270">
        <v>0.14000000000000001</v>
      </c>
    </row>
    <row r="271" spans="1:7" x14ac:dyDescent="0.25">
      <c r="A271" t="s">
        <v>22</v>
      </c>
      <c r="B271">
        <v>85798</v>
      </c>
      <c r="C271">
        <v>10</v>
      </c>
      <c r="D271" t="s">
        <v>12</v>
      </c>
      <c r="E271">
        <v>0.8</v>
      </c>
      <c r="F271">
        <v>0.6</v>
      </c>
      <c r="G271">
        <v>0.53</v>
      </c>
    </row>
    <row r="272" spans="1:7" x14ac:dyDescent="0.25">
      <c r="A272" t="s">
        <v>9</v>
      </c>
      <c r="B272">
        <v>133243</v>
      </c>
      <c r="C272">
        <v>6</v>
      </c>
      <c r="D272" t="s">
        <v>8</v>
      </c>
      <c r="E272">
        <v>0.17</v>
      </c>
      <c r="F272">
        <v>1.07</v>
      </c>
      <c r="G272">
        <v>0.12</v>
      </c>
    </row>
    <row r="273" spans="1:7" x14ac:dyDescent="0.25">
      <c r="A273" t="s">
        <v>15</v>
      </c>
      <c r="B273">
        <v>84710</v>
      </c>
      <c r="C273">
        <v>21</v>
      </c>
      <c r="D273" t="s">
        <v>24</v>
      </c>
      <c r="E273">
        <v>0.23</v>
      </c>
      <c r="F273">
        <v>1.1100000000000001</v>
      </c>
      <c r="G273">
        <v>0.11</v>
      </c>
    </row>
    <row r="274" spans="1:7" x14ac:dyDescent="0.25">
      <c r="A274" t="s">
        <v>20</v>
      </c>
      <c r="B274">
        <v>38848</v>
      </c>
      <c r="C274">
        <v>5</v>
      </c>
      <c r="D274" t="s">
        <v>10</v>
      </c>
      <c r="E274">
        <v>0.47</v>
      </c>
      <c r="F274">
        <v>0.98</v>
      </c>
      <c r="G274">
        <v>0.64</v>
      </c>
    </row>
    <row r="275" spans="1:7" x14ac:dyDescent="0.25">
      <c r="A275" t="s">
        <v>17</v>
      </c>
      <c r="B275">
        <v>95942</v>
      </c>
      <c r="C275">
        <v>24</v>
      </c>
      <c r="D275" t="s">
        <v>8</v>
      </c>
      <c r="E275">
        <v>0.6</v>
      </c>
      <c r="F275">
        <v>1.44</v>
      </c>
      <c r="G275">
        <v>0.13</v>
      </c>
    </row>
    <row r="276" spans="1:7" x14ac:dyDescent="0.25">
      <c r="A276" t="s">
        <v>23</v>
      </c>
      <c r="B276">
        <v>45086</v>
      </c>
      <c r="C276">
        <v>11</v>
      </c>
      <c r="D276" t="s">
        <v>12</v>
      </c>
      <c r="E276">
        <v>0.69</v>
      </c>
      <c r="F276">
        <v>1.1499999999999999</v>
      </c>
      <c r="G276">
        <v>0.39</v>
      </c>
    </row>
    <row r="277" spans="1:7" x14ac:dyDescent="0.25">
      <c r="A277" t="s">
        <v>26</v>
      </c>
      <c r="B277">
        <v>39343</v>
      </c>
      <c r="C277">
        <v>13</v>
      </c>
      <c r="D277" t="s">
        <v>10</v>
      </c>
      <c r="E277">
        <v>0.28000000000000003</v>
      </c>
      <c r="F277">
        <v>0.72</v>
      </c>
      <c r="G277">
        <v>0.12</v>
      </c>
    </row>
    <row r="278" spans="1:7" x14ac:dyDescent="0.25">
      <c r="A278" t="s">
        <v>30</v>
      </c>
      <c r="B278">
        <v>89550</v>
      </c>
      <c r="C278">
        <v>8</v>
      </c>
      <c r="D278" t="s">
        <v>24</v>
      </c>
      <c r="E278">
        <v>0.31</v>
      </c>
      <c r="F278">
        <v>1.34</v>
      </c>
      <c r="G278">
        <v>0.32</v>
      </c>
    </row>
    <row r="279" spans="1:7" x14ac:dyDescent="0.25">
      <c r="A279" t="s">
        <v>23</v>
      </c>
      <c r="B279">
        <v>70317</v>
      </c>
      <c r="C279">
        <v>12</v>
      </c>
      <c r="D279" t="s">
        <v>12</v>
      </c>
      <c r="E279">
        <v>0.66</v>
      </c>
      <c r="F279">
        <v>0.51</v>
      </c>
      <c r="G279">
        <v>0.68</v>
      </c>
    </row>
    <row r="280" spans="1:7" x14ac:dyDescent="0.25">
      <c r="A280" t="s">
        <v>14</v>
      </c>
      <c r="B280">
        <v>102055</v>
      </c>
      <c r="C280">
        <v>26</v>
      </c>
      <c r="D280" t="s">
        <v>24</v>
      </c>
      <c r="E280">
        <v>0.56000000000000005</v>
      </c>
      <c r="F280">
        <v>1.33</v>
      </c>
      <c r="G280">
        <v>0.59</v>
      </c>
    </row>
    <row r="281" spans="1:7" x14ac:dyDescent="0.25">
      <c r="A281" t="s">
        <v>22</v>
      </c>
      <c r="B281">
        <v>145660</v>
      </c>
      <c r="C281">
        <v>26</v>
      </c>
      <c r="D281" t="s">
        <v>12</v>
      </c>
      <c r="E281">
        <v>0.78</v>
      </c>
      <c r="F281">
        <v>1.5</v>
      </c>
      <c r="G281">
        <v>0.38</v>
      </c>
    </row>
    <row r="282" spans="1:7" x14ac:dyDescent="0.25">
      <c r="A282" t="s">
        <v>22</v>
      </c>
      <c r="B282">
        <v>64785</v>
      </c>
      <c r="C282">
        <v>12</v>
      </c>
      <c r="D282" t="s">
        <v>12</v>
      </c>
      <c r="E282">
        <v>0.56999999999999995</v>
      </c>
      <c r="F282">
        <v>0.94</v>
      </c>
      <c r="G282">
        <v>0.62</v>
      </c>
    </row>
    <row r="283" spans="1:7" x14ac:dyDescent="0.25">
      <c r="A283" t="s">
        <v>23</v>
      </c>
      <c r="B283">
        <v>70149</v>
      </c>
      <c r="C283">
        <v>12</v>
      </c>
      <c r="D283" t="s">
        <v>8</v>
      </c>
      <c r="E283">
        <v>0.3</v>
      </c>
      <c r="F283">
        <v>0.76</v>
      </c>
      <c r="G283">
        <v>0.41</v>
      </c>
    </row>
    <row r="284" spans="1:7" x14ac:dyDescent="0.25">
      <c r="A284" t="s">
        <v>16</v>
      </c>
      <c r="B284">
        <v>100122</v>
      </c>
      <c r="C284">
        <v>14</v>
      </c>
      <c r="D284" t="s">
        <v>10</v>
      </c>
      <c r="E284">
        <v>0.25</v>
      </c>
      <c r="F284">
        <v>1.2</v>
      </c>
      <c r="G284">
        <v>0.45</v>
      </c>
    </row>
    <row r="285" spans="1:7" x14ac:dyDescent="0.25">
      <c r="A285" t="s">
        <v>18</v>
      </c>
      <c r="B285">
        <v>46524</v>
      </c>
      <c r="C285">
        <v>29</v>
      </c>
      <c r="D285" t="s">
        <v>12</v>
      </c>
      <c r="E285">
        <v>0.16</v>
      </c>
      <c r="F285">
        <v>0.72</v>
      </c>
      <c r="G285">
        <v>0.43</v>
      </c>
    </row>
    <row r="286" spans="1:7" x14ac:dyDescent="0.25">
      <c r="A286" t="s">
        <v>16</v>
      </c>
      <c r="B286">
        <v>82347</v>
      </c>
      <c r="C286">
        <v>28</v>
      </c>
      <c r="D286" t="s">
        <v>8</v>
      </c>
      <c r="E286">
        <v>0.44</v>
      </c>
      <c r="F286">
        <v>0.83</v>
      </c>
      <c r="G286">
        <v>0.46</v>
      </c>
    </row>
    <row r="287" spans="1:7" x14ac:dyDescent="0.25">
      <c r="A287" t="s">
        <v>9</v>
      </c>
      <c r="B287">
        <v>71743</v>
      </c>
      <c r="C287">
        <v>17</v>
      </c>
      <c r="D287" t="s">
        <v>10</v>
      </c>
      <c r="E287">
        <v>0.06</v>
      </c>
      <c r="F287">
        <v>0.53</v>
      </c>
      <c r="G287">
        <v>0.15</v>
      </c>
    </row>
    <row r="288" spans="1:7" x14ac:dyDescent="0.25">
      <c r="A288" t="s">
        <v>18</v>
      </c>
      <c r="B288">
        <v>118302</v>
      </c>
      <c r="C288">
        <v>14</v>
      </c>
      <c r="D288" t="s">
        <v>12</v>
      </c>
      <c r="E288">
        <v>0.83</v>
      </c>
      <c r="F288">
        <v>1.17</v>
      </c>
      <c r="G288">
        <v>0.63</v>
      </c>
    </row>
    <row r="289" spans="1:7" x14ac:dyDescent="0.25">
      <c r="A289" t="s">
        <v>14</v>
      </c>
      <c r="B289">
        <v>96706</v>
      </c>
      <c r="C289">
        <v>9</v>
      </c>
      <c r="D289" t="s">
        <v>10</v>
      </c>
      <c r="E289">
        <v>0.79</v>
      </c>
      <c r="F289">
        <v>1.1599999999999999</v>
      </c>
      <c r="G289">
        <v>0.53</v>
      </c>
    </row>
    <row r="290" spans="1:7" x14ac:dyDescent="0.25">
      <c r="A290" t="s">
        <v>23</v>
      </c>
      <c r="B290">
        <v>95780</v>
      </c>
      <c r="C290">
        <v>10</v>
      </c>
      <c r="D290" t="s">
        <v>8</v>
      </c>
      <c r="E290">
        <v>0.28000000000000003</v>
      </c>
      <c r="F290">
        <v>0.63</v>
      </c>
      <c r="G290">
        <v>0.34</v>
      </c>
    </row>
    <row r="291" spans="1:7" x14ac:dyDescent="0.25">
      <c r="A291" t="s">
        <v>13</v>
      </c>
      <c r="B291">
        <v>78899</v>
      </c>
      <c r="C291">
        <v>11</v>
      </c>
      <c r="D291" t="s">
        <v>8</v>
      </c>
      <c r="E291">
        <v>0.06</v>
      </c>
      <c r="F291">
        <v>0.79</v>
      </c>
      <c r="G291">
        <v>0.34</v>
      </c>
    </row>
    <row r="292" spans="1:7" x14ac:dyDescent="0.25">
      <c r="A292" t="s">
        <v>28</v>
      </c>
      <c r="B292">
        <v>92559</v>
      </c>
      <c r="C292">
        <v>28</v>
      </c>
      <c r="D292" t="s">
        <v>12</v>
      </c>
      <c r="E292">
        <v>0.46</v>
      </c>
      <c r="F292">
        <v>1.44</v>
      </c>
      <c r="G292">
        <v>0.43</v>
      </c>
    </row>
    <row r="293" spans="1:7" x14ac:dyDescent="0.25">
      <c r="A293" t="s">
        <v>7</v>
      </c>
      <c r="B293">
        <v>140168</v>
      </c>
      <c r="C293">
        <v>1</v>
      </c>
      <c r="D293" t="s">
        <v>10</v>
      </c>
      <c r="E293">
        <v>0.41</v>
      </c>
      <c r="F293">
        <v>0.63</v>
      </c>
      <c r="G293">
        <v>0.71</v>
      </c>
    </row>
    <row r="294" spans="1:7" x14ac:dyDescent="0.25">
      <c r="A294" t="s">
        <v>13</v>
      </c>
      <c r="B294">
        <v>143857</v>
      </c>
      <c r="C294">
        <v>28</v>
      </c>
      <c r="D294" t="s">
        <v>12</v>
      </c>
      <c r="E294">
        <v>0.81</v>
      </c>
      <c r="F294">
        <v>1.0900000000000001</v>
      </c>
      <c r="G294">
        <v>0.37</v>
      </c>
    </row>
    <row r="295" spans="1:7" x14ac:dyDescent="0.25">
      <c r="A295" t="s">
        <v>19</v>
      </c>
      <c r="B295">
        <v>37189</v>
      </c>
      <c r="C295">
        <v>13</v>
      </c>
      <c r="D295" t="s">
        <v>12</v>
      </c>
      <c r="E295">
        <v>0.78</v>
      </c>
      <c r="F295">
        <v>1.49</v>
      </c>
      <c r="G295">
        <v>0.85</v>
      </c>
    </row>
    <row r="296" spans="1:7" x14ac:dyDescent="0.25">
      <c r="A296" t="s">
        <v>16</v>
      </c>
      <c r="B296">
        <v>91158</v>
      </c>
      <c r="C296">
        <v>13</v>
      </c>
      <c r="D296" t="s">
        <v>12</v>
      </c>
      <c r="E296">
        <v>0.73</v>
      </c>
      <c r="F296">
        <v>0.82</v>
      </c>
      <c r="G296">
        <v>0.56999999999999995</v>
      </c>
    </row>
    <row r="297" spans="1:7" x14ac:dyDescent="0.25">
      <c r="A297" t="s">
        <v>11</v>
      </c>
      <c r="B297">
        <v>52394</v>
      </c>
      <c r="C297">
        <v>13</v>
      </c>
      <c r="D297" t="s">
        <v>10</v>
      </c>
      <c r="E297">
        <v>0.12</v>
      </c>
      <c r="F297">
        <v>0.5</v>
      </c>
      <c r="G297">
        <v>0.88</v>
      </c>
    </row>
    <row r="298" spans="1:7" x14ac:dyDescent="0.25">
      <c r="A298" t="s">
        <v>29</v>
      </c>
      <c r="B298">
        <v>50245</v>
      </c>
      <c r="C298">
        <v>1</v>
      </c>
      <c r="D298" t="s">
        <v>24</v>
      </c>
      <c r="E298">
        <v>0.61</v>
      </c>
      <c r="F298">
        <v>0.89</v>
      </c>
      <c r="G298">
        <v>0.11</v>
      </c>
    </row>
    <row r="299" spans="1:7" x14ac:dyDescent="0.25">
      <c r="A299" t="s">
        <v>23</v>
      </c>
      <c r="B299">
        <v>48624</v>
      </c>
      <c r="C299">
        <v>25</v>
      </c>
      <c r="D299" t="s">
        <v>12</v>
      </c>
      <c r="E299">
        <v>0.48</v>
      </c>
      <c r="F299">
        <v>0.82</v>
      </c>
      <c r="G299">
        <v>0.5</v>
      </c>
    </row>
    <row r="300" spans="1:7" x14ac:dyDescent="0.25">
      <c r="A300" t="s">
        <v>15</v>
      </c>
      <c r="B300">
        <v>46626</v>
      </c>
      <c r="C300">
        <v>21</v>
      </c>
      <c r="D300" t="s">
        <v>10</v>
      </c>
      <c r="E300">
        <v>0.99</v>
      </c>
      <c r="F300">
        <v>0.59</v>
      </c>
      <c r="G300">
        <v>0.25</v>
      </c>
    </row>
    <row r="301" spans="1:7" x14ac:dyDescent="0.25">
      <c r="A301" t="s">
        <v>17</v>
      </c>
      <c r="B301">
        <v>74950</v>
      </c>
      <c r="C301">
        <v>10</v>
      </c>
      <c r="D301" t="s">
        <v>24</v>
      </c>
      <c r="E301">
        <v>0.28000000000000003</v>
      </c>
      <c r="F301">
        <v>1.27</v>
      </c>
      <c r="G301">
        <v>0.21</v>
      </c>
    </row>
    <row r="302" spans="1:7" x14ac:dyDescent="0.25">
      <c r="A302" t="s">
        <v>11</v>
      </c>
      <c r="B302">
        <v>130211</v>
      </c>
      <c r="C302">
        <v>5</v>
      </c>
      <c r="D302" t="s">
        <v>24</v>
      </c>
      <c r="E302">
        <v>0.65</v>
      </c>
      <c r="F302">
        <v>0.65</v>
      </c>
      <c r="G302">
        <v>0.94</v>
      </c>
    </row>
    <row r="303" spans="1:7" x14ac:dyDescent="0.25">
      <c r="A303" t="s">
        <v>28</v>
      </c>
      <c r="B303">
        <v>117460</v>
      </c>
      <c r="C303">
        <v>13</v>
      </c>
      <c r="D303" t="s">
        <v>12</v>
      </c>
      <c r="E303">
        <v>0.73</v>
      </c>
      <c r="F303">
        <v>1.42</v>
      </c>
      <c r="G303">
        <v>0.69</v>
      </c>
    </row>
    <row r="304" spans="1:7" x14ac:dyDescent="0.25">
      <c r="A304" t="s">
        <v>27</v>
      </c>
      <c r="B304">
        <v>115489</v>
      </c>
      <c r="C304">
        <v>27</v>
      </c>
      <c r="D304" t="s">
        <v>8</v>
      </c>
      <c r="E304">
        <v>0.57999999999999996</v>
      </c>
      <c r="F304">
        <v>0.85</v>
      </c>
      <c r="G304">
        <v>0.9</v>
      </c>
    </row>
    <row r="305" spans="1:7" x14ac:dyDescent="0.25">
      <c r="A305" t="s">
        <v>13</v>
      </c>
      <c r="B305">
        <v>143880</v>
      </c>
      <c r="C305">
        <v>18</v>
      </c>
      <c r="D305" t="s">
        <v>8</v>
      </c>
      <c r="E305">
        <v>0</v>
      </c>
      <c r="F305">
        <v>1.1100000000000001</v>
      </c>
      <c r="G305">
        <v>0.55000000000000004</v>
      </c>
    </row>
    <row r="306" spans="1:7" x14ac:dyDescent="0.25">
      <c r="A306" t="s">
        <v>7</v>
      </c>
      <c r="B306">
        <v>41569</v>
      </c>
      <c r="C306">
        <v>5</v>
      </c>
      <c r="D306" t="s">
        <v>12</v>
      </c>
      <c r="E306">
        <v>0.87</v>
      </c>
      <c r="F306">
        <v>0.8</v>
      </c>
      <c r="G306">
        <v>0.74</v>
      </c>
    </row>
    <row r="307" spans="1:7" x14ac:dyDescent="0.25">
      <c r="A307" t="s">
        <v>20</v>
      </c>
      <c r="B307">
        <v>147027</v>
      </c>
      <c r="C307">
        <v>17</v>
      </c>
      <c r="D307" t="s">
        <v>24</v>
      </c>
      <c r="E307">
        <v>0.53</v>
      </c>
      <c r="F307">
        <v>1.18</v>
      </c>
      <c r="G307">
        <v>0.54</v>
      </c>
    </row>
    <row r="308" spans="1:7" x14ac:dyDescent="0.25">
      <c r="A308" t="s">
        <v>19</v>
      </c>
      <c r="B308">
        <v>111384</v>
      </c>
      <c r="C308">
        <v>3</v>
      </c>
      <c r="D308" t="s">
        <v>8</v>
      </c>
      <c r="E308">
        <v>0.2</v>
      </c>
      <c r="F308">
        <v>0.82</v>
      </c>
      <c r="G308">
        <v>0.9</v>
      </c>
    </row>
    <row r="309" spans="1:7" x14ac:dyDescent="0.25">
      <c r="A309" t="s">
        <v>23</v>
      </c>
      <c r="B309">
        <v>107463</v>
      </c>
      <c r="C309">
        <v>21</v>
      </c>
      <c r="D309" t="s">
        <v>10</v>
      </c>
      <c r="E309">
        <v>0.47</v>
      </c>
      <c r="F309">
        <v>0.92</v>
      </c>
      <c r="G309">
        <v>0.7</v>
      </c>
    </row>
    <row r="310" spans="1:7" x14ac:dyDescent="0.25">
      <c r="A310" t="s">
        <v>16</v>
      </c>
      <c r="B310">
        <v>74148</v>
      </c>
      <c r="C310">
        <v>14</v>
      </c>
      <c r="D310" t="s">
        <v>10</v>
      </c>
      <c r="E310">
        <v>0.61</v>
      </c>
      <c r="F310">
        <v>0.52</v>
      </c>
      <c r="G310">
        <v>0.35</v>
      </c>
    </row>
    <row r="311" spans="1:7" x14ac:dyDescent="0.25">
      <c r="A311" t="s">
        <v>25</v>
      </c>
      <c r="B311">
        <v>59793</v>
      </c>
      <c r="C311">
        <v>28</v>
      </c>
      <c r="D311" t="s">
        <v>10</v>
      </c>
      <c r="E311">
        <v>7.0000000000000007E-2</v>
      </c>
      <c r="F311">
        <v>0.72</v>
      </c>
      <c r="G311">
        <v>0.93</v>
      </c>
    </row>
    <row r="312" spans="1:7" x14ac:dyDescent="0.25">
      <c r="A312" t="s">
        <v>30</v>
      </c>
      <c r="B312">
        <v>102095</v>
      </c>
      <c r="C312">
        <v>4</v>
      </c>
      <c r="D312" t="s">
        <v>8</v>
      </c>
      <c r="E312">
        <v>0.6</v>
      </c>
      <c r="F312">
        <v>1.26</v>
      </c>
      <c r="G312">
        <v>0.51</v>
      </c>
    </row>
    <row r="313" spans="1:7" x14ac:dyDescent="0.25">
      <c r="A313" t="s">
        <v>26</v>
      </c>
      <c r="B313">
        <v>112508</v>
      </c>
      <c r="C313">
        <v>28</v>
      </c>
      <c r="D313" t="s">
        <v>8</v>
      </c>
      <c r="E313">
        <v>0.48</v>
      </c>
      <c r="F313">
        <v>0.88</v>
      </c>
      <c r="G313">
        <v>0.26</v>
      </c>
    </row>
    <row r="314" spans="1:7" x14ac:dyDescent="0.25">
      <c r="A314" t="s">
        <v>13</v>
      </c>
      <c r="B314">
        <v>97598</v>
      </c>
      <c r="C314">
        <v>6</v>
      </c>
      <c r="D314" t="s">
        <v>12</v>
      </c>
      <c r="E314">
        <v>0.04</v>
      </c>
      <c r="F314">
        <v>0.69</v>
      </c>
      <c r="G314">
        <v>0.52</v>
      </c>
    </row>
    <row r="315" spans="1:7" x14ac:dyDescent="0.25">
      <c r="A315" t="s">
        <v>18</v>
      </c>
      <c r="B315">
        <v>98472</v>
      </c>
      <c r="C315">
        <v>22</v>
      </c>
      <c r="D315" t="s">
        <v>24</v>
      </c>
      <c r="E315">
        <v>0.99</v>
      </c>
      <c r="F315">
        <v>1.18</v>
      </c>
      <c r="G315">
        <v>0.68</v>
      </c>
    </row>
    <row r="316" spans="1:7" x14ac:dyDescent="0.25">
      <c r="A316" t="s">
        <v>14</v>
      </c>
      <c r="B316">
        <v>108291</v>
      </c>
      <c r="C316">
        <v>27</v>
      </c>
      <c r="D316" t="s">
        <v>10</v>
      </c>
      <c r="E316">
        <v>0.34</v>
      </c>
      <c r="F316">
        <v>0.68</v>
      </c>
      <c r="G316">
        <v>0.34</v>
      </c>
    </row>
    <row r="317" spans="1:7" x14ac:dyDescent="0.25">
      <c r="A317" t="s">
        <v>18</v>
      </c>
      <c r="B317">
        <v>130342</v>
      </c>
      <c r="C317">
        <v>12</v>
      </c>
      <c r="D317" t="s">
        <v>24</v>
      </c>
      <c r="E317">
        <v>0.48</v>
      </c>
      <c r="F317">
        <v>1.42</v>
      </c>
      <c r="G317">
        <v>0.33</v>
      </c>
    </row>
    <row r="318" spans="1:7" x14ac:dyDescent="0.25">
      <c r="A318" t="s">
        <v>17</v>
      </c>
      <c r="B318">
        <v>73894</v>
      </c>
      <c r="C318">
        <v>21</v>
      </c>
      <c r="D318" t="s">
        <v>24</v>
      </c>
      <c r="E318">
        <v>0.18</v>
      </c>
      <c r="F318">
        <v>1.3</v>
      </c>
      <c r="G318">
        <v>0.13</v>
      </c>
    </row>
    <row r="319" spans="1:7" x14ac:dyDescent="0.25">
      <c r="A319" t="s">
        <v>28</v>
      </c>
      <c r="B319">
        <v>49023</v>
      </c>
      <c r="C319">
        <v>5</v>
      </c>
      <c r="D319" t="s">
        <v>8</v>
      </c>
      <c r="E319">
        <v>0.4</v>
      </c>
      <c r="F319">
        <v>1.02</v>
      </c>
      <c r="G319">
        <v>0.7</v>
      </c>
    </row>
    <row r="320" spans="1:7" x14ac:dyDescent="0.25">
      <c r="A320" t="s">
        <v>15</v>
      </c>
      <c r="B320">
        <v>34758</v>
      </c>
      <c r="C320">
        <v>18</v>
      </c>
      <c r="D320" t="s">
        <v>10</v>
      </c>
      <c r="E320">
        <v>0.67</v>
      </c>
      <c r="F320">
        <v>0.98</v>
      </c>
      <c r="G320">
        <v>0.15</v>
      </c>
    </row>
    <row r="321" spans="1:7" x14ac:dyDescent="0.25">
      <c r="A321" t="s">
        <v>19</v>
      </c>
      <c r="B321">
        <v>47065</v>
      </c>
      <c r="C321">
        <v>6</v>
      </c>
      <c r="D321" t="s">
        <v>24</v>
      </c>
      <c r="E321">
        <v>0.78</v>
      </c>
      <c r="F321">
        <v>1.06</v>
      </c>
      <c r="G321">
        <v>0.77</v>
      </c>
    </row>
    <row r="322" spans="1:7" x14ac:dyDescent="0.25">
      <c r="A322" t="s">
        <v>9</v>
      </c>
      <c r="B322">
        <v>53464</v>
      </c>
      <c r="C322">
        <v>1</v>
      </c>
      <c r="D322" t="s">
        <v>10</v>
      </c>
      <c r="E322">
        <v>0.28999999999999998</v>
      </c>
      <c r="F322">
        <v>0.51</v>
      </c>
      <c r="G322">
        <v>0.17</v>
      </c>
    </row>
    <row r="323" spans="1:7" x14ac:dyDescent="0.25">
      <c r="A323" t="s">
        <v>20</v>
      </c>
      <c r="B323">
        <v>102572</v>
      </c>
      <c r="C323">
        <v>23</v>
      </c>
      <c r="D323" t="s">
        <v>12</v>
      </c>
      <c r="E323">
        <v>0.52</v>
      </c>
      <c r="F323">
        <v>1.4</v>
      </c>
      <c r="G323">
        <v>0.38</v>
      </c>
    </row>
    <row r="324" spans="1:7" x14ac:dyDescent="0.25">
      <c r="A324" t="s">
        <v>11</v>
      </c>
      <c r="B324">
        <v>67344</v>
      </c>
      <c r="C324">
        <v>1</v>
      </c>
      <c r="D324" t="s">
        <v>12</v>
      </c>
      <c r="E324">
        <v>0.18</v>
      </c>
      <c r="F324">
        <v>1.29</v>
      </c>
      <c r="G324">
        <v>0.8</v>
      </c>
    </row>
    <row r="325" spans="1:7" x14ac:dyDescent="0.25">
      <c r="A325" t="s">
        <v>27</v>
      </c>
      <c r="B325">
        <v>122759</v>
      </c>
      <c r="C325">
        <v>19</v>
      </c>
      <c r="D325" t="s">
        <v>10</v>
      </c>
      <c r="E325">
        <v>0.36</v>
      </c>
      <c r="F325">
        <v>1.1000000000000001</v>
      </c>
      <c r="G325">
        <v>0.8</v>
      </c>
    </row>
    <row r="326" spans="1:7" x14ac:dyDescent="0.25">
      <c r="A326" t="s">
        <v>19</v>
      </c>
      <c r="B326">
        <v>66444</v>
      </c>
      <c r="C326">
        <v>12</v>
      </c>
      <c r="D326" t="s">
        <v>8</v>
      </c>
      <c r="E326">
        <v>0.02</v>
      </c>
      <c r="F326">
        <v>1.24</v>
      </c>
      <c r="G326">
        <v>0.75</v>
      </c>
    </row>
    <row r="327" spans="1:7" x14ac:dyDescent="0.25">
      <c r="A327" t="s">
        <v>13</v>
      </c>
      <c r="B327">
        <v>46932</v>
      </c>
      <c r="C327">
        <v>9</v>
      </c>
      <c r="D327" t="s">
        <v>10</v>
      </c>
      <c r="E327">
        <v>0.91</v>
      </c>
      <c r="F327">
        <v>0.54</v>
      </c>
      <c r="G327">
        <v>0.5</v>
      </c>
    </row>
    <row r="328" spans="1:7" x14ac:dyDescent="0.25">
      <c r="A328" t="s">
        <v>9</v>
      </c>
      <c r="B328">
        <v>55363</v>
      </c>
      <c r="C328">
        <v>11</v>
      </c>
      <c r="D328" t="s">
        <v>24</v>
      </c>
      <c r="E328">
        <v>0.05</v>
      </c>
      <c r="F328">
        <v>0.68</v>
      </c>
      <c r="G328">
        <v>0.28999999999999998</v>
      </c>
    </row>
    <row r="329" spans="1:7" x14ac:dyDescent="0.25">
      <c r="A329" t="s">
        <v>26</v>
      </c>
      <c r="B329">
        <v>30893</v>
      </c>
      <c r="C329">
        <v>14</v>
      </c>
      <c r="D329" t="s">
        <v>10</v>
      </c>
      <c r="E329">
        <v>0.92</v>
      </c>
      <c r="F329">
        <v>1.31</v>
      </c>
      <c r="G329">
        <v>0.26</v>
      </c>
    </row>
    <row r="330" spans="1:7" x14ac:dyDescent="0.25">
      <c r="A330" t="s">
        <v>23</v>
      </c>
      <c r="B330">
        <v>84962</v>
      </c>
      <c r="C330">
        <v>7</v>
      </c>
      <c r="D330" t="s">
        <v>12</v>
      </c>
      <c r="E330">
        <v>0.08</v>
      </c>
      <c r="F330">
        <v>1.1000000000000001</v>
      </c>
      <c r="G330">
        <v>0.49</v>
      </c>
    </row>
    <row r="331" spans="1:7" x14ac:dyDescent="0.25">
      <c r="A331" t="s">
        <v>16</v>
      </c>
      <c r="B331">
        <v>94173</v>
      </c>
      <c r="C331">
        <v>23</v>
      </c>
      <c r="D331" t="s">
        <v>24</v>
      </c>
      <c r="E331">
        <v>0.23</v>
      </c>
      <c r="F331">
        <v>0.74</v>
      </c>
      <c r="G331">
        <v>0.42</v>
      </c>
    </row>
    <row r="332" spans="1:7" x14ac:dyDescent="0.25">
      <c r="A332" t="s">
        <v>9</v>
      </c>
      <c r="B332">
        <v>82949</v>
      </c>
      <c r="C332">
        <v>26</v>
      </c>
      <c r="D332" t="s">
        <v>24</v>
      </c>
      <c r="E332">
        <v>0.8</v>
      </c>
      <c r="F332">
        <v>1.49</v>
      </c>
      <c r="G332">
        <v>0.2</v>
      </c>
    </row>
    <row r="333" spans="1:7" x14ac:dyDescent="0.25">
      <c r="A333" t="s">
        <v>11</v>
      </c>
      <c r="B333">
        <v>141738</v>
      </c>
      <c r="C333">
        <v>10</v>
      </c>
      <c r="D333" t="s">
        <v>8</v>
      </c>
      <c r="E333">
        <v>0.68</v>
      </c>
      <c r="F333">
        <v>1.1399999999999999</v>
      </c>
      <c r="G333">
        <v>0.8</v>
      </c>
    </row>
    <row r="334" spans="1:7" x14ac:dyDescent="0.25">
      <c r="A334" t="s">
        <v>9</v>
      </c>
      <c r="B334">
        <v>80492</v>
      </c>
      <c r="C334">
        <v>16</v>
      </c>
      <c r="D334" t="s">
        <v>12</v>
      </c>
      <c r="E334">
        <v>0.3</v>
      </c>
      <c r="F334">
        <v>0.64</v>
      </c>
      <c r="G334">
        <v>0.2</v>
      </c>
    </row>
    <row r="335" spans="1:7" x14ac:dyDescent="0.25">
      <c r="A335" t="s">
        <v>16</v>
      </c>
      <c r="B335">
        <v>117527</v>
      </c>
      <c r="C335">
        <v>28</v>
      </c>
      <c r="D335" t="s">
        <v>10</v>
      </c>
      <c r="E335">
        <v>0.14000000000000001</v>
      </c>
      <c r="F335">
        <v>0.51</v>
      </c>
      <c r="G335">
        <v>0.52</v>
      </c>
    </row>
    <row r="336" spans="1:7" x14ac:dyDescent="0.25">
      <c r="A336" t="s">
        <v>17</v>
      </c>
      <c r="B336">
        <v>83639</v>
      </c>
      <c r="C336">
        <v>26</v>
      </c>
      <c r="D336" t="s">
        <v>24</v>
      </c>
      <c r="E336">
        <v>0.25</v>
      </c>
      <c r="F336">
        <v>0.56999999999999995</v>
      </c>
      <c r="G336">
        <v>0.22</v>
      </c>
    </row>
    <row r="337" spans="1:7" x14ac:dyDescent="0.25">
      <c r="A337" t="s">
        <v>22</v>
      </c>
      <c r="B337">
        <v>66993</v>
      </c>
      <c r="C337">
        <v>3</v>
      </c>
      <c r="D337" t="s">
        <v>12</v>
      </c>
      <c r="E337">
        <v>0.51</v>
      </c>
      <c r="F337">
        <v>0.82</v>
      </c>
      <c r="G337">
        <v>0.54</v>
      </c>
    </row>
    <row r="338" spans="1:7" x14ac:dyDescent="0.25">
      <c r="A338" t="s">
        <v>7</v>
      </c>
      <c r="B338">
        <v>61551</v>
      </c>
      <c r="C338">
        <v>21</v>
      </c>
      <c r="D338" t="s">
        <v>24</v>
      </c>
      <c r="E338">
        <v>0.74</v>
      </c>
      <c r="F338">
        <v>0.67</v>
      </c>
      <c r="G338">
        <v>0.73</v>
      </c>
    </row>
    <row r="339" spans="1:7" x14ac:dyDescent="0.25">
      <c r="A339" t="s">
        <v>9</v>
      </c>
      <c r="B339">
        <v>63896</v>
      </c>
      <c r="C339">
        <v>22</v>
      </c>
      <c r="D339" t="s">
        <v>24</v>
      </c>
      <c r="E339">
        <v>0.04</v>
      </c>
      <c r="F339">
        <v>1.49</v>
      </c>
      <c r="G339">
        <v>0.11</v>
      </c>
    </row>
    <row r="340" spans="1:7" x14ac:dyDescent="0.25">
      <c r="A340" t="s">
        <v>19</v>
      </c>
      <c r="B340">
        <v>63686</v>
      </c>
      <c r="C340">
        <v>21</v>
      </c>
      <c r="D340" t="s">
        <v>12</v>
      </c>
      <c r="E340">
        <v>0.01</v>
      </c>
      <c r="F340">
        <v>1.28</v>
      </c>
      <c r="G340">
        <v>0.82</v>
      </c>
    </row>
    <row r="341" spans="1:7" x14ac:dyDescent="0.25">
      <c r="A341" t="s">
        <v>28</v>
      </c>
      <c r="B341">
        <v>147256</v>
      </c>
      <c r="C341">
        <v>26</v>
      </c>
      <c r="D341" t="s">
        <v>24</v>
      </c>
      <c r="E341">
        <v>0.33</v>
      </c>
      <c r="F341">
        <v>1.45</v>
      </c>
      <c r="G341">
        <v>0.35</v>
      </c>
    </row>
    <row r="342" spans="1:7" x14ac:dyDescent="0.25">
      <c r="A342" t="s">
        <v>11</v>
      </c>
      <c r="B342">
        <v>103531</v>
      </c>
      <c r="C342">
        <v>2</v>
      </c>
      <c r="D342" t="s">
        <v>8</v>
      </c>
      <c r="E342">
        <v>0.36</v>
      </c>
      <c r="F342">
        <v>0.94</v>
      </c>
      <c r="G342">
        <v>0.94</v>
      </c>
    </row>
    <row r="343" spans="1:7" x14ac:dyDescent="0.25">
      <c r="A343" t="s">
        <v>21</v>
      </c>
      <c r="B343">
        <v>53991</v>
      </c>
      <c r="C343">
        <v>21</v>
      </c>
      <c r="D343" t="s">
        <v>10</v>
      </c>
      <c r="E343">
        <v>0.72</v>
      </c>
      <c r="F343">
        <v>0.78</v>
      </c>
      <c r="G343">
        <v>0.43</v>
      </c>
    </row>
    <row r="344" spans="1:7" x14ac:dyDescent="0.25">
      <c r="A344" t="s">
        <v>21</v>
      </c>
      <c r="B344">
        <v>39269</v>
      </c>
      <c r="C344">
        <v>7</v>
      </c>
      <c r="D344" t="s">
        <v>12</v>
      </c>
      <c r="E344">
        <v>0.21</v>
      </c>
      <c r="F344">
        <v>0.62</v>
      </c>
      <c r="G344">
        <v>0.63</v>
      </c>
    </row>
    <row r="345" spans="1:7" x14ac:dyDescent="0.25">
      <c r="A345" t="s">
        <v>14</v>
      </c>
      <c r="B345">
        <v>149391</v>
      </c>
      <c r="C345">
        <v>18</v>
      </c>
      <c r="D345" t="s">
        <v>24</v>
      </c>
      <c r="E345">
        <v>0.7</v>
      </c>
      <c r="F345">
        <v>0.69</v>
      </c>
      <c r="G345">
        <v>0.48</v>
      </c>
    </row>
    <row r="346" spans="1:7" x14ac:dyDescent="0.25">
      <c r="A346" t="s">
        <v>15</v>
      </c>
      <c r="B346">
        <v>124598</v>
      </c>
      <c r="C346">
        <v>14</v>
      </c>
      <c r="D346" t="s">
        <v>8</v>
      </c>
      <c r="E346">
        <v>0.95</v>
      </c>
      <c r="F346">
        <v>0.85</v>
      </c>
      <c r="G346">
        <v>0.06</v>
      </c>
    </row>
    <row r="347" spans="1:7" x14ac:dyDescent="0.25">
      <c r="A347" t="s">
        <v>25</v>
      </c>
      <c r="B347">
        <v>89470</v>
      </c>
      <c r="C347">
        <v>2</v>
      </c>
      <c r="D347" t="s">
        <v>10</v>
      </c>
      <c r="E347">
        <v>0.19</v>
      </c>
      <c r="F347">
        <v>0.65</v>
      </c>
      <c r="G347">
        <v>0.93</v>
      </c>
    </row>
    <row r="348" spans="1:7" x14ac:dyDescent="0.25">
      <c r="A348" t="s">
        <v>25</v>
      </c>
      <c r="B348">
        <v>34321</v>
      </c>
      <c r="C348">
        <v>29</v>
      </c>
      <c r="D348" t="s">
        <v>24</v>
      </c>
      <c r="E348">
        <v>0.81</v>
      </c>
      <c r="F348">
        <v>0.88</v>
      </c>
      <c r="G348">
        <v>0.73</v>
      </c>
    </row>
    <row r="349" spans="1:7" x14ac:dyDescent="0.25">
      <c r="A349" t="s">
        <v>23</v>
      </c>
      <c r="B349">
        <v>50977</v>
      </c>
      <c r="C349">
        <v>25</v>
      </c>
      <c r="D349" t="s">
        <v>10</v>
      </c>
      <c r="E349">
        <v>0.18</v>
      </c>
      <c r="F349">
        <v>0.61</v>
      </c>
      <c r="G349">
        <v>0.65</v>
      </c>
    </row>
    <row r="350" spans="1:7" x14ac:dyDescent="0.25">
      <c r="A350" t="s">
        <v>27</v>
      </c>
      <c r="B350">
        <v>62167</v>
      </c>
      <c r="C350">
        <v>13</v>
      </c>
      <c r="D350" t="s">
        <v>12</v>
      </c>
      <c r="E350">
        <v>0.3</v>
      </c>
      <c r="F350">
        <v>0.59</v>
      </c>
      <c r="G350">
        <v>0.93</v>
      </c>
    </row>
    <row r="351" spans="1:7" x14ac:dyDescent="0.25">
      <c r="A351" t="s">
        <v>19</v>
      </c>
      <c r="B351">
        <v>108518</v>
      </c>
      <c r="C351">
        <v>28</v>
      </c>
      <c r="D351" t="s">
        <v>10</v>
      </c>
      <c r="E351">
        <v>0.55000000000000004</v>
      </c>
      <c r="F351">
        <v>1.03</v>
      </c>
      <c r="G351">
        <v>0.75</v>
      </c>
    </row>
    <row r="352" spans="1:7" x14ac:dyDescent="0.25">
      <c r="A352" t="s">
        <v>20</v>
      </c>
      <c r="B352">
        <v>93752</v>
      </c>
      <c r="C352">
        <v>12</v>
      </c>
      <c r="D352" t="s">
        <v>24</v>
      </c>
      <c r="E352">
        <v>0.26</v>
      </c>
      <c r="F352">
        <v>0.97</v>
      </c>
      <c r="G352">
        <v>0.39</v>
      </c>
    </row>
    <row r="353" spans="1:7" x14ac:dyDescent="0.25">
      <c r="A353" t="s">
        <v>7</v>
      </c>
      <c r="B353">
        <v>77691</v>
      </c>
      <c r="C353">
        <v>16</v>
      </c>
      <c r="D353" t="s">
        <v>24</v>
      </c>
      <c r="E353">
        <v>0.31</v>
      </c>
      <c r="F353">
        <v>1.23</v>
      </c>
      <c r="G353">
        <v>0.9</v>
      </c>
    </row>
    <row r="354" spans="1:7" x14ac:dyDescent="0.25">
      <c r="A354" t="s">
        <v>26</v>
      </c>
      <c r="B354">
        <v>59813</v>
      </c>
      <c r="C354">
        <v>15</v>
      </c>
      <c r="D354" t="s">
        <v>24</v>
      </c>
      <c r="E354">
        <v>0.39</v>
      </c>
      <c r="F354">
        <v>1.08</v>
      </c>
      <c r="G354">
        <v>0.17</v>
      </c>
    </row>
    <row r="355" spans="1:7" x14ac:dyDescent="0.25">
      <c r="A355" t="s">
        <v>23</v>
      </c>
      <c r="B355">
        <v>95603</v>
      </c>
      <c r="C355">
        <v>28</v>
      </c>
      <c r="D355" t="s">
        <v>8</v>
      </c>
      <c r="E355">
        <v>0.4</v>
      </c>
      <c r="F355">
        <v>1.1100000000000001</v>
      </c>
      <c r="G355">
        <v>0.62</v>
      </c>
    </row>
    <row r="356" spans="1:7" x14ac:dyDescent="0.25">
      <c r="A356" t="s">
        <v>23</v>
      </c>
      <c r="B356">
        <v>118150</v>
      </c>
      <c r="C356">
        <v>14</v>
      </c>
      <c r="D356" t="s">
        <v>8</v>
      </c>
      <c r="E356">
        <v>0.33</v>
      </c>
      <c r="F356">
        <v>0.89</v>
      </c>
      <c r="G356">
        <v>0.36</v>
      </c>
    </row>
    <row r="357" spans="1:7" x14ac:dyDescent="0.25">
      <c r="A357" t="s">
        <v>27</v>
      </c>
      <c r="B357">
        <v>31996</v>
      </c>
      <c r="C357">
        <v>3</v>
      </c>
      <c r="D357" t="s">
        <v>24</v>
      </c>
      <c r="E357">
        <v>0.12</v>
      </c>
      <c r="F357">
        <v>0.83</v>
      </c>
      <c r="G357">
        <v>0.9</v>
      </c>
    </row>
    <row r="358" spans="1:7" x14ac:dyDescent="0.25">
      <c r="A358" t="s">
        <v>11</v>
      </c>
      <c r="B358">
        <v>108015</v>
      </c>
      <c r="C358">
        <v>2</v>
      </c>
      <c r="D358" t="s">
        <v>24</v>
      </c>
      <c r="E358">
        <v>0.17</v>
      </c>
      <c r="F358">
        <v>1.21</v>
      </c>
      <c r="G358">
        <v>0.83</v>
      </c>
    </row>
    <row r="359" spans="1:7" x14ac:dyDescent="0.25">
      <c r="A359" t="s">
        <v>28</v>
      </c>
      <c r="B359">
        <v>59709</v>
      </c>
      <c r="C359">
        <v>9</v>
      </c>
      <c r="D359" t="s">
        <v>24</v>
      </c>
      <c r="E359">
        <v>0.93</v>
      </c>
      <c r="F359">
        <v>1.03</v>
      </c>
      <c r="G359">
        <v>0.4</v>
      </c>
    </row>
    <row r="360" spans="1:7" x14ac:dyDescent="0.25">
      <c r="A360" t="s">
        <v>13</v>
      </c>
      <c r="B360">
        <v>33203</v>
      </c>
      <c r="C360">
        <v>17</v>
      </c>
      <c r="D360" t="s">
        <v>12</v>
      </c>
      <c r="E360">
        <v>0.73</v>
      </c>
      <c r="F360">
        <v>1.42</v>
      </c>
      <c r="G360">
        <v>0.6</v>
      </c>
    </row>
    <row r="361" spans="1:7" x14ac:dyDescent="0.25">
      <c r="A361" t="s">
        <v>30</v>
      </c>
      <c r="B361">
        <v>39327</v>
      </c>
      <c r="C361">
        <v>7</v>
      </c>
      <c r="D361" t="s">
        <v>10</v>
      </c>
      <c r="E361">
        <v>0.77</v>
      </c>
      <c r="F361">
        <v>0.89</v>
      </c>
      <c r="G361">
        <v>0.5</v>
      </c>
    </row>
    <row r="362" spans="1:7" x14ac:dyDescent="0.25">
      <c r="A362" t="s">
        <v>11</v>
      </c>
      <c r="B362">
        <v>37868</v>
      </c>
      <c r="C362">
        <v>11</v>
      </c>
      <c r="D362" t="s">
        <v>12</v>
      </c>
      <c r="E362">
        <v>0.32</v>
      </c>
      <c r="F362">
        <v>1.35</v>
      </c>
      <c r="G362">
        <v>0.71</v>
      </c>
    </row>
    <row r="363" spans="1:7" x14ac:dyDescent="0.25">
      <c r="A363" t="s">
        <v>20</v>
      </c>
      <c r="B363">
        <v>76097</v>
      </c>
      <c r="C363">
        <v>23</v>
      </c>
      <c r="D363" t="s">
        <v>12</v>
      </c>
      <c r="E363">
        <v>0.75</v>
      </c>
      <c r="F363">
        <v>0.96</v>
      </c>
      <c r="G363">
        <v>0.64</v>
      </c>
    </row>
    <row r="364" spans="1:7" x14ac:dyDescent="0.25">
      <c r="A364" t="s">
        <v>21</v>
      </c>
      <c r="B364">
        <v>117838</v>
      </c>
      <c r="C364">
        <v>6</v>
      </c>
      <c r="D364" t="s">
        <v>12</v>
      </c>
      <c r="E364">
        <v>0.44</v>
      </c>
      <c r="F364">
        <v>1.34</v>
      </c>
      <c r="G364">
        <v>0.4</v>
      </c>
    </row>
    <row r="365" spans="1:7" x14ac:dyDescent="0.25">
      <c r="A365" t="s">
        <v>21</v>
      </c>
      <c r="B365">
        <v>136931</v>
      </c>
      <c r="C365">
        <v>16</v>
      </c>
      <c r="D365" t="s">
        <v>8</v>
      </c>
      <c r="E365">
        <v>0.97</v>
      </c>
      <c r="F365">
        <v>1.47</v>
      </c>
      <c r="G365">
        <v>0.65</v>
      </c>
    </row>
    <row r="366" spans="1:7" x14ac:dyDescent="0.25">
      <c r="A366" t="s">
        <v>18</v>
      </c>
      <c r="B366">
        <v>76900</v>
      </c>
      <c r="C366">
        <v>24</v>
      </c>
      <c r="D366" t="s">
        <v>24</v>
      </c>
      <c r="E366">
        <v>0.49</v>
      </c>
      <c r="F366">
        <v>1.41</v>
      </c>
      <c r="G366">
        <v>0.54</v>
      </c>
    </row>
    <row r="367" spans="1:7" x14ac:dyDescent="0.25">
      <c r="A367" t="s">
        <v>16</v>
      </c>
      <c r="B367">
        <v>41221</v>
      </c>
      <c r="C367">
        <v>11</v>
      </c>
      <c r="D367" t="s">
        <v>10</v>
      </c>
      <c r="E367">
        <v>0.08</v>
      </c>
      <c r="F367">
        <v>1.18</v>
      </c>
      <c r="G367">
        <v>0.67</v>
      </c>
    </row>
    <row r="368" spans="1:7" x14ac:dyDescent="0.25">
      <c r="A368" t="s">
        <v>7</v>
      </c>
      <c r="B368">
        <v>30654</v>
      </c>
      <c r="C368">
        <v>9</v>
      </c>
      <c r="D368" t="s">
        <v>12</v>
      </c>
      <c r="E368">
        <v>0.48</v>
      </c>
      <c r="F368">
        <v>1.17</v>
      </c>
      <c r="G368">
        <v>0.8</v>
      </c>
    </row>
    <row r="369" spans="1:7" x14ac:dyDescent="0.25">
      <c r="A369" t="s">
        <v>23</v>
      </c>
      <c r="B369">
        <v>112928</v>
      </c>
      <c r="C369">
        <v>26</v>
      </c>
      <c r="D369" t="s">
        <v>12</v>
      </c>
      <c r="E369">
        <v>0.85</v>
      </c>
      <c r="F369">
        <v>0.71</v>
      </c>
      <c r="G369">
        <v>0.68</v>
      </c>
    </row>
    <row r="370" spans="1:7" x14ac:dyDescent="0.25">
      <c r="A370" t="s">
        <v>17</v>
      </c>
      <c r="B370">
        <v>99444</v>
      </c>
      <c r="C370">
        <v>21</v>
      </c>
      <c r="D370" t="s">
        <v>12</v>
      </c>
      <c r="E370">
        <v>0.63</v>
      </c>
      <c r="F370">
        <v>1.1200000000000001</v>
      </c>
      <c r="G370">
        <v>0.08</v>
      </c>
    </row>
    <row r="371" spans="1:7" x14ac:dyDescent="0.25">
      <c r="A371" t="s">
        <v>9</v>
      </c>
      <c r="B371">
        <v>115092</v>
      </c>
      <c r="C371">
        <v>18</v>
      </c>
      <c r="D371" t="s">
        <v>24</v>
      </c>
      <c r="E371">
        <v>0.2</v>
      </c>
      <c r="F371">
        <v>1.3</v>
      </c>
      <c r="G371">
        <v>0.23</v>
      </c>
    </row>
    <row r="372" spans="1:7" x14ac:dyDescent="0.25">
      <c r="A372" t="s">
        <v>14</v>
      </c>
      <c r="B372">
        <v>123122</v>
      </c>
      <c r="C372">
        <v>8</v>
      </c>
      <c r="D372" t="s">
        <v>24</v>
      </c>
      <c r="E372">
        <v>0.87</v>
      </c>
      <c r="F372">
        <v>0.68</v>
      </c>
      <c r="G372">
        <v>0.68</v>
      </c>
    </row>
    <row r="373" spans="1:7" x14ac:dyDescent="0.25">
      <c r="A373" t="s">
        <v>15</v>
      </c>
      <c r="B373">
        <v>49177</v>
      </c>
      <c r="C373">
        <v>0</v>
      </c>
      <c r="D373" t="s">
        <v>8</v>
      </c>
      <c r="E373">
        <v>0.17</v>
      </c>
      <c r="F373">
        <v>0.85</v>
      </c>
      <c r="G373">
        <v>0.15</v>
      </c>
    </row>
    <row r="374" spans="1:7" x14ac:dyDescent="0.25">
      <c r="A374" t="s">
        <v>9</v>
      </c>
      <c r="B374">
        <v>107360</v>
      </c>
      <c r="C374">
        <v>23</v>
      </c>
      <c r="D374" t="s">
        <v>8</v>
      </c>
      <c r="E374">
        <v>0.13</v>
      </c>
      <c r="F374">
        <v>1.3</v>
      </c>
      <c r="G374">
        <v>0.18</v>
      </c>
    </row>
    <row r="375" spans="1:7" x14ac:dyDescent="0.25">
      <c r="A375" t="s">
        <v>16</v>
      </c>
      <c r="B375">
        <v>132877</v>
      </c>
      <c r="C375">
        <v>11</v>
      </c>
      <c r="D375" t="s">
        <v>8</v>
      </c>
      <c r="E375">
        <v>0.48</v>
      </c>
      <c r="F375">
        <v>1.26</v>
      </c>
      <c r="G375">
        <v>0.57999999999999996</v>
      </c>
    </row>
    <row r="376" spans="1:7" x14ac:dyDescent="0.25">
      <c r="A376" t="s">
        <v>18</v>
      </c>
      <c r="B376">
        <v>73158</v>
      </c>
      <c r="C376">
        <v>27</v>
      </c>
      <c r="D376" t="s">
        <v>12</v>
      </c>
      <c r="E376">
        <v>0.31</v>
      </c>
      <c r="F376">
        <v>0.9</v>
      </c>
      <c r="G376">
        <v>0.5</v>
      </c>
    </row>
    <row r="377" spans="1:7" x14ac:dyDescent="0.25">
      <c r="A377" t="s">
        <v>9</v>
      </c>
      <c r="B377">
        <v>87889</v>
      </c>
      <c r="C377">
        <v>1</v>
      </c>
      <c r="D377" t="s">
        <v>10</v>
      </c>
      <c r="E377">
        <v>0.34</v>
      </c>
      <c r="F377">
        <v>1.49</v>
      </c>
      <c r="G377">
        <v>0.17</v>
      </c>
    </row>
    <row r="378" spans="1:7" x14ac:dyDescent="0.25">
      <c r="A378" t="s">
        <v>25</v>
      </c>
      <c r="B378">
        <v>136196</v>
      </c>
      <c r="C378">
        <v>16</v>
      </c>
      <c r="D378" t="s">
        <v>8</v>
      </c>
      <c r="E378">
        <v>0.02</v>
      </c>
      <c r="F378">
        <v>1.27</v>
      </c>
      <c r="G378">
        <v>0.73</v>
      </c>
    </row>
    <row r="379" spans="1:7" x14ac:dyDescent="0.25">
      <c r="A379" t="s">
        <v>14</v>
      </c>
      <c r="B379">
        <v>133801</v>
      </c>
      <c r="C379">
        <v>11</v>
      </c>
      <c r="D379" t="s">
        <v>24</v>
      </c>
      <c r="E379">
        <v>0.39</v>
      </c>
      <c r="F379">
        <v>1.39</v>
      </c>
      <c r="G379">
        <v>0.66</v>
      </c>
    </row>
    <row r="380" spans="1:7" x14ac:dyDescent="0.25">
      <c r="A380" t="s">
        <v>7</v>
      </c>
      <c r="B380">
        <v>109557</v>
      </c>
      <c r="C380">
        <v>24</v>
      </c>
      <c r="D380" t="s">
        <v>24</v>
      </c>
      <c r="E380">
        <v>0.28000000000000003</v>
      </c>
      <c r="F380">
        <v>0.9</v>
      </c>
      <c r="G380">
        <v>0.95</v>
      </c>
    </row>
    <row r="381" spans="1:7" x14ac:dyDescent="0.25">
      <c r="A381" t="s">
        <v>17</v>
      </c>
      <c r="B381">
        <v>54502</v>
      </c>
      <c r="C381">
        <v>15</v>
      </c>
      <c r="D381" t="s">
        <v>10</v>
      </c>
      <c r="E381">
        <v>0.94</v>
      </c>
      <c r="F381">
        <v>0.83</v>
      </c>
      <c r="G381">
        <v>0.19</v>
      </c>
    </row>
    <row r="382" spans="1:7" x14ac:dyDescent="0.25">
      <c r="A382" t="s">
        <v>23</v>
      </c>
      <c r="B382">
        <v>128878</v>
      </c>
      <c r="C382">
        <v>29</v>
      </c>
      <c r="D382" t="s">
        <v>10</v>
      </c>
      <c r="E382">
        <v>0.69</v>
      </c>
      <c r="F382">
        <v>1.23</v>
      </c>
      <c r="G382">
        <v>0.7</v>
      </c>
    </row>
    <row r="383" spans="1:7" x14ac:dyDescent="0.25">
      <c r="A383" t="s">
        <v>15</v>
      </c>
      <c r="B383">
        <v>136802</v>
      </c>
      <c r="C383">
        <v>23</v>
      </c>
      <c r="D383" t="s">
        <v>24</v>
      </c>
      <c r="E383">
        <v>0.69</v>
      </c>
      <c r="F383">
        <v>1.02</v>
      </c>
      <c r="G383">
        <v>0.3</v>
      </c>
    </row>
    <row r="384" spans="1:7" x14ac:dyDescent="0.25">
      <c r="A384" t="s">
        <v>15</v>
      </c>
      <c r="B384">
        <v>80901</v>
      </c>
      <c r="C384">
        <v>26</v>
      </c>
      <c r="D384" t="s">
        <v>8</v>
      </c>
      <c r="E384">
        <v>0.34</v>
      </c>
      <c r="F384">
        <v>1.31</v>
      </c>
      <c r="G384">
        <v>0.11</v>
      </c>
    </row>
    <row r="385" spans="1:7" x14ac:dyDescent="0.25">
      <c r="A385" t="s">
        <v>30</v>
      </c>
      <c r="B385">
        <v>96214</v>
      </c>
      <c r="C385">
        <v>16</v>
      </c>
      <c r="D385" t="s">
        <v>10</v>
      </c>
      <c r="E385">
        <v>0.56999999999999995</v>
      </c>
      <c r="F385">
        <v>1.37</v>
      </c>
      <c r="G385">
        <v>0.53</v>
      </c>
    </row>
    <row r="386" spans="1:7" x14ac:dyDescent="0.25">
      <c r="A386" t="s">
        <v>14</v>
      </c>
      <c r="B386">
        <v>104755</v>
      </c>
      <c r="C386">
        <v>6</v>
      </c>
      <c r="D386" t="s">
        <v>10</v>
      </c>
      <c r="E386">
        <v>0.97</v>
      </c>
      <c r="F386">
        <v>0.94</v>
      </c>
      <c r="G386">
        <v>0.43</v>
      </c>
    </row>
    <row r="387" spans="1:7" x14ac:dyDescent="0.25">
      <c r="A387" t="s">
        <v>16</v>
      </c>
      <c r="B387">
        <v>134580</v>
      </c>
      <c r="C387">
        <v>11</v>
      </c>
      <c r="D387" t="s">
        <v>8</v>
      </c>
      <c r="E387">
        <v>0.19</v>
      </c>
      <c r="F387">
        <v>0.81</v>
      </c>
      <c r="G387">
        <v>0.69</v>
      </c>
    </row>
    <row r="388" spans="1:7" x14ac:dyDescent="0.25">
      <c r="A388" t="s">
        <v>16</v>
      </c>
      <c r="B388">
        <v>63477</v>
      </c>
      <c r="C388">
        <v>17</v>
      </c>
      <c r="D388" t="s">
        <v>10</v>
      </c>
      <c r="E388">
        <v>0.6</v>
      </c>
      <c r="F388">
        <v>1.24</v>
      </c>
      <c r="G388">
        <v>0.38</v>
      </c>
    </row>
    <row r="389" spans="1:7" x14ac:dyDescent="0.25">
      <c r="A389" t="s">
        <v>13</v>
      </c>
      <c r="B389">
        <v>142134</v>
      </c>
      <c r="C389">
        <v>12</v>
      </c>
      <c r="D389" t="s">
        <v>10</v>
      </c>
      <c r="E389">
        <v>0.54</v>
      </c>
      <c r="F389">
        <v>0.63</v>
      </c>
      <c r="G389">
        <v>0.42</v>
      </c>
    </row>
    <row r="390" spans="1:7" x14ac:dyDescent="0.25">
      <c r="A390" t="s">
        <v>26</v>
      </c>
      <c r="B390">
        <v>119080</v>
      </c>
      <c r="C390">
        <v>4</v>
      </c>
      <c r="D390" t="s">
        <v>8</v>
      </c>
      <c r="E390">
        <v>7.0000000000000007E-2</v>
      </c>
      <c r="F390">
        <v>0.82</v>
      </c>
      <c r="G390">
        <v>0.12</v>
      </c>
    </row>
    <row r="391" spans="1:7" x14ac:dyDescent="0.25">
      <c r="A391" t="s">
        <v>19</v>
      </c>
      <c r="B391">
        <v>42467</v>
      </c>
      <c r="C391">
        <v>1</v>
      </c>
      <c r="D391" t="s">
        <v>8</v>
      </c>
      <c r="E391">
        <v>0.33</v>
      </c>
      <c r="F391">
        <v>1.19</v>
      </c>
      <c r="G391">
        <v>0.89</v>
      </c>
    </row>
    <row r="392" spans="1:7" x14ac:dyDescent="0.25">
      <c r="A392" t="s">
        <v>22</v>
      </c>
      <c r="B392">
        <v>100601</v>
      </c>
      <c r="C392">
        <v>0</v>
      </c>
      <c r="D392" t="s">
        <v>24</v>
      </c>
      <c r="E392">
        <v>0.4</v>
      </c>
      <c r="F392">
        <v>0.93</v>
      </c>
      <c r="G392">
        <v>0.53</v>
      </c>
    </row>
    <row r="393" spans="1:7" x14ac:dyDescent="0.25">
      <c r="A393" t="s">
        <v>19</v>
      </c>
      <c r="B393">
        <v>148764</v>
      </c>
      <c r="C393">
        <v>1</v>
      </c>
      <c r="D393" t="s">
        <v>12</v>
      </c>
      <c r="E393">
        <v>0.93</v>
      </c>
      <c r="F393">
        <v>0.62</v>
      </c>
      <c r="G393">
        <v>0.86</v>
      </c>
    </row>
    <row r="394" spans="1:7" x14ac:dyDescent="0.25">
      <c r="A394" t="s">
        <v>29</v>
      </c>
      <c r="B394">
        <v>113795</v>
      </c>
      <c r="C394">
        <v>24</v>
      </c>
      <c r="D394" t="s">
        <v>10</v>
      </c>
      <c r="E394">
        <v>0.44</v>
      </c>
      <c r="F394">
        <v>0.54</v>
      </c>
      <c r="G394">
        <v>0.17</v>
      </c>
    </row>
    <row r="395" spans="1:7" x14ac:dyDescent="0.25">
      <c r="A395" t="s">
        <v>28</v>
      </c>
      <c r="B395">
        <v>45994</v>
      </c>
      <c r="C395">
        <v>15</v>
      </c>
      <c r="D395" t="s">
        <v>8</v>
      </c>
      <c r="E395">
        <v>1</v>
      </c>
      <c r="F395">
        <v>0.72</v>
      </c>
      <c r="G395">
        <v>0.34</v>
      </c>
    </row>
    <row r="396" spans="1:7" x14ac:dyDescent="0.25">
      <c r="A396" t="s">
        <v>15</v>
      </c>
      <c r="B396">
        <v>66701</v>
      </c>
      <c r="C396">
        <v>25</v>
      </c>
      <c r="D396" t="s">
        <v>12</v>
      </c>
      <c r="E396">
        <v>0.62</v>
      </c>
      <c r="F396">
        <v>0.72</v>
      </c>
      <c r="G396">
        <v>0.16</v>
      </c>
    </row>
    <row r="397" spans="1:7" x14ac:dyDescent="0.25">
      <c r="A397" t="s">
        <v>17</v>
      </c>
      <c r="B397">
        <v>63785</v>
      </c>
      <c r="C397">
        <v>18</v>
      </c>
      <c r="D397" t="s">
        <v>10</v>
      </c>
      <c r="E397">
        <v>0.44</v>
      </c>
      <c r="F397">
        <v>0.96</v>
      </c>
      <c r="G397">
        <v>0.25</v>
      </c>
    </row>
    <row r="398" spans="1:7" x14ac:dyDescent="0.25">
      <c r="A398" t="s">
        <v>21</v>
      </c>
      <c r="B398">
        <v>122282</v>
      </c>
      <c r="C398">
        <v>0</v>
      </c>
      <c r="D398" t="s">
        <v>12</v>
      </c>
      <c r="E398">
        <v>0.51</v>
      </c>
      <c r="F398">
        <v>1.04</v>
      </c>
      <c r="G398">
        <v>0.4</v>
      </c>
    </row>
    <row r="399" spans="1:7" x14ac:dyDescent="0.25">
      <c r="A399" t="s">
        <v>18</v>
      </c>
      <c r="B399">
        <v>30229</v>
      </c>
      <c r="C399">
        <v>28</v>
      </c>
      <c r="D399" t="s">
        <v>8</v>
      </c>
      <c r="E399">
        <v>0.95</v>
      </c>
      <c r="F399">
        <v>0.78</v>
      </c>
      <c r="G399">
        <v>0.46</v>
      </c>
    </row>
    <row r="400" spans="1:7" x14ac:dyDescent="0.25">
      <c r="A400" t="s">
        <v>29</v>
      </c>
      <c r="B400">
        <v>45620</v>
      </c>
      <c r="C400">
        <v>29</v>
      </c>
      <c r="D400" t="s">
        <v>12</v>
      </c>
      <c r="E400">
        <v>0.67</v>
      </c>
      <c r="F400">
        <v>0.6</v>
      </c>
      <c r="G400">
        <v>0.05</v>
      </c>
    </row>
    <row r="401" spans="1:7" x14ac:dyDescent="0.25">
      <c r="A401" t="s">
        <v>26</v>
      </c>
      <c r="B401">
        <v>68104</v>
      </c>
      <c r="C401">
        <v>10</v>
      </c>
      <c r="D401" t="s">
        <v>12</v>
      </c>
      <c r="E401">
        <v>0.35</v>
      </c>
      <c r="F401">
        <v>0.95</v>
      </c>
      <c r="G401">
        <v>0.22</v>
      </c>
    </row>
    <row r="402" spans="1:7" x14ac:dyDescent="0.25">
      <c r="A402" t="s">
        <v>22</v>
      </c>
      <c r="B402">
        <v>78733</v>
      </c>
      <c r="C402">
        <v>25</v>
      </c>
      <c r="D402" t="s">
        <v>24</v>
      </c>
      <c r="E402">
        <v>0.75</v>
      </c>
      <c r="F402">
        <v>1.23</v>
      </c>
      <c r="G402">
        <v>0.65</v>
      </c>
    </row>
    <row r="403" spans="1:7" x14ac:dyDescent="0.25">
      <c r="A403" t="s">
        <v>22</v>
      </c>
      <c r="B403">
        <v>33320</v>
      </c>
      <c r="C403">
        <v>26</v>
      </c>
      <c r="D403" t="s">
        <v>10</v>
      </c>
      <c r="E403">
        <v>0.27</v>
      </c>
      <c r="F403">
        <v>0.53</v>
      </c>
      <c r="G403">
        <v>0.59</v>
      </c>
    </row>
    <row r="404" spans="1:7" x14ac:dyDescent="0.25">
      <c r="A404" t="s">
        <v>22</v>
      </c>
      <c r="B404">
        <v>137648</v>
      </c>
      <c r="C404">
        <v>22</v>
      </c>
      <c r="D404" t="s">
        <v>10</v>
      </c>
      <c r="E404">
        <v>0.63</v>
      </c>
      <c r="F404">
        <v>0.68</v>
      </c>
      <c r="G404">
        <v>0.34</v>
      </c>
    </row>
    <row r="405" spans="1:7" x14ac:dyDescent="0.25">
      <c r="A405" t="s">
        <v>28</v>
      </c>
      <c r="B405">
        <v>53104</v>
      </c>
      <c r="C405">
        <v>0</v>
      </c>
      <c r="D405" t="s">
        <v>8</v>
      </c>
      <c r="E405">
        <v>0.31</v>
      </c>
      <c r="F405">
        <v>1.46</v>
      </c>
      <c r="G405">
        <v>0.31</v>
      </c>
    </row>
    <row r="406" spans="1:7" x14ac:dyDescent="0.25">
      <c r="A406" t="s">
        <v>25</v>
      </c>
      <c r="B406">
        <v>69451</v>
      </c>
      <c r="C406">
        <v>3</v>
      </c>
      <c r="D406" t="s">
        <v>24</v>
      </c>
      <c r="E406">
        <v>0.91</v>
      </c>
      <c r="F406">
        <v>0.65</v>
      </c>
      <c r="G406">
        <v>0.86</v>
      </c>
    </row>
    <row r="407" spans="1:7" x14ac:dyDescent="0.25">
      <c r="A407" t="s">
        <v>14</v>
      </c>
      <c r="B407">
        <v>104854</v>
      </c>
      <c r="C407">
        <v>8</v>
      </c>
      <c r="D407" t="s">
        <v>8</v>
      </c>
      <c r="E407">
        <v>0.35</v>
      </c>
      <c r="F407">
        <v>1.06</v>
      </c>
      <c r="G407">
        <v>0.4</v>
      </c>
    </row>
    <row r="408" spans="1:7" x14ac:dyDescent="0.25">
      <c r="A408" t="s">
        <v>30</v>
      </c>
      <c r="B408">
        <v>35147</v>
      </c>
      <c r="C408">
        <v>12</v>
      </c>
      <c r="D408" t="s">
        <v>12</v>
      </c>
      <c r="E408">
        <v>0.3</v>
      </c>
      <c r="F408">
        <v>0.69</v>
      </c>
      <c r="G408">
        <v>0.42</v>
      </c>
    </row>
    <row r="409" spans="1:7" x14ac:dyDescent="0.25">
      <c r="A409" t="s">
        <v>23</v>
      </c>
      <c r="B409">
        <v>68563</v>
      </c>
      <c r="C409">
        <v>3</v>
      </c>
      <c r="D409" t="s">
        <v>8</v>
      </c>
      <c r="E409">
        <v>0.92</v>
      </c>
      <c r="F409">
        <v>1.32</v>
      </c>
      <c r="G409">
        <v>0.44</v>
      </c>
    </row>
    <row r="410" spans="1:7" x14ac:dyDescent="0.25">
      <c r="A410" t="s">
        <v>15</v>
      </c>
      <c r="B410">
        <v>133496</v>
      </c>
      <c r="C410">
        <v>13</v>
      </c>
      <c r="D410" t="s">
        <v>12</v>
      </c>
      <c r="E410">
        <v>0.34</v>
      </c>
      <c r="F410">
        <v>0.68</v>
      </c>
      <c r="G410">
        <v>0.05</v>
      </c>
    </row>
    <row r="411" spans="1:7" x14ac:dyDescent="0.25">
      <c r="A411" t="s">
        <v>7</v>
      </c>
      <c r="B411">
        <v>79692</v>
      </c>
      <c r="C411">
        <v>6</v>
      </c>
      <c r="D411" t="s">
        <v>24</v>
      </c>
      <c r="E411">
        <v>0.22</v>
      </c>
      <c r="F411">
        <v>0.57999999999999996</v>
      </c>
      <c r="G411">
        <v>0.84</v>
      </c>
    </row>
    <row r="412" spans="1:7" x14ac:dyDescent="0.25">
      <c r="A412" t="s">
        <v>29</v>
      </c>
      <c r="B412">
        <v>135585</v>
      </c>
      <c r="C412">
        <v>13</v>
      </c>
      <c r="D412" t="s">
        <v>12</v>
      </c>
      <c r="E412">
        <v>0.35</v>
      </c>
      <c r="F412">
        <v>0.82</v>
      </c>
      <c r="G412">
        <v>0.25</v>
      </c>
    </row>
    <row r="413" spans="1:7" x14ac:dyDescent="0.25">
      <c r="A413" t="s">
        <v>30</v>
      </c>
      <c r="B413">
        <v>59545</v>
      </c>
      <c r="C413">
        <v>17</v>
      </c>
      <c r="D413" t="s">
        <v>24</v>
      </c>
      <c r="E413">
        <v>0.91</v>
      </c>
      <c r="F413">
        <v>0.68</v>
      </c>
      <c r="G413">
        <v>0.3</v>
      </c>
    </row>
    <row r="414" spans="1:7" x14ac:dyDescent="0.25">
      <c r="A414" t="s">
        <v>22</v>
      </c>
      <c r="B414">
        <v>138777</v>
      </c>
      <c r="C414">
        <v>0</v>
      </c>
      <c r="D414" t="s">
        <v>10</v>
      </c>
      <c r="E414">
        <v>0.3</v>
      </c>
      <c r="F414">
        <v>0.6</v>
      </c>
      <c r="G414">
        <v>0.41</v>
      </c>
    </row>
    <row r="415" spans="1:7" x14ac:dyDescent="0.25">
      <c r="A415" t="s">
        <v>28</v>
      </c>
      <c r="B415">
        <v>88760</v>
      </c>
      <c r="C415">
        <v>1</v>
      </c>
      <c r="D415" t="s">
        <v>12</v>
      </c>
      <c r="E415">
        <v>7.0000000000000007E-2</v>
      </c>
      <c r="F415">
        <v>0.56000000000000005</v>
      </c>
      <c r="G415">
        <v>0.35</v>
      </c>
    </row>
    <row r="416" spans="1:7" x14ac:dyDescent="0.25">
      <c r="A416" t="s">
        <v>28</v>
      </c>
      <c r="B416">
        <v>106870</v>
      </c>
      <c r="C416">
        <v>5</v>
      </c>
      <c r="D416" t="s">
        <v>24</v>
      </c>
      <c r="E416">
        <v>0.57999999999999996</v>
      </c>
      <c r="F416">
        <v>0.8</v>
      </c>
      <c r="G416">
        <v>0.31</v>
      </c>
    </row>
    <row r="417" spans="1:7" x14ac:dyDescent="0.25">
      <c r="A417" t="s">
        <v>9</v>
      </c>
      <c r="B417">
        <v>32147</v>
      </c>
      <c r="C417">
        <v>7</v>
      </c>
      <c r="D417" t="s">
        <v>24</v>
      </c>
      <c r="E417">
        <v>0.03</v>
      </c>
      <c r="F417">
        <v>1.1399999999999999</v>
      </c>
      <c r="G417">
        <v>0.12</v>
      </c>
    </row>
    <row r="418" spans="1:7" x14ac:dyDescent="0.25">
      <c r="A418" t="s">
        <v>13</v>
      </c>
      <c r="B418">
        <v>140463</v>
      </c>
      <c r="C418">
        <v>7</v>
      </c>
      <c r="D418" t="s">
        <v>8</v>
      </c>
      <c r="E418">
        <v>0.69</v>
      </c>
      <c r="F418">
        <v>1.45</v>
      </c>
      <c r="G418">
        <v>0.55000000000000004</v>
      </c>
    </row>
    <row r="419" spans="1:7" x14ac:dyDescent="0.25">
      <c r="A419" t="s">
        <v>27</v>
      </c>
      <c r="B419">
        <v>148623</v>
      </c>
      <c r="C419">
        <v>11</v>
      </c>
      <c r="D419" t="s">
        <v>24</v>
      </c>
      <c r="E419">
        <v>0.35</v>
      </c>
      <c r="F419">
        <v>0.94</v>
      </c>
      <c r="G419">
        <v>0.72</v>
      </c>
    </row>
    <row r="420" spans="1:7" x14ac:dyDescent="0.25">
      <c r="A420" t="s">
        <v>9</v>
      </c>
      <c r="B420">
        <v>49360</v>
      </c>
      <c r="C420">
        <v>25</v>
      </c>
      <c r="D420" t="s">
        <v>24</v>
      </c>
      <c r="E420">
        <v>0.44</v>
      </c>
      <c r="F420">
        <v>0.63</v>
      </c>
      <c r="G420">
        <v>0.12</v>
      </c>
    </row>
    <row r="421" spans="1:7" x14ac:dyDescent="0.25">
      <c r="A421" t="s">
        <v>20</v>
      </c>
      <c r="B421">
        <v>45605</v>
      </c>
      <c r="C421">
        <v>5</v>
      </c>
      <c r="D421" t="s">
        <v>8</v>
      </c>
      <c r="E421">
        <v>0.49</v>
      </c>
      <c r="F421">
        <v>1.43</v>
      </c>
      <c r="G421">
        <v>0.55000000000000004</v>
      </c>
    </row>
    <row r="422" spans="1:7" x14ac:dyDescent="0.25">
      <c r="A422" t="s">
        <v>20</v>
      </c>
      <c r="B422">
        <v>103953</v>
      </c>
      <c r="C422">
        <v>18</v>
      </c>
      <c r="D422" t="s">
        <v>8</v>
      </c>
      <c r="E422">
        <v>0.93</v>
      </c>
      <c r="F422">
        <v>0.63</v>
      </c>
      <c r="G422">
        <v>0.45</v>
      </c>
    </row>
    <row r="423" spans="1:7" x14ac:dyDescent="0.25">
      <c r="A423" t="s">
        <v>30</v>
      </c>
      <c r="B423">
        <v>76531</v>
      </c>
      <c r="C423">
        <v>4</v>
      </c>
      <c r="D423" t="s">
        <v>12</v>
      </c>
      <c r="E423">
        <v>0.97</v>
      </c>
      <c r="F423">
        <v>0.5</v>
      </c>
      <c r="G423">
        <v>0.47</v>
      </c>
    </row>
    <row r="424" spans="1:7" x14ac:dyDescent="0.25">
      <c r="A424" t="s">
        <v>11</v>
      </c>
      <c r="B424">
        <v>139198</v>
      </c>
      <c r="C424">
        <v>27</v>
      </c>
      <c r="D424" t="s">
        <v>10</v>
      </c>
      <c r="E424">
        <v>0.21</v>
      </c>
      <c r="F424">
        <v>1.43</v>
      </c>
      <c r="G424">
        <v>0.79</v>
      </c>
    </row>
    <row r="425" spans="1:7" x14ac:dyDescent="0.25">
      <c r="A425" t="s">
        <v>14</v>
      </c>
      <c r="B425">
        <v>111199</v>
      </c>
      <c r="C425">
        <v>0</v>
      </c>
      <c r="D425" t="s">
        <v>24</v>
      </c>
      <c r="E425">
        <v>0.12</v>
      </c>
      <c r="F425">
        <v>1.1299999999999999</v>
      </c>
      <c r="G425">
        <v>0.66</v>
      </c>
    </row>
    <row r="426" spans="1:7" x14ac:dyDescent="0.25">
      <c r="A426" t="s">
        <v>20</v>
      </c>
      <c r="B426">
        <v>65321</v>
      </c>
      <c r="C426">
        <v>19</v>
      </c>
      <c r="D426" t="s">
        <v>10</v>
      </c>
      <c r="E426">
        <v>0.22</v>
      </c>
      <c r="F426">
        <v>1.31</v>
      </c>
      <c r="G426">
        <v>0.39</v>
      </c>
    </row>
    <row r="427" spans="1:7" x14ac:dyDescent="0.25">
      <c r="A427" t="s">
        <v>21</v>
      </c>
      <c r="B427">
        <v>77218</v>
      </c>
      <c r="C427">
        <v>27</v>
      </c>
      <c r="D427" t="s">
        <v>12</v>
      </c>
      <c r="E427">
        <v>0.54</v>
      </c>
      <c r="F427">
        <v>1</v>
      </c>
      <c r="G427">
        <v>0.4</v>
      </c>
    </row>
    <row r="428" spans="1:7" x14ac:dyDescent="0.25">
      <c r="A428" t="s">
        <v>22</v>
      </c>
      <c r="B428">
        <v>39752</v>
      </c>
      <c r="C428">
        <v>1</v>
      </c>
      <c r="D428" t="s">
        <v>12</v>
      </c>
      <c r="E428">
        <v>0.77</v>
      </c>
      <c r="F428">
        <v>0.71</v>
      </c>
      <c r="G428">
        <v>0.43</v>
      </c>
    </row>
    <row r="429" spans="1:7" x14ac:dyDescent="0.25">
      <c r="A429" t="s">
        <v>15</v>
      </c>
      <c r="B429">
        <v>34792</v>
      </c>
      <c r="C429">
        <v>14</v>
      </c>
      <c r="D429" t="s">
        <v>24</v>
      </c>
      <c r="E429">
        <v>0.12</v>
      </c>
      <c r="F429">
        <v>1.1200000000000001</v>
      </c>
      <c r="G429">
        <v>0.28000000000000003</v>
      </c>
    </row>
    <row r="430" spans="1:7" x14ac:dyDescent="0.25">
      <c r="A430" t="s">
        <v>22</v>
      </c>
      <c r="B430">
        <v>44591</v>
      </c>
      <c r="C430">
        <v>29</v>
      </c>
      <c r="D430" t="s">
        <v>8</v>
      </c>
      <c r="E430">
        <v>0.26</v>
      </c>
      <c r="F430">
        <v>1.37</v>
      </c>
      <c r="G430">
        <v>0.35</v>
      </c>
    </row>
    <row r="431" spans="1:7" x14ac:dyDescent="0.25">
      <c r="A431" t="s">
        <v>22</v>
      </c>
      <c r="B431">
        <v>35424</v>
      </c>
      <c r="C431">
        <v>17</v>
      </c>
      <c r="D431" t="s">
        <v>12</v>
      </c>
      <c r="E431">
        <v>0.87</v>
      </c>
      <c r="F431">
        <v>1.0900000000000001</v>
      </c>
      <c r="G431">
        <v>0.35</v>
      </c>
    </row>
    <row r="432" spans="1:7" x14ac:dyDescent="0.25">
      <c r="A432" t="s">
        <v>22</v>
      </c>
      <c r="B432">
        <v>89789</v>
      </c>
      <c r="C432">
        <v>28</v>
      </c>
      <c r="D432" t="s">
        <v>24</v>
      </c>
      <c r="E432">
        <v>0.39</v>
      </c>
      <c r="F432">
        <v>1.35</v>
      </c>
      <c r="G432">
        <v>0.5</v>
      </c>
    </row>
    <row r="433" spans="1:7" x14ac:dyDescent="0.25">
      <c r="A433" t="s">
        <v>7</v>
      </c>
      <c r="B433">
        <v>38804</v>
      </c>
      <c r="C433">
        <v>1</v>
      </c>
      <c r="D433" t="s">
        <v>12</v>
      </c>
      <c r="E433">
        <v>0.33</v>
      </c>
      <c r="F433">
        <v>0.61</v>
      </c>
      <c r="G433">
        <v>0.76</v>
      </c>
    </row>
    <row r="434" spans="1:7" x14ac:dyDescent="0.25">
      <c r="A434" t="s">
        <v>30</v>
      </c>
      <c r="B434">
        <v>58400</v>
      </c>
      <c r="C434">
        <v>20</v>
      </c>
      <c r="D434" t="s">
        <v>10</v>
      </c>
      <c r="E434">
        <v>0.97</v>
      </c>
      <c r="F434">
        <v>0.88</v>
      </c>
      <c r="G434">
        <v>0.4</v>
      </c>
    </row>
    <row r="435" spans="1:7" x14ac:dyDescent="0.25">
      <c r="A435" t="s">
        <v>23</v>
      </c>
      <c r="B435">
        <v>129525</v>
      </c>
      <c r="C435">
        <v>12</v>
      </c>
      <c r="D435" t="s">
        <v>10</v>
      </c>
      <c r="E435">
        <v>0.74</v>
      </c>
      <c r="F435">
        <v>0.55000000000000004</v>
      </c>
      <c r="G435">
        <v>0.64</v>
      </c>
    </row>
    <row r="436" spans="1:7" x14ac:dyDescent="0.25">
      <c r="A436" t="s">
        <v>17</v>
      </c>
      <c r="B436">
        <v>145183</v>
      </c>
      <c r="C436">
        <v>23</v>
      </c>
      <c r="D436" t="s">
        <v>8</v>
      </c>
      <c r="E436">
        <v>0.94</v>
      </c>
      <c r="F436">
        <v>1.48</v>
      </c>
      <c r="G436">
        <v>0.14000000000000001</v>
      </c>
    </row>
    <row r="437" spans="1:7" x14ac:dyDescent="0.25">
      <c r="A437" t="s">
        <v>28</v>
      </c>
      <c r="B437">
        <v>82066</v>
      </c>
      <c r="C437">
        <v>10</v>
      </c>
      <c r="D437" t="s">
        <v>24</v>
      </c>
      <c r="E437">
        <v>1</v>
      </c>
      <c r="F437">
        <v>1.3</v>
      </c>
      <c r="G437">
        <v>0.61</v>
      </c>
    </row>
    <row r="438" spans="1:7" x14ac:dyDescent="0.25">
      <c r="A438" t="s">
        <v>23</v>
      </c>
      <c r="B438">
        <v>59059</v>
      </c>
      <c r="C438">
        <v>21</v>
      </c>
      <c r="D438" t="s">
        <v>8</v>
      </c>
      <c r="E438">
        <v>0.93</v>
      </c>
      <c r="F438">
        <v>1.1399999999999999</v>
      </c>
      <c r="G438">
        <v>0.62</v>
      </c>
    </row>
    <row r="439" spans="1:7" x14ac:dyDescent="0.25">
      <c r="A439" t="s">
        <v>9</v>
      </c>
      <c r="B439">
        <v>57499</v>
      </c>
      <c r="C439">
        <v>11</v>
      </c>
      <c r="D439" t="s">
        <v>24</v>
      </c>
      <c r="E439">
        <v>0.17</v>
      </c>
      <c r="F439">
        <v>1.22</v>
      </c>
      <c r="G439">
        <v>0.18</v>
      </c>
    </row>
    <row r="440" spans="1:7" x14ac:dyDescent="0.25">
      <c r="A440" t="s">
        <v>14</v>
      </c>
      <c r="B440">
        <v>122103</v>
      </c>
      <c r="C440">
        <v>8</v>
      </c>
      <c r="D440" t="s">
        <v>8</v>
      </c>
      <c r="E440">
        <v>0.2</v>
      </c>
      <c r="F440">
        <v>1.07</v>
      </c>
      <c r="G440">
        <v>0.56000000000000005</v>
      </c>
    </row>
    <row r="441" spans="1:7" x14ac:dyDescent="0.25">
      <c r="A441" t="s">
        <v>17</v>
      </c>
      <c r="B441">
        <v>47806</v>
      </c>
      <c r="C441">
        <v>22</v>
      </c>
      <c r="D441" t="s">
        <v>8</v>
      </c>
      <c r="E441">
        <v>0.51</v>
      </c>
      <c r="F441">
        <v>1</v>
      </c>
      <c r="G441">
        <v>0.08</v>
      </c>
    </row>
    <row r="442" spans="1:7" x14ac:dyDescent="0.25">
      <c r="A442" t="s">
        <v>20</v>
      </c>
      <c r="B442">
        <v>104702</v>
      </c>
      <c r="C442">
        <v>10</v>
      </c>
      <c r="D442" t="s">
        <v>10</v>
      </c>
      <c r="E442">
        <v>0.64</v>
      </c>
      <c r="F442">
        <v>0.64</v>
      </c>
      <c r="G442">
        <v>0.67</v>
      </c>
    </row>
    <row r="443" spans="1:7" x14ac:dyDescent="0.25">
      <c r="A443" t="s">
        <v>17</v>
      </c>
      <c r="B443">
        <v>37373</v>
      </c>
      <c r="C443">
        <v>17</v>
      </c>
      <c r="D443" t="s">
        <v>24</v>
      </c>
      <c r="E443">
        <v>0.79</v>
      </c>
      <c r="F443">
        <v>1.18</v>
      </c>
      <c r="G443">
        <v>0.27</v>
      </c>
    </row>
    <row r="444" spans="1:7" x14ac:dyDescent="0.25">
      <c r="A444" t="s">
        <v>23</v>
      </c>
      <c r="B444">
        <v>98519</v>
      </c>
      <c r="C444">
        <v>27</v>
      </c>
      <c r="D444" t="s">
        <v>10</v>
      </c>
      <c r="E444">
        <v>0.81</v>
      </c>
      <c r="F444">
        <v>0.88</v>
      </c>
      <c r="G444">
        <v>0.32</v>
      </c>
    </row>
    <row r="445" spans="1:7" x14ac:dyDescent="0.25">
      <c r="A445" t="s">
        <v>25</v>
      </c>
      <c r="B445">
        <v>72578</v>
      </c>
      <c r="C445">
        <v>15</v>
      </c>
      <c r="D445" t="s">
        <v>10</v>
      </c>
      <c r="E445">
        <v>0.35</v>
      </c>
      <c r="F445">
        <v>0.92</v>
      </c>
      <c r="G445">
        <v>0.8</v>
      </c>
    </row>
    <row r="446" spans="1:7" x14ac:dyDescent="0.25">
      <c r="A446" t="s">
        <v>7</v>
      </c>
      <c r="B446">
        <v>94280</v>
      </c>
      <c r="C446">
        <v>18</v>
      </c>
      <c r="D446" t="s">
        <v>24</v>
      </c>
      <c r="E446">
        <v>0.89</v>
      </c>
      <c r="F446">
        <v>0.79</v>
      </c>
      <c r="G446">
        <v>0.78</v>
      </c>
    </row>
    <row r="447" spans="1:7" x14ac:dyDescent="0.25">
      <c r="A447" t="s">
        <v>21</v>
      </c>
      <c r="B447">
        <v>43777</v>
      </c>
      <c r="C447">
        <v>10</v>
      </c>
      <c r="D447" t="s">
        <v>12</v>
      </c>
      <c r="E447">
        <v>0.9</v>
      </c>
      <c r="F447">
        <v>0.55000000000000004</v>
      </c>
      <c r="G447">
        <v>0.65</v>
      </c>
    </row>
    <row r="448" spans="1:7" x14ac:dyDescent="0.25">
      <c r="A448" t="s">
        <v>29</v>
      </c>
      <c r="B448">
        <v>81040</v>
      </c>
      <c r="C448">
        <v>14</v>
      </c>
      <c r="D448" t="s">
        <v>8</v>
      </c>
      <c r="E448">
        <v>0.85</v>
      </c>
      <c r="F448">
        <v>1.04</v>
      </c>
      <c r="G448">
        <v>0.25</v>
      </c>
    </row>
    <row r="449" spans="1:7" x14ac:dyDescent="0.25">
      <c r="A449" t="s">
        <v>28</v>
      </c>
      <c r="B449">
        <v>97313</v>
      </c>
      <c r="C449">
        <v>6</v>
      </c>
      <c r="D449" t="s">
        <v>10</v>
      </c>
      <c r="E449">
        <v>0.72</v>
      </c>
      <c r="F449">
        <v>1.49</v>
      </c>
      <c r="G449">
        <v>0.57999999999999996</v>
      </c>
    </row>
    <row r="450" spans="1:7" x14ac:dyDescent="0.25">
      <c r="A450" t="s">
        <v>16</v>
      </c>
      <c r="B450">
        <v>59092</v>
      </c>
      <c r="C450">
        <v>26</v>
      </c>
      <c r="D450" t="s">
        <v>24</v>
      </c>
      <c r="E450">
        <v>0.01</v>
      </c>
      <c r="F450">
        <v>0.86</v>
      </c>
      <c r="G450">
        <v>0.54</v>
      </c>
    </row>
    <row r="451" spans="1:7" x14ac:dyDescent="0.25">
      <c r="A451" t="s">
        <v>20</v>
      </c>
      <c r="B451">
        <v>66613</v>
      </c>
      <c r="C451">
        <v>23</v>
      </c>
      <c r="D451" t="s">
        <v>8</v>
      </c>
      <c r="E451">
        <v>0.71</v>
      </c>
      <c r="F451">
        <v>0.86</v>
      </c>
      <c r="G451">
        <v>0.33</v>
      </c>
    </row>
    <row r="452" spans="1:7" x14ac:dyDescent="0.25">
      <c r="A452" t="s">
        <v>9</v>
      </c>
      <c r="B452">
        <v>40292</v>
      </c>
      <c r="C452">
        <v>25</v>
      </c>
      <c r="D452" t="s">
        <v>10</v>
      </c>
      <c r="E452">
        <v>0.09</v>
      </c>
      <c r="F452">
        <v>0.63</v>
      </c>
      <c r="G452">
        <v>0.15</v>
      </c>
    </row>
    <row r="453" spans="1:7" x14ac:dyDescent="0.25">
      <c r="A453" t="s">
        <v>29</v>
      </c>
      <c r="B453">
        <v>111335</v>
      </c>
      <c r="C453">
        <v>0</v>
      </c>
      <c r="D453" t="s">
        <v>8</v>
      </c>
      <c r="E453">
        <v>0.27</v>
      </c>
      <c r="F453">
        <v>1.5</v>
      </c>
      <c r="G453">
        <v>0.09</v>
      </c>
    </row>
    <row r="454" spans="1:7" x14ac:dyDescent="0.25">
      <c r="A454" t="s">
        <v>9</v>
      </c>
      <c r="B454">
        <v>86747</v>
      </c>
      <c r="C454">
        <v>16</v>
      </c>
      <c r="D454" t="s">
        <v>8</v>
      </c>
      <c r="E454">
        <v>0.54</v>
      </c>
      <c r="F454">
        <v>1.1299999999999999</v>
      </c>
      <c r="G454">
        <v>0.11</v>
      </c>
    </row>
    <row r="455" spans="1:7" x14ac:dyDescent="0.25">
      <c r="A455" t="s">
        <v>28</v>
      </c>
      <c r="B455">
        <v>129318</v>
      </c>
      <c r="C455">
        <v>20</v>
      </c>
      <c r="D455" t="s">
        <v>8</v>
      </c>
      <c r="E455">
        <v>0.57999999999999996</v>
      </c>
      <c r="F455">
        <v>1.45</v>
      </c>
      <c r="G455">
        <v>0.32</v>
      </c>
    </row>
    <row r="456" spans="1:7" x14ac:dyDescent="0.25">
      <c r="A456" t="s">
        <v>29</v>
      </c>
      <c r="B456">
        <v>38789</v>
      </c>
      <c r="C456">
        <v>29</v>
      </c>
      <c r="D456" t="s">
        <v>24</v>
      </c>
      <c r="E456">
        <v>0.65</v>
      </c>
      <c r="F456">
        <v>1.23</v>
      </c>
      <c r="G456">
        <v>0.21</v>
      </c>
    </row>
    <row r="457" spans="1:7" x14ac:dyDescent="0.25">
      <c r="A457" t="s">
        <v>20</v>
      </c>
      <c r="B457">
        <v>85823</v>
      </c>
      <c r="C457">
        <v>16</v>
      </c>
      <c r="D457" t="s">
        <v>12</v>
      </c>
      <c r="E457">
        <v>0.66</v>
      </c>
      <c r="F457">
        <v>1.02</v>
      </c>
      <c r="G457">
        <v>0.31</v>
      </c>
    </row>
    <row r="458" spans="1:7" x14ac:dyDescent="0.25">
      <c r="A458" t="s">
        <v>15</v>
      </c>
      <c r="B458">
        <v>123286</v>
      </c>
      <c r="C458">
        <v>17</v>
      </c>
      <c r="D458" t="s">
        <v>12</v>
      </c>
      <c r="E458">
        <v>0.8</v>
      </c>
      <c r="F458">
        <v>0.77</v>
      </c>
      <c r="G458">
        <v>0.27</v>
      </c>
    </row>
    <row r="459" spans="1:7" x14ac:dyDescent="0.25">
      <c r="A459" t="s">
        <v>14</v>
      </c>
      <c r="B459">
        <v>63161</v>
      </c>
      <c r="C459">
        <v>23</v>
      </c>
      <c r="D459" t="s">
        <v>24</v>
      </c>
      <c r="E459">
        <v>0.49</v>
      </c>
      <c r="F459">
        <v>0.57999999999999996</v>
      </c>
      <c r="G459">
        <v>0.55000000000000004</v>
      </c>
    </row>
    <row r="460" spans="1:7" x14ac:dyDescent="0.25">
      <c r="A460" t="s">
        <v>22</v>
      </c>
      <c r="B460">
        <v>103889</v>
      </c>
      <c r="C460">
        <v>10</v>
      </c>
      <c r="D460" t="s">
        <v>24</v>
      </c>
      <c r="E460">
        <v>0.62</v>
      </c>
      <c r="F460">
        <v>0.93</v>
      </c>
      <c r="G460">
        <v>0.42</v>
      </c>
    </row>
    <row r="461" spans="1:7" x14ac:dyDescent="0.25">
      <c r="A461" t="s">
        <v>29</v>
      </c>
      <c r="B461">
        <v>135584</v>
      </c>
      <c r="C461">
        <v>11</v>
      </c>
      <c r="D461" t="s">
        <v>10</v>
      </c>
      <c r="E461">
        <v>0.69</v>
      </c>
      <c r="F461">
        <v>1.38</v>
      </c>
      <c r="G461">
        <v>0.28999999999999998</v>
      </c>
    </row>
    <row r="462" spans="1:7" x14ac:dyDescent="0.25">
      <c r="A462" t="s">
        <v>13</v>
      </c>
      <c r="B462">
        <v>50968</v>
      </c>
      <c r="C462">
        <v>29</v>
      </c>
      <c r="D462" t="s">
        <v>12</v>
      </c>
      <c r="E462">
        <v>0.65</v>
      </c>
      <c r="F462">
        <v>1.25</v>
      </c>
      <c r="G462">
        <v>0.55000000000000004</v>
      </c>
    </row>
    <row r="463" spans="1:7" x14ac:dyDescent="0.25">
      <c r="A463" t="s">
        <v>16</v>
      </c>
      <c r="B463">
        <v>137814</v>
      </c>
      <c r="C463">
        <v>16</v>
      </c>
      <c r="D463" t="s">
        <v>8</v>
      </c>
      <c r="E463">
        <v>0.28000000000000003</v>
      </c>
      <c r="F463">
        <v>0.56999999999999995</v>
      </c>
      <c r="G463">
        <v>0.57999999999999996</v>
      </c>
    </row>
    <row r="464" spans="1:7" x14ac:dyDescent="0.25">
      <c r="A464" t="s">
        <v>16</v>
      </c>
      <c r="B464">
        <v>83015</v>
      </c>
      <c r="C464">
        <v>10</v>
      </c>
      <c r="D464" t="s">
        <v>12</v>
      </c>
      <c r="E464">
        <v>0.04</v>
      </c>
      <c r="F464">
        <v>1.1599999999999999</v>
      </c>
      <c r="G464">
        <v>0.41</v>
      </c>
    </row>
    <row r="465" spans="1:7" x14ac:dyDescent="0.25">
      <c r="A465" t="s">
        <v>22</v>
      </c>
      <c r="B465">
        <v>86862</v>
      </c>
      <c r="C465">
        <v>1</v>
      </c>
      <c r="D465" t="s">
        <v>24</v>
      </c>
      <c r="E465">
        <v>0.21</v>
      </c>
      <c r="F465">
        <v>1.04</v>
      </c>
      <c r="G465">
        <v>0.59</v>
      </c>
    </row>
    <row r="466" spans="1:7" x14ac:dyDescent="0.25">
      <c r="A466" t="s">
        <v>29</v>
      </c>
      <c r="B466">
        <v>115501</v>
      </c>
      <c r="C466">
        <v>10</v>
      </c>
      <c r="D466" t="s">
        <v>8</v>
      </c>
      <c r="E466">
        <v>0.93</v>
      </c>
      <c r="F466">
        <v>0.51</v>
      </c>
      <c r="G466">
        <v>7.0000000000000007E-2</v>
      </c>
    </row>
    <row r="467" spans="1:7" x14ac:dyDescent="0.25">
      <c r="A467" t="s">
        <v>16</v>
      </c>
      <c r="B467">
        <v>141768</v>
      </c>
      <c r="C467">
        <v>0</v>
      </c>
      <c r="D467" t="s">
        <v>8</v>
      </c>
      <c r="E467">
        <v>0.56000000000000005</v>
      </c>
      <c r="F467">
        <v>1</v>
      </c>
      <c r="G467">
        <v>0.36</v>
      </c>
    </row>
    <row r="468" spans="1:7" x14ac:dyDescent="0.25">
      <c r="A468" t="s">
        <v>27</v>
      </c>
      <c r="B468">
        <v>53524</v>
      </c>
      <c r="C468">
        <v>25</v>
      </c>
      <c r="D468" t="s">
        <v>10</v>
      </c>
      <c r="E468">
        <v>0.24</v>
      </c>
      <c r="F468">
        <v>0.82</v>
      </c>
      <c r="G468">
        <v>0.75</v>
      </c>
    </row>
    <row r="469" spans="1:7" x14ac:dyDescent="0.25">
      <c r="A469" t="s">
        <v>26</v>
      </c>
      <c r="B469">
        <v>38419</v>
      </c>
      <c r="C469">
        <v>16</v>
      </c>
      <c r="D469" t="s">
        <v>12</v>
      </c>
      <c r="E469">
        <v>0.08</v>
      </c>
      <c r="F469">
        <v>1.21</v>
      </c>
      <c r="G469">
        <v>0.28000000000000003</v>
      </c>
    </row>
    <row r="470" spans="1:7" x14ac:dyDescent="0.25">
      <c r="A470" t="s">
        <v>23</v>
      </c>
      <c r="B470">
        <v>94800</v>
      </c>
      <c r="C470">
        <v>4</v>
      </c>
      <c r="D470" t="s">
        <v>10</v>
      </c>
      <c r="E470">
        <v>0.19</v>
      </c>
      <c r="F470">
        <v>1.29</v>
      </c>
      <c r="G470">
        <v>0.48</v>
      </c>
    </row>
    <row r="471" spans="1:7" x14ac:dyDescent="0.25">
      <c r="A471" t="s">
        <v>21</v>
      </c>
      <c r="B471">
        <v>111976</v>
      </c>
      <c r="C471">
        <v>22</v>
      </c>
      <c r="D471" t="s">
        <v>12</v>
      </c>
      <c r="E471">
        <v>0.37</v>
      </c>
      <c r="F471">
        <v>1.31</v>
      </c>
      <c r="G471">
        <v>0.51</v>
      </c>
    </row>
    <row r="472" spans="1:7" x14ac:dyDescent="0.25">
      <c r="A472" t="s">
        <v>11</v>
      </c>
      <c r="B472">
        <v>67909</v>
      </c>
      <c r="C472">
        <v>8</v>
      </c>
      <c r="D472" t="s">
        <v>12</v>
      </c>
      <c r="E472">
        <v>0.2</v>
      </c>
      <c r="F472">
        <v>0.87</v>
      </c>
      <c r="G472">
        <v>0.83</v>
      </c>
    </row>
    <row r="473" spans="1:7" x14ac:dyDescent="0.25">
      <c r="A473" t="s">
        <v>15</v>
      </c>
      <c r="B473">
        <v>46934</v>
      </c>
      <c r="C473">
        <v>6</v>
      </c>
      <c r="D473" t="s">
        <v>24</v>
      </c>
      <c r="E473">
        <v>0.41</v>
      </c>
      <c r="F473">
        <v>0.64</v>
      </c>
      <c r="G473">
        <v>0.22</v>
      </c>
    </row>
    <row r="474" spans="1:7" x14ac:dyDescent="0.25">
      <c r="A474" t="s">
        <v>14</v>
      </c>
      <c r="B474">
        <v>41586</v>
      </c>
      <c r="C474">
        <v>23</v>
      </c>
      <c r="D474" t="s">
        <v>24</v>
      </c>
      <c r="E474">
        <v>0.27</v>
      </c>
      <c r="F474">
        <v>0.91</v>
      </c>
      <c r="G474">
        <v>0.66</v>
      </c>
    </row>
    <row r="475" spans="1:7" x14ac:dyDescent="0.25">
      <c r="A475" t="s">
        <v>14</v>
      </c>
      <c r="B475">
        <v>77013</v>
      </c>
      <c r="C475">
        <v>29</v>
      </c>
      <c r="D475" t="s">
        <v>8</v>
      </c>
      <c r="E475">
        <v>0.13</v>
      </c>
      <c r="F475">
        <v>0.8</v>
      </c>
      <c r="G475">
        <v>0.53</v>
      </c>
    </row>
    <row r="476" spans="1:7" x14ac:dyDescent="0.25">
      <c r="A476" t="s">
        <v>20</v>
      </c>
      <c r="B476">
        <v>133693</v>
      </c>
      <c r="C476">
        <v>3</v>
      </c>
      <c r="D476" t="s">
        <v>12</v>
      </c>
      <c r="E476">
        <v>0.25</v>
      </c>
      <c r="F476">
        <v>0.56000000000000005</v>
      </c>
      <c r="G476">
        <v>0.35</v>
      </c>
    </row>
    <row r="477" spans="1:7" x14ac:dyDescent="0.25">
      <c r="A477" t="s">
        <v>9</v>
      </c>
      <c r="B477">
        <v>78825</v>
      </c>
      <c r="C477">
        <v>21</v>
      </c>
      <c r="D477" t="s">
        <v>24</v>
      </c>
      <c r="E477">
        <v>0.37</v>
      </c>
      <c r="F477">
        <v>0.85</v>
      </c>
      <c r="G477">
        <v>0.19</v>
      </c>
    </row>
    <row r="478" spans="1:7" x14ac:dyDescent="0.25">
      <c r="A478" t="s">
        <v>13</v>
      </c>
      <c r="B478">
        <v>131505</v>
      </c>
      <c r="C478">
        <v>16</v>
      </c>
      <c r="D478" t="s">
        <v>24</v>
      </c>
      <c r="E478">
        <v>0.56999999999999995</v>
      </c>
      <c r="F478">
        <v>1.25</v>
      </c>
      <c r="G478">
        <v>0.45</v>
      </c>
    </row>
    <row r="479" spans="1:7" x14ac:dyDescent="0.25">
      <c r="A479" t="s">
        <v>27</v>
      </c>
      <c r="B479">
        <v>90107</v>
      </c>
      <c r="C479">
        <v>9</v>
      </c>
      <c r="D479" t="s">
        <v>24</v>
      </c>
      <c r="E479">
        <v>0.86</v>
      </c>
      <c r="F479">
        <v>0.92</v>
      </c>
      <c r="G479">
        <v>0.72</v>
      </c>
    </row>
    <row r="480" spans="1:7" x14ac:dyDescent="0.25">
      <c r="A480" t="s">
        <v>18</v>
      </c>
      <c r="B480">
        <v>71916</v>
      </c>
      <c r="C480">
        <v>28</v>
      </c>
      <c r="D480" t="s">
        <v>10</v>
      </c>
      <c r="E480">
        <v>0.96</v>
      </c>
      <c r="F480">
        <v>1.31</v>
      </c>
      <c r="G480">
        <v>0.48</v>
      </c>
    </row>
    <row r="481" spans="1:7" x14ac:dyDescent="0.25">
      <c r="A481" t="s">
        <v>25</v>
      </c>
      <c r="B481">
        <v>129794</v>
      </c>
      <c r="C481">
        <v>8</v>
      </c>
      <c r="D481" t="s">
        <v>24</v>
      </c>
      <c r="E481">
        <v>0.56999999999999995</v>
      </c>
      <c r="F481">
        <v>1.36</v>
      </c>
      <c r="G481">
        <v>0.82</v>
      </c>
    </row>
    <row r="482" spans="1:7" x14ac:dyDescent="0.25">
      <c r="A482" t="s">
        <v>9</v>
      </c>
      <c r="B482">
        <v>82186</v>
      </c>
      <c r="C482">
        <v>8</v>
      </c>
      <c r="D482" t="s">
        <v>10</v>
      </c>
      <c r="E482">
        <v>0.18</v>
      </c>
      <c r="F482">
        <v>1.42</v>
      </c>
      <c r="G482">
        <v>0.17</v>
      </c>
    </row>
    <row r="483" spans="1:7" x14ac:dyDescent="0.25">
      <c r="A483" t="s">
        <v>28</v>
      </c>
      <c r="B483">
        <v>72531</v>
      </c>
      <c r="C483">
        <v>15</v>
      </c>
      <c r="D483" t="s">
        <v>24</v>
      </c>
      <c r="E483">
        <v>0.51</v>
      </c>
      <c r="F483">
        <v>1.31</v>
      </c>
      <c r="G483">
        <v>0.32</v>
      </c>
    </row>
    <row r="484" spans="1:7" x14ac:dyDescent="0.25">
      <c r="A484" t="s">
        <v>11</v>
      </c>
      <c r="B484">
        <v>127596</v>
      </c>
      <c r="C484">
        <v>19</v>
      </c>
      <c r="D484" t="s">
        <v>10</v>
      </c>
      <c r="E484">
        <v>0.87</v>
      </c>
      <c r="F484">
        <v>1.44</v>
      </c>
      <c r="G484">
        <v>0.9</v>
      </c>
    </row>
    <row r="485" spans="1:7" x14ac:dyDescent="0.25">
      <c r="A485" t="s">
        <v>25</v>
      </c>
      <c r="B485">
        <v>124826</v>
      </c>
      <c r="C485">
        <v>16</v>
      </c>
      <c r="D485" t="s">
        <v>12</v>
      </c>
      <c r="E485">
        <v>0.53</v>
      </c>
      <c r="F485">
        <v>0.56000000000000005</v>
      </c>
      <c r="G485">
        <v>0.73</v>
      </c>
    </row>
    <row r="486" spans="1:7" x14ac:dyDescent="0.25">
      <c r="A486" t="s">
        <v>17</v>
      </c>
      <c r="B486">
        <v>48320</v>
      </c>
      <c r="C486">
        <v>10</v>
      </c>
      <c r="D486" t="s">
        <v>12</v>
      </c>
      <c r="E486">
        <v>0.8</v>
      </c>
      <c r="F486">
        <v>0.98</v>
      </c>
      <c r="G486">
        <v>0.08</v>
      </c>
    </row>
    <row r="487" spans="1:7" x14ac:dyDescent="0.25">
      <c r="A487" t="s">
        <v>14</v>
      </c>
      <c r="B487">
        <v>62449</v>
      </c>
      <c r="C487">
        <v>9</v>
      </c>
      <c r="D487" t="s">
        <v>8</v>
      </c>
      <c r="E487">
        <v>0.12</v>
      </c>
      <c r="F487">
        <v>1.46</v>
      </c>
      <c r="G487">
        <v>0.42</v>
      </c>
    </row>
    <row r="488" spans="1:7" x14ac:dyDescent="0.25">
      <c r="A488" t="s">
        <v>7</v>
      </c>
      <c r="B488">
        <v>84097</v>
      </c>
      <c r="C488">
        <v>24</v>
      </c>
      <c r="D488" t="s">
        <v>8</v>
      </c>
      <c r="E488">
        <v>0.72</v>
      </c>
      <c r="F488">
        <v>1.25</v>
      </c>
      <c r="G488">
        <v>0.83</v>
      </c>
    </row>
    <row r="489" spans="1:7" x14ac:dyDescent="0.25">
      <c r="A489" t="s">
        <v>11</v>
      </c>
      <c r="B489">
        <v>64629</v>
      </c>
      <c r="C489">
        <v>28</v>
      </c>
      <c r="D489" t="s">
        <v>8</v>
      </c>
      <c r="E489">
        <v>0.63</v>
      </c>
      <c r="F489">
        <v>0.78</v>
      </c>
      <c r="G489">
        <v>0.93</v>
      </c>
    </row>
    <row r="490" spans="1:7" x14ac:dyDescent="0.25">
      <c r="A490" t="s">
        <v>28</v>
      </c>
      <c r="B490">
        <v>38859</v>
      </c>
      <c r="C490">
        <v>12</v>
      </c>
      <c r="D490" t="s">
        <v>12</v>
      </c>
      <c r="E490">
        <v>0.5</v>
      </c>
      <c r="F490">
        <v>0.57999999999999996</v>
      </c>
      <c r="G490">
        <v>0.55000000000000004</v>
      </c>
    </row>
    <row r="491" spans="1:7" x14ac:dyDescent="0.25">
      <c r="A491" t="s">
        <v>28</v>
      </c>
      <c r="B491">
        <v>40082</v>
      </c>
      <c r="C491">
        <v>29</v>
      </c>
      <c r="D491" t="s">
        <v>8</v>
      </c>
      <c r="E491">
        <v>0.94</v>
      </c>
      <c r="F491">
        <v>1.43</v>
      </c>
      <c r="G491">
        <v>0.38</v>
      </c>
    </row>
    <row r="492" spans="1:7" x14ac:dyDescent="0.25">
      <c r="A492" t="s">
        <v>20</v>
      </c>
      <c r="B492">
        <v>136153</v>
      </c>
      <c r="C492">
        <v>25</v>
      </c>
      <c r="D492" t="s">
        <v>8</v>
      </c>
      <c r="E492">
        <v>0.32</v>
      </c>
      <c r="F492">
        <v>0.92</v>
      </c>
      <c r="G492">
        <v>0.39</v>
      </c>
    </row>
    <row r="493" spans="1:7" x14ac:dyDescent="0.25">
      <c r="A493" t="s">
        <v>11</v>
      </c>
      <c r="B493">
        <v>70612</v>
      </c>
      <c r="C493">
        <v>10</v>
      </c>
      <c r="D493" t="s">
        <v>8</v>
      </c>
      <c r="E493">
        <v>0.93</v>
      </c>
      <c r="F493">
        <v>1.1499999999999999</v>
      </c>
      <c r="G493">
        <v>0.79</v>
      </c>
    </row>
    <row r="494" spans="1:7" x14ac:dyDescent="0.25">
      <c r="A494" t="s">
        <v>13</v>
      </c>
      <c r="B494">
        <v>118444</v>
      </c>
      <c r="C494">
        <v>8</v>
      </c>
      <c r="D494" t="s">
        <v>8</v>
      </c>
      <c r="E494">
        <v>0.38</v>
      </c>
      <c r="F494">
        <v>0.78</v>
      </c>
      <c r="G494">
        <v>0.59</v>
      </c>
    </row>
    <row r="495" spans="1:7" x14ac:dyDescent="0.25">
      <c r="A495" t="s">
        <v>9</v>
      </c>
      <c r="B495">
        <v>94204</v>
      </c>
      <c r="C495">
        <v>25</v>
      </c>
      <c r="D495" t="s">
        <v>24</v>
      </c>
      <c r="E495">
        <v>0.59</v>
      </c>
      <c r="F495">
        <v>1.04</v>
      </c>
      <c r="G495">
        <v>0.05</v>
      </c>
    </row>
    <row r="496" spans="1:7" x14ac:dyDescent="0.25">
      <c r="A496" t="s">
        <v>26</v>
      </c>
      <c r="B496">
        <v>39852</v>
      </c>
      <c r="C496">
        <v>11</v>
      </c>
      <c r="D496" t="s">
        <v>12</v>
      </c>
      <c r="E496">
        <v>0.89</v>
      </c>
      <c r="F496">
        <v>1.1399999999999999</v>
      </c>
      <c r="G496">
        <v>0.15</v>
      </c>
    </row>
    <row r="497" spans="1:7" x14ac:dyDescent="0.25">
      <c r="A497" t="s">
        <v>29</v>
      </c>
      <c r="B497">
        <v>144476</v>
      </c>
      <c r="C497">
        <v>29</v>
      </c>
      <c r="D497" t="s">
        <v>12</v>
      </c>
      <c r="E497">
        <v>0.41</v>
      </c>
      <c r="F497">
        <v>0.61</v>
      </c>
      <c r="G497">
        <v>7.0000000000000007E-2</v>
      </c>
    </row>
    <row r="498" spans="1:7" x14ac:dyDescent="0.25">
      <c r="A498" t="s">
        <v>13</v>
      </c>
      <c r="B498">
        <v>128336</v>
      </c>
      <c r="C498">
        <v>7</v>
      </c>
      <c r="D498" t="s">
        <v>12</v>
      </c>
      <c r="E498">
        <v>0.35</v>
      </c>
      <c r="F498">
        <v>0.83</v>
      </c>
      <c r="G498">
        <v>0.49</v>
      </c>
    </row>
    <row r="499" spans="1:7" x14ac:dyDescent="0.25">
      <c r="A499" t="s">
        <v>18</v>
      </c>
      <c r="B499">
        <v>77598</v>
      </c>
      <c r="C499">
        <v>8</v>
      </c>
      <c r="D499" t="s">
        <v>24</v>
      </c>
      <c r="E499">
        <v>0.46</v>
      </c>
      <c r="F499">
        <v>1.21</v>
      </c>
      <c r="G499">
        <v>0.63</v>
      </c>
    </row>
    <row r="500" spans="1:7" x14ac:dyDescent="0.25">
      <c r="A500" t="s">
        <v>9</v>
      </c>
      <c r="B500">
        <v>60628</v>
      </c>
      <c r="C500">
        <v>2</v>
      </c>
      <c r="D500" t="s">
        <v>12</v>
      </c>
      <c r="E500">
        <v>0.02</v>
      </c>
      <c r="F500">
        <v>0.67</v>
      </c>
      <c r="G500">
        <v>0.2</v>
      </c>
    </row>
    <row r="501" spans="1:7" x14ac:dyDescent="0.25">
      <c r="A501" t="s">
        <v>22</v>
      </c>
      <c r="B501">
        <v>96188</v>
      </c>
      <c r="C501">
        <v>7</v>
      </c>
      <c r="D501" t="s">
        <v>12</v>
      </c>
      <c r="E501">
        <v>0.4</v>
      </c>
      <c r="F501">
        <v>0.57999999999999996</v>
      </c>
      <c r="G501">
        <v>0.59</v>
      </c>
    </row>
    <row r="502" spans="1:7" x14ac:dyDescent="0.25">
      <c r="A502" t="s">
        <v>30</v>
      </c>
      <c r="B502">
        <v>42516</v>
      </c>
      <c r="C502">
        <v>19</v>
      </c>
      <c r="D502" t="s">
        <v>12</v>
      </c>
      <c r="E502">
        <v>0.27</v>
      </c>
      <c r="F502">
        <v>1.0900000000000001</v>
      </c>
      <c r="G502">
        <v>0.5</v>
      </c>
    </row>
    <row r="503" spans="1:7" x14ac:dyDescent="0.25">
      <c r="A503" t="s">
        <v>15</v>
      </c>
      <c r="B503">
        <v>54722</v>
      </c>
      <c r="C503">
        <v>22</v>
      </c>
      <c r="D503" t="s">
        <v>12</v>
      </c>
      <c r="E503">
        <v>0.27</v>
      </c>
      <c r="F503">
        <v>0.96</v>
      </c>
      <c r="G503">
        <v>0.27</v>
      </c>
    </row>
    <row r="504" spans="1:7" x14ac:dyDescent="0.25">
      <c r="A504" t="s">
        <v>21</v>
      </c>
      <c r="B504">
        <v>58743</v>
      </c>
      <c r="C504">
        <v>1</v>
      </c>
      <c r="D504" t="s">
        <v>10</v>
      </c>
      <c r="E504">
        <v>0.24</v>
      </c>
      <c r="F504">
        <v>1.42</v>
      </c>
      <c r="G504">
        <v>0.51</v>
      </c>
    </row>
    <row r="505" spans="1:7" x14ac:dyDescent="0.25">
      <c r="A505" t="s">
        <v>26</v>
      </c>
      <c r="B505">
        <v>31695</v>
      </c>
      <c r="C505">
        <v>19</v>
      </c>
      <c r="D505" t="s">
        <v>10</v>
      </c>
      <c r="E505">
        <v>0.43</v>
      </c>
      <c r="F505">
        <v>0.98</v>
      </c>
      <c r="G505">
        <v>0.21</v>
      </c>
    </row>
    <row r="506" spans="1:7" x14ac:dyDescent="0.25">
      <c r="A506" t="s">
        <v>19</v>
      </c>
      <c r="B506">
        <v>93294</v>
      </c>
      <c r="C506">
        <v>4</v>
      </c>
      <c r="D506" t="s">
        <v>10</v>
      </c>
      <c r="E506">
        <v>0.84</v>
      </c>
      <c r="F506">
        <v>0.54</v>
      </c>
      <c r="G506">
        <v>0.76</v>
      </c>
    </row>
    <row r="507" spans="1:7" x14ac:dyDescent="0.25">
      <c r="A507" t="s">
        <v>9</v>
      </c>
      <c r="B507">
        <v>116310</v>
      </c>
      <c r="C507">
        <v>27</v>
      </c>
      <c r="D507" t="s">
        <v>12</v>
      </c>
      <c r="E507">
        <v>0.72</v>
      </c>
      <c r="F507">
        <v>1.42</v>
      </c>
      <c r="G507">
        <v>0.15</v>
      </c>
    </row>
    <row r="508" spans="1:7" x14ac:dyDescent="0.25">
      <c r="A508" t="s">
        <v>29</v>
      </c>
      <c r="B508">
        <v>60615</v>
      </c>
      <c r="C508">
        <v>18</v>
      </c>
      <c r="D508" t="s">
        <v>8</v>
      </c>
      <c r="E508">
        <v>0.41</v>
      </c>
      <c r="F508">
        <v>0.98</v>
      </c>
      <c r="G508">
        <v>7.0000000000000007E-2</v>
      </c>
    </row>
    <row r="509" spans="1:7" x14ac:dyDescent="0.25">
      <c r="A509" t="s">
        <v>22</v>
      </c>
      <c r="B509">
        <v>64568</v>
      </c>
      <c r="C509">
        <v>6</v>
      </c>
      <c r="D509" t="s">
        <v>12</v>
      </c>
      <c r="E509">
        <v>0.74</v>
      </c>
      <c r="F509">
        <v>1.27</v>
      </c>
      <c r="G509">
        <v>0.56000000000000005</v>
      </c>
    </row>
    <row r="510" spans="1:7" x14ac:dyDescent="0.25">
      <c r="A510" t="s">
        <v>9</v>
      </c>
      <c r="B510">
        <v>34507</v>
      </c>
      <c r="C510">
        <v>20</v>
      </c>
      <c r="D510" t="s">
        <v>24</v>
      </c>
      <c r="E510">
        <v>0.89</v>
      </c>
      <c r="F510">
        <v>0.77</v>
      </c>
      <c r="G510">
        <v>0.26</v>
      </c>
    </row>
    <row r="511" spans="1:7" x14ac:dyDescent="0.25">
      <c r="A511" t="s">
        <v>29</v>
      </c>
      <c r="B511">
        <v>58343</v>
      </c>
      <c r="C511">
        <v>26</v>
      </c>
      <c r="D511" t="s">
        <v>10</v>
      </c>
      <c r="E511">
        <v>0.46</v>
      </c>
      <c r="F511">
        <v>0.76</v>
      </c>
      <c r="G511">
        <v>0.11</v>
      </c>
    </row>
    <row r="512" spans="1:7" x14ac:dyDescent="0.25">
      <c r="A512" t="s">
        <v>9</v>
      </c>
      <c r="B512">
        <v>84544</v>
      </c>
      <c r="C512">
        <v>3</v>
      </c>
      <c r="D512" t="s">
        <v>12</v>
      </c>
      <c r="E512">
        <v>0.41</v>
      </c>
      <c r="F512">
        <v>1.28</v>
      </c>
      <c r="G512">
        <v>0.24</v>
      </c>
    </row>
    <row r="513" spans="1:7" x14ac:dyDescent="0.25">
      <c r="A513" t="s">
        <v>29</v>
      </c>
      <c r="B513">
        <v>112790</v>
      </c>
      <c r="C513">
        <v>2</v>
      </c>
      <c r="D513" t="s">
        <v>8</v>
      </c>
      <c r="E513">
        <v>0.54</v>
      </c>
      <c r="F513">
        <v>0.63</v>
      </c>
      <c r="G513">
        <v>0.24</v>
      </c>
    </row>
    <row r="514" spans="1:7" x14ac:dyDescent="0.25">
      <c r="A514" t="s">
        <v>28</v>
      </c>
      <c r="B514">
        <v>99918</v>
      </c>
      <c r="C514">
        <v>19</v>
      </c>
      <c r="D514" t="s">
        <v>24</v>
      </c>
      <c r="E514">
        <v>0.79</v>
      </c>
      <c r="F514">
        <v>0.96</v>
      </c>
      <c r="G514">
        <v>0.37</v>
      </c>
    </row>
    <row r="515" spans="1:7" x14ac:dyDescent="0.25">
      <c r="A515" t="s">
        <v>19</v>
      </c>
      <c r="B515">
        <v>47290</v>
      </c>
      <c r="C515">
        <v>27</v>
      </c>
      <c r="D515" t="s">
        <v>12</v>
      </c>
      <c r="E515">
        <v>0.3</v>
      </c>
      <c r="F515">
        <v>1.4</v>
      </c>
      <c r="G515">
        <v>0.94</v>
      </c>
    </row>
    <row r="516" spans="1:7" x14ac:dyDescent="0.25">
      <c r="A516" t="s">
        <v>28</v>
      </c>
      <c r="B516">
        <v>78002</v>
      </c>
      <c r="C516">
        <v>21</v>
      </c>
      <c r="D516" t="s">
        <v>24</v>
      </c>
      <c r="E516">
        <v>0.87</v>
      </c>
      <c r="F516">
        <v>1.1599999999999999</v>
      </c>
      <c r="G516">
        <v>0.47</v>
      </c>
    </row>
    <row r="517" spans="1:7" x14ac:dyDescent="0.25">
      <c r="A517" t="s">
        <v>20</v>
      </c>
      <c r="B517">
        <v>39372</v>
      </c>
      <c r="C517">
        <v>24</v>
      </c>
      <c r="D517" t="s">
        <v>24</v>
      </c>
      <c r="E517">
        <v>0.91</v>
      </c>
      <c r="F517">
        <v>0.77</v>
      </c>
      <c r="G517">
        <v>0.66</v>
      </c>
    </row>
    <row r="518" spans="1:7" x14ac:dyDescent="0.25">
      <c r="A518" t="s">
        <v>26</v>
      </c>
      <c r="B518">
        <v>87911</v>
      </c>
      <c r="C518">
        <v>21</v>
      </c>
      <c r="D518" t="s">
        <v>24</v>
      </c>
      <c r="E518">
        <v>0.08</v>
      </c>
      <c r="F518">
        <v>0.55000000000000004</v>
      </c>
      <c r="G518">
        <v>0.16</v>
      </c>
    </row>
    <row r="519" spans="1:7" x14ac:dyDescent="0.25">
      <c r="A519" t="s">
        <v>17</v>
      </c>
      <c r="B519">
        <v>87920</v>
      </c>
      <c r="C519">
        <v>14</v>
      </c>
      <c r="D519" t="s">
        <v>24</v>
      </c>
      <c r="E519">
        <v>0.66</v>
      </c>
      <c r="F519">
        <v>0.55000000000000004</v>
      </c>
      <c r="G519">
        <v>0.08</v>
      </c>
    </row>
    <row r="520" spans="1:7" x14ac:dyDescent="0.25">
      <c r="A520" t="s">
        <v>26</v>
      </c>
      <c r="B520">
        <v>86768</v>
      </c>
      <c r="C520">
        <v>24</v>
      </c>
      <c r="D520" t="s">
        <v>10</v>
      </c>
      <c r="E520">
        <v>0.64</v>
      </c>
      <c r="F520">
        <v>1.0900000000000001</v>
      </c>
      <c r="G520">
        <v>0.27</v>
      </c>
    </row>
    <row r="521" spans="1:7" x14ac:dyDescent="0.25">
      <c r="A521" t="s">
        <v>7</v>
      </c>
      <c r="B521">
        <v>43866</v>
      </c>
      <c r="C521">
        <v>24</v>
      </c>
      <c r="D521" t="s">
        <v>8</v>
      </c>
      <c r="E521">
        <v>0.48</v>
      </c>
      <c r="F521">
        <v>0.9</v>
      </c>
      <c r="G521">
        <v>0.74</v>
      </c>
    </row>
    <row r="522" spans="1:7" x14ac:dyDescent="0.25">
      <c r="A522" t="s">
        <v>7</v>
      </c>
      <c r="B522">
        <v>133627</v>
      </c>
      <c r="C522">
        <v>16</v>
      </c>
      <c r="D522" t="s">
        <v>24</v>
      </c>
      <c r="E522">
        <v>0.61</v>
      </c>
      <c r="F522">
        <v>0.9</v>
      </c>
      <c r="G522">
        <v>0.75</v>
      </c>
    </row>
    <row r="523" spans="1:7" x14ac:dyDescent="0.25">
      <c r="A523" t="s">
        <v>7</v>
      </c>
      <c r="B523">
        <v>45700</v>
      </c>
      <c r="C523">
        <v>9</v>
      </c>
      <c r="D523" t="s">
        <v>8</v>
      </c>
      <c r="E523">
        <v>0.78</v>
      </c>
      <c r="F523">
        <v>1.42</v>
      </c>
      <c r="G523">
        <v>0.75</v>
      </c>
    </row>
    <row r="524" spans="1:7" x14ac:dyDescent="0.25">
      <c r="A524" t="s">
        <v>9</v>
      </c>
      <c r="B524">
        <v>112799</v>
      </c>
      <c r="C524">
        <v>18</v>
      </c>
      <c r="D524" t="s">
        <v>10</v>
      </c>
      <c r="E524">
        <v>0.56000000000000005</v>
      </c>
      <c r="F524">
        <v>1.1499999999999999</v>
      </c>
      <c r="G524">
        <v>0.05</v>
      </c>
    </row>
    <row r="525" spans="1:7" x14ac:dyDescent="0.25">
      <c r="A525" t="s">
        <v>13</v>
      </c>
      <c r="B525">
        <v>74458</v>
      </c>
      <c r="C525">
        <v>4</v>
      </c>
      <c r="D525" t="s">
        <v>10</v>
      </c>
      <c r="E525">
        <v>0.19</v>
      </c>
      <c r="F525">
        <v>1.23</v>
      </c>
      <c r="G525">
        <v>0.36</v>
      </c>
    </row>
    <row r="526" spans="1:7" x14ac:dyDescent="0.25">
      <c r="A526" t="s">
        <v>29</v>
      </c>
      <c r="B526">
        <v>50125</v>
      </c>
      <c r="C526">
        <v>19</v>
      </c>
      <c r="D526" t="s">
        <v>10</v>
      </c>
      <c r="E526">
        <v>0.25</v>
      </c>
      <c r="F526">
        <v>1.18</v>
      </c>
      <c r="G526">
        <v>0.22</v>
      </c>
    </row>
    <row r="527" spans="1:7" x14ac:dyDescent="0.25">
      <c r="A527" t="s">
        <v>16</v>
      </c>
      <c r="B527">
        <v>78926</v>
      </c>
      <c r="C527">
        <v>28</v>
      </c>
      <c r="D527" t="s">
        <v>12</v>
      </c>
      <c r="E527">
        <v>0.18</v>
      </c>
      <c r="F527">
        <v>1.0900000000000001</v>
      </c>
      <c r="G527">
        <v>0.52</v>
      </c>
    </row>
    <row r="528" spans="1:7" x14ac:dyDescent="0.25">
      <c r="A528" t="s">
        <v>23</v>
      </c>
      <c r="B528">
        <v>138778</v>
      </c>
      <c r="C528">
        <v>3</v>
      </c>
      <c r="D528" t="s">
        <v>8</v>
      </c>
      <c r="E528">
        <v>0.51</v>
      </c>
      <c r="F528">
        <v>1</v>
      </c>
      <c r="G528">
        <v>0.43</v>
      </c>
    </row>
    <row r="529" spans="1:7" x14ac:dyDescent="0.25">
      <c r="A529" t="s">
        <v>25</v>
      </c>
      <c r="B529">
        <v>30671</v>
      </c>
      <c r="C529">
        <v>9</v>
      </c>
      <c r="D529" t="s">
        <v>12</v>
      </c>
      <c r="E529">
        <v>0.62</v>
      </c>
      <c r="F529">
        <v>0.94</v>
      </c>
      <c r="G529">
        <v>0.75</v>
      </c>
    </row>
    <row r="530" spans="1:7" x14ac:dyDescent="0.25">
      <c r="A530" t="s">
        <v>18</v>
      </c>
      <c r="B530">
        <v>114153</v>
      </c>
      <c r="C530">
        <v>26</v>
      </c>
      <c r="D530" t="s">
        <v>8</v>
      </c>
      <c r="E530">
        <v>0.02</v>
      </c>
      <c r="F530">
        <v>1.4</v>
      </c>
      <c r="G530">
        <v>0.38</v>
      </c>
    </row>
    <row r="531" spans="1:7" x14ac:dyDescent="0.25">
      <c r="A531" t="s">
        <v>28</v>
      </c>
      <c r="B531">
        <v>69574</v>
      </c>
      <c r="C531">
        <v>3</v>
      </c>
      <c r="D531" t="s">
        <v>10</v>
      </c>
      <c r="E531">
        <v>0.65</v>
      </c>
      <c r="F531">
        <v>0.62</v>
      </c>
      <c r="G531">
        <v>0.51</v>
      </c>
    </row>
    <row r="532" spans="1:7" x14ac:dyDescent="0.25">
      <c r="A532" t="s">
        <v>18</v>
      </c>
      <c r="B532">
        <v>144616</v>
      </c>
      <c r="C532">
        <v>26</v>
      </c>
      <c r="D532" t="s">
        <v>24</v>
      </c>
      <c r="E532">
        <v>0.37</v>
      </c>
      <c r="F532">
        <v>0.87</v>
      </c>
      <c r="G532">
        <v>0.45</v>
      </c>
    </row>
    <row r="533" spans="1:7" x14ac:dyDescent="0.25">
      <c r="A533" t="s">
        <v>11</v>
      </c>
      <c r="B533">
        <v>144313</v>
      </c>
      <c r="C533">
        <v>23</v>
      </c>
      <c r="D533" t="s">
        <v>10</v>
      </c>
      <c r="E533">
        <v>0.01</v>
      </c>
      <c r="F533">
        <v>1.37</v>
      </c>
      <c r="G533">
        <v>0.81</v>
      </c>
    </row>
    <row r="534" spans="1:7" x14ac:dyDescent="0.25">
      <c r="A534" t="s">
        <v>15</v>
      </c>
      <c r="B534">
        <v>79047</v>
      </c>
      <c r="C534">
        <v>21</v>
      </c>
      <c r="D534" t="s">
        <v>10</v>
      </c>
      <c r="E534">
        <v>0.69</v>
      </c>
      <c r="F534">
        <v>0.67</v>
      </c>
      <c r="G534">
        <v>0.12</v>
      </c>
    </row>
    <row r="535" spans="1:7" x14ac:dyDescent="0.25">
      <c r="A535" t="s">
        <v>25</v>
      </c>
      <c r="B535">
        <v>116649</v>
      </c>
      <c r="C535">
        <v>25</v>
      </c>
      <c r="D535" t="s">
        <v>12</v>
      </c>
      <c r="E535">
        <v>0.68</v>
      </c>
      <c r="F535">
        <v>0.75</v>
      </c>
      <c r="G535">
        <v>0.92</v>
      </c>
    </row>
    <row r="536" spans="1:7" x14ac:dyDescent="0.25">
      <c r="A536" t="s">
        <v>18</v>
      </c>
      <c r="B536">
        <v>131192</v>
      </c>
      <c r="C536">
        <v>2</v>
      </c>
      <c r="D536" t="s">
        <v>10</v>
      </c>
      <c r="E536">
        <v>0.32</v>
      </c>
      <c r="F536">
        <v>1.22</v>
      </c>
      <c r="G536">
        <v>0.56000000000000005</v>
      </c>
    </row>
    <row r="537" spans="1:7" x14ac:dyDescent="0.25">
      <c r="A537" t="s">
        <v>18</v>
      </c>
      <c r="B537">
        <v>84165</v>
      </c>
      <c r="C537">
        <v>10</v>
      </c>
      <c r="D537" t="s">
        <v>10</v>
      </c>
      <c r="E537">
        <v>0.46</v>
      </c>
      <c r="F537">
        <v>0.99</v>
      </c>
      <c r="G537">
        <v>0.31</v>
      </c>
    </row>
    <row r="538" spans="1:7" x14ac:dyDescent="0.25">
      <c r="A538" t="s">
        <v>14</v>
      </c>
      <c r="B538">
        <v>132488</v>
      </c>
      <c r="C538">
        <v>5</v>
      </c>
      <c r="D538" t="s">
        <v>24</v>
      </c>
      <c r="E538">
        <v>0.94</v>
      </c>
      <c r="F538">
        <v>1.1000000000000001</v>
      </c>
      <c r="G538">
        <v>0.34</v>
      </c>
    </row>
    <row r="539" spans="1:7" x14ac:dyDescent="0.25">
      <c r="A539" t="s">
        <v>27</v>
      </c>
      <c r="B539">
        <v>57757</v>
      </c>
      <c r="C539">
        <v>2</v>
      </c>
      <c r="D539" t="s">
        <v>12</v>
      </c>
      <c r="E539">
        <v>0.63</v>
      </c>
      <c r="F539">
        <v>0.85</v>
      </c>
      <c r="G539">
        <v>0.77</v>
      </c>
    </row>
    <row r="540" spans="1:7" x14ac:dyDescent="0.25">
      <c r="A540" t="s">
        <v>30</v>
      </c>
      <c r="B540">
        <v>106095</v>
      </c>
      <c r="C540">
        <v>29</v>
      </c>
      <c r="D540" t="s">
        <v>10</v>
      </c>
      <c r="E540">
        <v>0.22</v>
      </c>
      <c r="F540">
        <v>1.43</v>
      </c>
      <c r="G540">
        <v>0.5</v>
      </c>
    </row>
    <row r="541" spans="1:7" x14ac:dyDescent="0.25">
      <c r="A541" t="s">
        <v>29</v>
      </c>
      <c r="B541">
        <v>84304</v>
      </c>
      <c r="C541">
        <v>0</v>
      </c>
      <c r="D541" t="s">
        <v>24</v>
      </c>
      <c r="E541">
        <v>0.44</v>
      </c>
      <c r="F541">
        <v>1.44</v>
      </c>
      <c r="G541">
        <v>0.06</v>
      </c>
    </row>
    <row r="542" spans="1:7" x14ac:dyDescent="0.25">
      <c r="A542" t="s">
        <v>29</v>
      </c>
      <c r="B542">
        <v>86414</v>
      </c>
      <c r="C542">
        <v>0</v>
      </c>
      <c r="D542" t="s">
        <v>10</v>
      </c>
      <c r="E542">
        <v>0.91</v>
      </c>
      <c r="F542">
        <v>1.34</v>
      </c>
      <c r="G542">
        <v>0.26</v>
      </c>
    </row>
    <row r="543" spans="1:7" x14ac:dyDescent="0.25">
      <c r="A543" t="s">
        <v>22</v>
      </c>
      <c r="B543">
        <v>47040</v>
      </c>
      <c r="C543">
        <v>4</v>
      </c>
      <c r="D543" t="s">
        <v>24</v>
      </c>
      <c r="E543">
        <v>0.97</v>
      </c>
      <c r="F543">
        <v>0.94</v>
      </c>
      <c r="G543">
        <v>0.64</v>
      </c>
    </row>
    <row r="544" spans="1:7" x14ac:dyDescent="0.25">
      <c r="A544" t="s">
        <v>22</v>
      </c>
      <c r="B544">
        <v>80192</v>
      </c>
      <c r="C544">
        <v>23</v>
      </c>
      <c r="D544" t="s">
        <v>24</v>
      </c>
      <c r="E544">
        <v>0.33</v>
      </c>
      <c r="F544">
        <v>1.48</v>
      </c>
      <c r="G544">
        <v>0.56999999999999995</v>
      </c>
    </row>
    <row r="545" spans="1:7" x14ac:dyDescent="0.25">
      <c r="A545" t="s">
        <v>14</v>
      </c>
      <c r="B545">
        <v>141359</v>
      </c>
      <c r="C545">
        <v>16</v>
      </c>
      <c r="D545" t="s">
        <v>8</v>
      </c>
      <c r="E545">
        <v>0.51</v>
      </c>
      <c r="F545">
        <v>0.7</v>
      </c>
      <c r="G545">
        <v>0.43</v>
      </c>
    </row>
    <row r="546" spans="1:7" x14ac:dyDescent="0.25">
      <c r="A546" t="s">
        <v>11</v>
      </c>
      <c r="B546">
        <v>52394</v>
      </c>
      <c r="C546">
        <v>29</v>
      </c>
      <c r="D546" t="s">
        <v>8</v>
      </c>
      <c r="E546">
        <v>0.04</v>
      </c>
      <c r="F546">
        <v>1.1200000000000001</v>
      </c>
      <c r="G546">
        <v>0.89</v>
      </c>
    </row>
    <row r="547" spans="1:7" x14ac:dyDescent="0.25">
      <c r="A547" t="s">
        <v>25</v>
      </c>
      <c r="B547">
        <v>75482</v>
      </c>
      <c r="C547">
        <v>17</v>
      </c>
      <c r="D547" t="s">
        <v>10</v>
      </c>
      <c r="E547">
        <v>0.52</v>
      </c>
      <c r="F547">
        <v>1.08</v>
      </c>
      <c r="G547">
        <v>0.89</v>
      </c>
    </row>
    <row r="548" spans="1:7" x14ac:dyDescent="0.25">
      <c r="A548" t="s">
        <v>27</v>
      </c>
      <c r="B548">
        <v>147232</v>
      </c>
      <c r="C548">
        <v>27</v>
      </c>
      <c r="D548" t="s">
        <v>12</v>
      </c>
      <c r="E548">
        <v>0.31</v>
      </c>
      <c r="F548">
        <v>1.34</v>
      </c>
      <c r="G548">
        <v>0.72</v>
      </c>
    </row>
    <row r="549" spans="1:7" x14ac:dyDescent="0.25">
      <c r="A549" t="s">
        <v>20</v>
      </c>
      <c r="B549">
        <v>147220</v>
      </c>
      <c r="C549">
        <v>13</v>
      </c>
      <c r="D549" t="s">
        <v>10</v>
      </c>
      <c r="E549">
        <v>0.64</v>
      </c>
      <c r="F549">
        <v>0.86</v>
      </c>
      <c r="G549">
        <v>0.32</v>
      </c>
    </row>
    <row r="550" spans="1:7" x14ac:dyDescent="0.25">
      <c r="A550" t="s">
        <v>28</v>
      </c>
      <c r="B550">
        <v>107078</v>
      </c>
      <c r="C550">
        <v>26</v>
      </c>
      <c r="D550" t="s">
        <v>24</v>
      </c>
      <c r="E550">
        <v>0.7</v>
      </c>
      <c r="F550">
        <v>0.64</v>
      </c>
      <c r="G550">
        <v>0.56000000000000005</v>
      </c>
    </row>
    <row r="551" spans="1:7" x14ac:dyDescent="0.25">
      <c r="A551" t="s">
        <v>28</v>
      </c>
      <c r="B551">
        <v>63979</v>
      </c>
      <c r="C551">
        <v>7</v>
      </c>
      <c r="D551" t="s">
        <v>24</v>
      </c>
      <c r="E551">
        <v>0.18</v>
      </c>
      <c r="F551">
        <v>1.46</v>
      </c>
      <c r="G551">
        <v>0.45</v>
      </c>
    </row>
    <row r="552" spans="1:7" x14ac:dyDescent="0.25">
      <c r="A552" t="s">
        <v>11</v>
      </c>
      <c r="B552">
        <v>120290</v>
      </c>
      <c r="C552">
        <v>17</v>
      </c>
      <c r="D552" t="s">
        <v>12</v>
      </c>
      <c r="E552">
        <v>0.6</v>
      </c>
      <c r="F552">
        <v>0.67</v>
      </c>
      <c r="G552">
        <v>0.89</v>
      </c>
    </row>
    <row r="553" spans="1:7" x14ac:dyDescent="0.25">
      <c r="A553" t="s">
        <v>9</v>
      </c>
      <c r="B553">
        <v>51573</v>
      </c>
      <c r="C553">
        <v>17</v>
      </c>
      <c r="D553" t="s">
        <v>10</v>
      </c>
      <c r="E553">
        <v>0.2</v>
      </c>
      <c r="F553">
        <v>1.1100000000000001</v>
      </c>
      <c r="G553">
        <v>7.0000000000000007E-2</v>
      </c>
    </row>
    <row r="554" spans="1:7" x14ac:dyDescent="0.25">
      <c r="A554" t="s">
        <v>17</v>
      </c>
      <c r="B554">
        <v>79984</v>
      </c>
      <c r="C554">
        <v>28</v>
      </c>
      <c r="D554" t="s">
        <v>12</v>
      </c>
      <c r="E554">
        <v>0.32</v>
      </c>
      <c r="F554">
        <v>0.83</v>
      </c>
      <c r="G554">
        <v>0.06</v>
      </c>
    </row>
    <row r="555" spans="1:7" x14ac:dyDescent="0.25">
      <c r="A555" t="s">
        <v>23</v>
      </c>
      <c r="B555">
        <v>96770</v>
      </c>
      <c r="C555">
        <v>13</v>
      </c>
      <c r="D555" t="s">
        <v>24</v>
      </c>
      <c r="E555">
        <v>0.92</v>
      </c>
      <c r="F555">
        <v>0.52</v>
      </c>
      <c r="G555">
        <v>0.53</v>
      </c>
    </row>
    <row r="556" spans="1:7" x14ac:dyDescent="0.25">
      <c r="A556" t="s">
        <v>16</v>
      </c>
      <c r="B556">
        <v>68031</v>
      </c>
      <c r="C556">
        <v>23</v>
      </c>
      <c r="D556" t="s">
        <v>10</v>
      </c>
      <c r="E556">
        <v>0.45</v>
      </c>
      <c r="F556">
        <v>1.17</v>
      </c>
      <c r="G556">
        <v>0.43</v>
      </c>
    </row>
    <row r="557" spans="1:7" x14ac:dyDescent="0.25">
      <c r="A557" t="s">
        <v>7</v>
      </c>
      <c r="B557">
        <v>124238</v>
      </c>
      <c r="C557">
        <v>4</v>
      </c>
      <c r="D557" t="s">
        <v>10</v>
      </c>
      <c r="E557">
        <v>0.59</v>
      </c>
      <c r="F557">
        <v>1.1200000000000001</v>
      </c>
      <c r="G557">
        <v>0.86</v>
      </c>
    </row>
    <row r="558" spans="1:7" x14ac:dyDescent="0.25">
      <c r="A558" t="s">
        <v>22</v>
      </c>
      <c r="B558">
        <v>105587</v>
      </c>
      <c r="C558">
        <v>24</v>
      </c>
      <c r="D558" t="s">
        <v>10</v>
      </c>
      <c r="E558">
        <v>0.41</v>
      </c>
      <c r="F558">
        <v>0.63</v>
      </c>
      <c r="G558">
        <v>0.63</v>
      </c>
    </row>
    <row r="559" spans="1:7" x14ac:dyDescent="0.25">
      <c r="A559" t="s">
        <v>15</v>
      </c>
      <c r="B559">
        <v>34023</v>
      </c>
      <c r="C559">
        <v>14</v>
      </c>
      <c r="D559" t="s">
        <v>12</v>
      </c>
      <c r="E559">
        <v>0.84</v>
      </c>
      <c r="F559">
        <v>0.73</v>
      </c>
      <c r="G559">
        <v>0.27</v>
      </c>
    </row>
    <row r="560" spans="1:7" x14ac:dyDescent="0.25">
      <c r="A560" t="s">
        <v>16</v>
      </c>
      <c r="B560">
        <v>72215</v>
      </c>
      <c r="C560">
        <v>8</v>
      </c>
      <c r="D560" t="s">
        <v>10</v>
      </c>
      <c r="E560">
        <v>0.88</v>
      </c>
      <c r="F560">
        <v>0.91</v>
      </c>
      <c r="G560">
        <v>0.42</v>
      </c>
    </row>
    <row r="561" spans="1:7" x14ac:dyDescent="0.25">
      <c r="A561" t="s">
        <v>30</v>
      </c>
      <c r="B561">
        <v>82870</v>
      </c>
      <c r="C561">
        <v>8</v>
      </c>
      <c r="D561" t="s">
        <v>8</v>
      </c>
      <c r="E561">
        <v>0.33</v>
      </c>
      <c r="F561">
        <v>1.1100000000000001</v>
      </c>
      <c r="G561">
        <v>0.65</v>
      </c>
    </row>
    <row r="562" spans="1:7" x14ac:dyDescent="0.25">
      <c r="A562" t="s">
        <v>30</v>
      </c>
      <c r="B562">
        <v>32978</v>
      </c>
      <c r="C562">
        <v>15</v>
      </c>
      <c r="D562" t="s">
        <v>8</v>
      </c>
      <c r="E562">
        <v>0.38</v>
      </c>
      <c r="F562">
        <v>1.44</v>
      </c>
      <c r="G562">
        <v>0.49</v>
      </c>
    </row>
    <row r="563" spans="1:7" x14ac:dyDescent="0.25">
      <c r="A563" t="s">
        <v>30</v>
      </c>
      <c r="B563">
        <v>45522</v>
      </c>
      <c r="C563">
        <v>9</v>
      </c>
      <c r="D563" t="s">
        <v>8</v>
      </c>
      <c r="E563">
        <v>0.32</v>
      </c>
      <c r="F563">
        <v>1.28</v>
      </c>
      <c r="G563">
        <v>0.6</v>
      </c>
    </row>
    <row r="564" spans="1:7" x14ac:dyDescent="0.25">
      <c r="A564" t="s">
        <v>13</v>
      </c>
      <c r="B564">
        <v>63414</v>
      </c>
      <c r="C564">
        <v>0</v>
      </c>
      <c r="D564" t="s">
        <v>12</v>
      </c>
      <c r="E564">
        <v>0.61</v>
      </c>
      <c r="F564">
        <v>1.27</v>
      </c>
      <c r="G564">
        <v>0.48</v>
      </c>
    </row>
    <row r="565" spans="1:7" x14ac:dyDescent="0.25">
      <c r="A565" t="s">
        <v>9</v>
      </c>
      <c r="B565">
        <v>47140</v>
      </c>
      <c r="C565">
        <v>14</v>
      </c>
      <c r="D565" t="s">
        <v>24</v>
      </c>
      <c r="E565">
        <v>0.1</v>
      </c>
      <c r="F565">
        <v>0.59</v>
      </c>
      <c r="G565">
        <v>0.23</v>
      </c>
    </row>
    <row r="566" spans="1:7" x14ac:dyDescent="0.25">
      <c r="A566" t="s">
        <v>9</v>
      </c>
      <c r="B566">
        <v>140261</v>
      </c>
      <c r="C566">
        <v>8</v>
      </c>
      <c r="D566" t="s">
        <v>12</v>
      </c>
      <c r="E566">
        <v>0.21</v>
      </c>
      <c r="F566">
        <v>0.65</v>
      </c>
      <c r="G566">
        <v>0.28000000000000003</v>
      </c>
    </row>
    <row r="567" spans="1:7" x14ac:dyDescent="0.25">
      <c r="A567" t="s">
        <v>26</v>
      </c>
      <c r="B567">
        <v>62975</v>
      </c>
      <c r="C567">
        <v>1</v>
      </c>
      <c r="D567" t="s">
        <v>8</v>
      </c>
      <c r="E567">
        <v>0.88</v>
      </c>
      <c r="F567">
        <v>1.5</v>
      </c>
      <c r="G567">
        <v>0.11</v>
      </c>
    </row>
    <row r="568" spans="1:7" x14ac:dyDescent="0.25">
      <c r="A568" t="s">
        <v>15</v>
      </c>
      <c r="B568">
        <v>146004</v>
      </c>
      <c r="C568">
        <v>26</v>
      </c>
      <c r="D568" t="s">
        <v>10</v>
      </c>
      <c r="E568">
        <v>0.08</v>
      </c>
      <c r="F568">
        <v>0.76</v>
      </c>
      <c r="G568">
        <v>0.05</v>
      </c>
    </row>
    <row r="569" spans="1:7" x14ac:dyDescent="0.25">
      <c r="A569" t="s">
        <v>23</v>
      </c>
      <c r="B569">
        <v>57167</v>
      </c>
      <c r="C569">
        <v>19</v>
      </c>
      <c r="D569" t="s">
        <v>12</v>
      </c>
      <c r="E569">
        <v>0.48</v>
      </c>
      <c r="F569">
        <v>0.82</v>
      </c>
      <c r="G569">
        <v>0.64</v>
      </c>
    </row>
    <row r="570" spans="1:7" x14ac:dyDescent="0.25">
      <c r="A570" t="s">
        <v>28</v>
      </c>
      <c r="B570">
        <v>39046</v>
      </c>
      <c r="C570">
        <v>24</v>
      </c>
      <c r="D570" t="s">
        <v>12</v>
      </c>
      <c r="E570">
        <v>0.71</v>
      </c>
      <c r="F570">
        <v>1.24</v>
      </c>
      <c r="G570">
        <v>0.42</v>
      </c>
    </row>
    <row r="571" spans="1:7" x14ac:dyDescent="0.25">
      <c r="A571" t="s">
        <v>26</v>
      </c>
      <c r="B571">
        <v>113184</v>
      </c>
      <c r="C571">
        <v>12</v>
      </c>
      <c r="D571" t="s">
        <v>12</v>
      </c>
      <c r="E571">
        <v>0.4</v>
      </c>
      <c r="F571">
        <v>1.02</v>
      </c>
      <c r="G571">
        <v>0.15</v>
      </c>
    </row>
    <row r="572" spans="1:7" x14ac:dyDescent="0.25">
      <c r="A572" t="s">
        <v>22</v>
      </c>
      <c r="B572">
        <v>52689</v>
      </c>
      <c r="C572">
        <v>4</v>
      </c>
      <c r="D572" t="s">
        <v>12</v>
      </c>
      <c r="E572">
        <v>0.01</v>
      </c>
      <c r="F572">
        <v>1.28</v>
      </c>
      <c r="G572">
        <v>0.63</v>
      </c>
    </row>
    <row r="573" spans="1:7" x14ac:dyDescent="0.25">
      <c r="A573" t="s">
        <v>27</v>
      </c>
      <c r="B573">
        <v>125494</v>
      </c>
      <c r="C573">
        <v>16</v>
      </c>
      <c r="D573" t="s">
        <v>8</v>
      </c>
      <c r="E573">
        <v>0.46</v>
      </c>
      <c r="F573">
        <v>1.44</v>
      </c>
      <c r="G573">
        <v>0.92</v>
      </c>
    </row>
    <row r="574" spans="1:7" x14ac:dyDescent="0.25">
      <c r="A574" t="s">
        <v>26</v>
      </c>
      <c r="B574">
        <v>111214</v>
      </c>
      <c r="C574">
        <v>12</v>
      </c>
      <c r="D574" t="s">
        <v>24</v>
      </c>
      <c r="E574">
        <v>0.77</v>
      </c>
      <c r="F574">
        <v>0.86</v>
      </c>
      <c r="G574">
        <v>0.1</v>
      </c>
    </row>
    <row r="575" spans="1:7" x14ac:dyDescent="0.25">
      <c r="A575" t="s">
        <v>11</v>
      </c>
      <c r="B575">
        <v>139071</v>
      </c>
      <c r="C575">
        <v>16</v>
      </c>
      <c r="D575" t="s">
        <v>10</v>
      </c>
      <c r="E575">
        <v>0.21</v>
      </c>
      <c r="F575">
        <v>0.74</v>
      </c>
      <c r="G575">
        <v>0.73</v>
      </c>
    </row>
    <row r="576" spans="1:7" x14ac:dyDescent="0.25">
      <c r="A576" t="s">
        <v>22</v>
      </c>
      <c r="B576">
        <v>34027</v>
      </c>
      <c r="C576">
        <v>8</v>
      </c>
      <c r="D576" t="s">
        <v>24</v>
      </c>
      <c r="E576">
        <v>0.74</v>
      </c>
      <c r="F576">
        <v>1.39</v>
      </c>
      <c r="G576">
        <v>0.48</v>
      </c>
    </row>
    <row r="577" spans="1:7" x14ac:dyDescent="0.25">
      <c r="A577" t="s">
        <v>18</v>
      </c>
      <c r="B577">
        <v>129074</v>
      </c>
      <c r="C577">
        <v>19</v>
      </c>
      <c r="D577" t="s">
        <v>24</v>
      </c>
      <c r="E577">
        <v>0.41</v>
      </c>
      <c r="F577">
        <v>1.25</v>
      </c>
      <c r="G577">
        <v>0.35</v>
      </c>
    </row>
    <row r="578" spans="1:7" x14ac:dyDescent="0.25">
      <c r="A578" t="s">
        <v>22</v>
      </c>
      <c r="B578">
        <v>114785</v>
      </c>
      <c r="C578">
        <v>13</v>
      </c>
      <c r="D578" t="s">
        <v>12</v>
      </c>
      <c r="E578">
        <v>0.13</v>
      </c>
      <c r="F578">
        <v>1.29</v>
      </c>
      <c r="G578">
        <v>0.31</v>
      </c>
    </row>
    <row r="579" spans="1:7" x14ac:dyDescent="0.25">
      <c r="A579" t="s">
        <v>11</v>
      </c>
      <c r="B579">
        <v>149107</v>
      </c>
      <c r="C579">
        <v>24</v>
      </c>
      <c r="D579" t="s">
        <v>8</v>
      </c>
      <c r="E579">
        <v>0.34</v>
      </c>
      <c r="F579">
        <v>0.61</v>
      </c>
      <c r="G579">
        <v>0.77</v>
      </c>
    </row>
    <row r="580" spans="1:7" x14ac:dyDescent="0.25">
      <c r="A580" t="s">
        <v>16</v>
      </c>
      <c r="B580">
        <v>42380</v>
      </c>
      <c r="C580">
        <v>21</v>
      </c>
      <c r="D580" t="s">
        <v>10</v>
      </c>
      <c r="E580">
        <v>0.4</v>
      </c>
      <c r="F580">
        <v>1.38</v>
      </c>
      <c r="G580">
        <v>0.47</v>
      </c>
    </row>
    <row r="581" spans="1:7" x14ac:dyDescent="0.25">
      <c r="A581" t="s">
        <v>26</v>
      </c>
      <c r="B581">
        <v>81331</v>
      </c>
      <c r="C581">
        <v>7</v>
      </c>
      <c r="D581" t="s">
        <v>12</v>
      </c>
      <c r="E581">
        <v>0.9</v>
      </c>
      <c r="F581">
        <v>0.61</v>
      </c>
      <c r="G581">
        <v>0.23</v>
      </c>
    </row>
    <row r="582" spans="1:7" x14ac:dyDescent="0.25">
      <c r="A582" t="s">
        <v>17</v>
      </c>
      <c r="B582">
        <v>38245</v>
      </c>
      <c r="C582">
        <v>22</v>
      </c>
      <c r="D582" t="s">
        <v>8</v>
      </c>
      <c r="E582">
        <v>0.81</v>
      </c>
      <c r="F582">
        <v>0.61</v>
      </c>
      <c r="G582">
        <v>0.3</v>
      </c>
    </row>
    <row r="583" spans="1:7" x14ac:dyDescent="0.25">
      <c r="A583" t="s">
        <v>20</v>
      </c>
      <c r="B583">
        <v>76766</v>
      </c>
      <c r="C583">
        <v>22</v>
      </c>
      <c r="D583" t="s">
        <v>10</v>
      </c>
      <c r="E583">
        <v>0.28999999999999998</v>
      </c>
      <c r="F583">
        <v>0.5</v>
      </c>
      <c r="G583">
        <v>0.39</v>
      </c>
    </row>
    <row r="584" spans="1:7" x14ac:dyDescent="0.25">
      <c r="A584" t="s">
        <v>28</v>
      </c>
      <c r="B584">
        <v>121865</v>
      </c>
      <c r="C584">
        <v>16</v>
      </c>
      <c r="D584" t="s">
        <v>10</v>
      </c>
      <c r="E584">
        <v>0.35</v>
      </c>
      <c r="F584">
        <v>1.26</v>
      </c>
      <c r="G584">
        <v>0.53</v>
      </c>
    </row>
    <row r="585" spans="1:7" x14ac:dyDescent="0.25">
      <c r="A585" t="s">
        <v>17</v>
      </c>
      <c r="B585">
        <v>133457</v>
      </c>
      <c r="C585">
        <v>6</v>
      </c>
      <c r="D585" t="s">
        <v>10</v>
      </c>
      <c r="E585">
        <v>0.16</v>
      </c>
      <c r="F585">
        <v>0.67</v>
      </c>
      <c r="G585">
        <v>0.24</v>
      </c>
    </row>
    <row r="586" spans="1:7" x14ac:dyDescent="0.25">
      <c r="A586" t="s">
        <v>27</v>
      </c>
      <c r="B586">
        <v>131126</v>
      </c>
      <c r="C586">
        <v>12</v>
      </c>
      <c r="D586" t="s">
        <v>24</v>
      </c>
      <c r="E586">
        <v>0.9</v>
      </c>
      <c r="F586">
        <v>0.85</v>
      </c>
      <c r="G586">
        <v>0.84</v>
      </c>
    </row>
    <row r="587" spans="1:7" x14ac:dyDescent="0.25">
      <c r="A587" t="s">
        <v>11</v>
      </c>
      <c r="B587">
        <v>73066</v>
      </c>
      <c r="C587">
        <v>29</v>
      </c>
      <c r="D587" t="s">
        <v>8</v>
      </c>
      <c r="E587">
        <v>0.79</v>
      </c>
      <c r="F587">
        <v>1.1299999999999999</v>
      </c>
      <c r="G587">
        <v>0.74</v>
      </c>
    </row>
    <row r="588" spans="1:7" x14ac:dyDescent="0.25">
      <c r="A588" t="s">
        <v>26</v>
      </c>
      <c r="B588">
        <v>72875</v>
      </c>
      <c r="C588">
        <v>27</v>
      </c>
      <c r="D588" t="s">
        <v>8</v>
      </c>
      <c r="E588">
        <v>0.98</v>
      </c>
      <c r="F588">
        <v>0.51</v>
      </c>
      <c r="G588">
        <v>0.21</v>
      </c>
    </row>
    <row r="589" spans="1:7" x14ac:dyDescent="0.25">
      <c r="A589" t="s">
        <v>7</v>
      </c>
      <c r="B589">
        <v>90011</v>
      </c>
      <c r="C589">
        <v>18</v>
      </c>
      <c r="D589" t="s">
        <v>12</v>
      </c>
      <c r="E589">
        <v>0.01</v>
      </c>
      <c r="F589">
        <v>1.1599999999999999</v>
      </c>
      <c r="G589">
        <v>0.79</v>
      </c>
    </row>
    <row r="590" spans="1:7" x14ac:dyDescent="0.25">
      <c r="A590" t="s">
        <v>13</v>
      </c>
      <c r="B590">
        <v>98232</v>
      </c>
      <c r="C590">
        <v>12</v>
      </c>
      <c r="D590" t="s">
        <v>10</v>
      </c>
      <c r="E590">
        <v>0.03</v>
      </c>
      <c r="F590">
        <v>0.84</v>
      </c>
      <c r="G590">
        <v>0.69</v>
      </c>
    </row>
    <row r="591" spans="1:7" x14ac:dyDescent="0.25">
      <c r="A591" t="s">
        <v>28</v>
      </c>
      <c r="B591">
        <v>132491</v>
      </c>
      <c r="C591">
        <v>23</v>
      </c>
      <c r="D591" t="s">
        <v>8</v>
      </c>
      <c r="E591">
        <v>0.19</v>
      </c>
      <c r="F591">
        <v>1.27</v>
      </c>
      <c r="G591">
        <v>0.64</v>
      </c>
    </row>
    <row r="592" spans="1:7" x14ac:dyDescent="0.25">
      <c r="A592" t="s">
        <v>22</v>
      </c>
      <c r="B592">
        <v>70741</v>
      </c>
      <c r="C592">
        <v>18</v>
      </c>
      <c r="D592" t="s">
        <v>12</v>
      </c>
      <c r="E592">
        <v>0.34</v>
      </c>
      <c r="F592">
        <v>0.92</v>
      </c>
      <c r="G592">
        <v>0.5</v>
      </c>
    </row>
    <row r="593" spans="1:7" x14ac:dyDescent="0.25">
      <c r="A593" t="s">
        <v>27</v>
      </c>
      <c r="B593">
        <v>76566</v>
      </c>
      <c r="C593">
        <v>24</v>
      </c>
      <c r="D593" t="s">
        <v>12</v>
      </c>
      <c r="E593">
        <v>0.7</v>
      </c>
      <c r="F593">
        <v>0.71</v>
      </c>
      <c r="G593">
        <v>0.81</v>
      </c>
    </row>
    <row r="594" spans="1:7" x14ac:dyDescent="0.25">
      <c r="A594" t="s">
        <v>15</v>
      </c>
      <c r="B594">
        <v>78817</v>
      </c>
      <c r="C594">
        <v>28</v>
      </c>
      <c r="D594" t="s">
        <v>12</v>
      </c>
      <c r="E594">
        <v>0.46</v>
      </c>
      <c r="F594">
        <v>1.44</v>
      </c>
      <c r="G594">
        <v>0.17</v>
      </c>
    </row>
    <row r="595" spans="1:7" x14ac:dyDescent="0.25">
      <c r="A595" t="s">
        <v>13</v>
      </c>
      <c r="B595">
        <v>137334</v>
      </c>
      <c r="C595">
        <v>1</v>
      </c>
      <c r="D595" t="s">
        <v>8</v>
      </c>
      <c r="E595">
        <v>0.65</v>
      </c>
      <c r="F595">
        <v>1.33</v>
      </c>
      <c r="G595">
        <v>0.32</v>
      </c>
    </row>
    <row r="596" spans="1:7" x14ac:dyDescent="0.25">
      <c r="A596" t="s">
        <v>14</v>
      </c>
      <c r="B596">
        <v>30591</v>
      </c>
      <c r="C596">
        <v>5</v>
      </c>
      <c r="D596" t="s">
        <v>8</v>
      </c>
      <c r="E596">
        <v>0.63</v>
      </c>
      <c r="F596">
        <v>1.2</v>
      </c>
      <c r="G596">
        <v>0.56000000000000005</v>
      </c>
    </row>
    <row r="597" spans="1:7" x14ac:dyDescent="0.25">
      <c r="A597" t="s">
        <v>25</v>
      </c>
      <c r="B597">
        <v>42938</v>
      </c>
      <c r="C597">
        <v>26</v>
      </c>
      <c r="D597" t="s">
        <v>24</v>
      </c>
      <c r="E597">
        <v>0.5</v>
      </c>
      <c r="F597">
        <v>0.66</v>
      </c>
      <c r="G597">
        <v>0.79</v>
      </c>
    </row>
    <row r="598" spans="1:7" x14ac:dyDescent="0.25">
      <c r="A598" t="s">
        <v>11</v>
      </c>
      <c r="B598">
        <v>82076</v>
      </c>
      <c r="C598">
        <v>5</v>
      </c>
      <c r="D598" t="s">
        <v>8</v>
      </c>
      <c r="E598">
        <v>0.97</v>
      </c>
      <c r="F598">
        <v>1.25</v>
      </c>
      <c r="G598">
        <v>0.74</v>
      </c>
    </row>
    <row r="599" spans="1:7" x14ac:dyDescent="0.25">
      <c r="A599" t="s">
        <v>29</v>
      </c>
      <c r="B599">
        <v>71628</v>
      </c>
      <c r="C599">
        <v>19</v>
      </c>
      <c r="D599" t="s">
        <v>10</v>
      </c>
      <c r="E599">
        <v>0.85</v>
      </c>
      <c r="F599">
        <v>0.92</v>
      </c>
      <c r="G599">
        <v>7.0000000000000007E-2</v>
      </c>
    </row>
    <row r="600" spans="1:7" x14ac:dyDescent="0.25">
      <c r="A600" t="s">
        <v>27</v>
      </c>
      <c r="B600">
        <v>82136</v>
      </c>
      <c r="C600">
        <v>2</v>
      </c>
      <c r="D600" t="s">
        <v>8</v>
      </c>
      <c r="E600">
        <v>0.38</v>
      </c>
      <c r="F600">
        <v>0.97</v>
      </c>
      <c r="G600">
        <v>0.86</v>
      </c>
    </row>
    <row r="601" spans="1:7" x14ac:dyDescent="0.25">
      <c r="A601" t="s">
        <v>30</v>
      </c>
      <c r="B601">
        <v>74440</v>
      </c>
      <c r="C601">
        <v>7</v>
      </c>
      <c r="D601" t="s">
        <v>10</v>
      </c>
      <c r="E601">
        <v>0.5</v>
      </c>
      <c r="F601">
        <v>0.92</v>
      </c>
      <c r="G601">
        <v>0.38</v>
      </c>
    </row>
    <row r="602" spans="1:7" x14ac:dyDescent="0.25">
      <c r="A602" t="s">
        <v>26</v>
      </c>
      <c r="B602">
        <v>43453</v>
      </c>
      <c r="C602">
        <v>7</v>
      </c>
      <c r="D602" t="s">
        <v>10</v>
      </c>
      <c r="E602">
        <v>0.31</v>
      </c>
      <c r="F602">
        <v>0.74</v>
      </c>
      <c r="G602">
        <v>0.12</v>
      </c>
    </row>
    <row r="603" spans="1:7" x14ac:dyDescent="0.25">
      <c r="A603" t="s">
        <v>28</v>
      </c>
      <c r="B603">
        <v>140252</v>
      </c>
      <c r="C603">
        <v>7</v>
      </c>
      <c r="D603" t="s">
        <v>8</v>
      </c>
      <c r="E603">
        <v>0.27</v>
      </c>
      <c r="F603">
        <v>1.3</v>
      </c>
      <c r="G603">
        <v>0.7</v>
      </c>
    </row>
    <row r="604" spans="1:7" x14ac:dyDescent="0.25">
      <c r="A604" t="s">
        <v>14</v>
      </c>
      <c r="B604">
        <v>99212</v>
      </c>
      <c r="C604">
        <v>29</v>
      </c>
      <c r="D604" t="s">
        <v>12</v>
      </c>
      <c r="E604">
        <v>0.09</v>
      </c>
      <c r="F604">
        <v>1.1499999999999999</v>
      </c>
      <c r="G604">
        <v>0.56000000000000005</v>
      </c>
    </row>
    <row r="605" spans="1:7" x14ac:dyDescent="0.25">
      <c r="A605" t="s">
        <v>23</v>
      </c>
      <c r="B605">
        <v>50043</v>
      </c>
      <c r="C605">
        <v>3</v>
      </c>
      <c r="D605" t="s">
        <v>8</v>
      </c>
      <c r="E605">
        <v>0.81</v>
      </c>
      <c r="F605">
        <v>0.64</v>
      </c>
      <c r="G605">
        <v>0.49</v>
      </c>
    </row>
    <row r="606" spans="1:7" x14ac:dyDescent="0.25">
      <c r="A606" t="s">
        <v>14</v>
      </c>
      <c r="B606">
        <v>33017</v>
      </c>
      <c r="C606">
        <v>21</v>
      </c>
      <c r="D606" t="s">
        <v>8</v>
      </c>
      <c r="E606">
        <v>0.15</v>
      </c>
      <c r="F606">
        <v>1.23</v>
      </c>
      <c r="G606">
        <v>0.3</v>
      </c>
    </row>
    <row r="607" spans="1:7" x14ac:dyDescent="0.25">
      <c r="A607" t="s">
        <v>17</v>
      </c>
      <c r="B607">
        <v>118913</v>
      </c>
      <c r="C607">
        <v>2</v>
      </c>
      <c r="D607" t="s">
        <v>8</v>
      </c>
      <c r="E607">
        <v>0.46</v>
      </c>
      <c r="F607">
        <v>1.35</v>
      </c>
      <c r="G607">
        <v>0.16</v>
      </c>
    </row>
    <row r="608" spans="1:7" x14ac:dyDescent="0.25">
      <c r="A608" t="s">
        <v>19</v>
      </c>
      <c r="B608">
        <v>144420</v>
      </c>
      <c r="C608">
        <v>2</v>
      </c>
      <c r="D608" t="s">
        <v>8</v>
      </c>
      <c r="E608">
        <v>0.56000000000000005</v>
      </c>
      <c r="F608">
        <v>1.29</v>
      </c>
      <c r="G608">
        <v>0.84</v>
      </c>
    </row>
    <row r="609" spans="1:7" x14ac:dyDescent="0.25">
      <c r="A609" t="s">
        <v>19</v>
      </c>
      <c r="B609">
        <v>126805</v>
      </c>
      <c r="C609">
        <v>15</v>
      </c>
      <c r="D609" t="s">
        <v>24</v>
      </c>
      <c r="E609">
        <v>0.8</v>
      </c>
      <c r="F609">
        <v>0.87</v>
      </c>
      <c r="G609">
        <v>0.8</v>
      </c>
    </row>
    <row r="610" spans="1:7" x14ac:dyDescent="0.25">
      <c r="A610" t="s">
        <v>28</v>
      </c>
      <c r="B610">
        <v>144780</v>
      </c>
      <c r="C610">
        <v>8</v>
      </c>
      <c r="D610" t="s">
        <v>24</v>
      </c>
      <c r="E610">
        <v>0.17</v>
      </c>
      <c r="F610">
        <v>1.4</v>
      </c>
      <c r="G610">
        <v>0.56000000000000005</v>
      </c>
    </row>
    <row r="611" spans="1:7" x14ac:dyDescent="0.25">
      <c r="A611" t="s">
        <v>28</v>
      </c>
      <c r="B611">
        <v>137009</v>
      </c>
      <c r="C611">
        <v>13</v>
      </c>
      <c r="D611" t="s">
        <v>24</v>
      </c>
      <c r="E611">
        <v>0.86</v>
      </c>
      <c r="F611">
        <v>0.56999999999999995</v>
      </c>
      <c r="G611">
        <v>0.56999999999999995</v>
      </c>
    </row>
    <row r="612" spans="1:7" x14ac:dyDescent="0.25">
      <c r="A612" t="s">
        <v>15</v>
      </c>
      <c r="B612">
        <v>82328</v>
      </c>
      <c r="C612">
        <v>8</v>
      </c>
      <c r="D612" t="s">
        <v>24</v>
      </c>
      <c r="E612">
        <v>0.51</v>
      </c>
      <c r="F612">
        <v>1.17</v>
      </c>
      <c r="G612">
        <v>0.26</v>
      </c>
    </row>
    <row r="613" spans="1:7" x14ac:dyDescent="0.25">
      <c r="A613" t="s">
        <v>13</v>
      </c>
      <c r="B613">
        <v>78542</v>
      </c>
      <c r="C613">
        <v>25</v>
      </c>
      <c r="D613" t="s">
        <v>8</v>
      </c>
      <c r="E613">
        <v>0.86</v>
      </c>
      <c r="F613">
        <v>0.65</v>
      </c>
      <c r="G613">
        <v>0.48</v>
      </c>
    </row>
    <row r="614" spans="1:7" x14ac:dyDescent="0.25">
      <c r="A614" t="s">
        <v>20</v>
      </c>
      <c r="B614">
        <v>35703</v>
      </c>
      <c r="C614">
        <v>5</v>
      </c>
      <c r="D614" t="s">
        <v>10</v>
      </c>
      <c r="E614">
        <v>0.96</v>
      </c>
      <c r="F614">
        <v>0.6</v>
      </c>
      <c r="G614">
        <v>0.31</v>
      </c>
    </row>
    <row r="615" spans="1:7" x14ac:dyDescent="0.25">
      <c r="A615" t="s">
        <v>22</v>
      </c>
      <c r="B615">
        <v>110146</v>
      </c>
      <c r="C615">
        <v>21</v>
      </c>
      <c r="D615" t="s">
        <v>10</v>
      </c>
      <c r="E615">
        <v>0.67</v>
      </c>
      <c r="F615">
        <v>0.72</v>
      </c>
      <c r="G615">
        <v>0.31</v>
      </c>
    </row>
    <row r="616" spans="1:7" x14ac:dyDescent="0.25">
      <c r="A616" t="s">
        <v>13</v>
      </c>
      <c r="B616">
        <v>117052</v>
      </c>
      <c r="C616">
        <v>8</v>
      </c>
      <c r="D616" t="s">
        <v>10</v>
      </c>
      <c r="E616">
        <v>0.54</v>
      </c>
      <c r="F616">
        <v>0.95</v>
      </c>
      <c r="G616">
        <v>0.48</v>
      </c>
    </row>
    <row r="617" spans="1:7" x14ac:dyDescent="0.25">
      <c r="A617" t="s">
        <v>17</v>
      </c>
      <c r="B617">
        <v>89254</v>
      </c>
      <c r="C617">
        <v>25</v>
      </c>
      <c r="D617" t="s">
        <v>10</v>
      </c>
      <c r="E617">
        <v>0.16</v>
      </c>
      <c r="F617">
        <v>1.38</v>
      </c>
      <c r="G617">
        <v>0.16</v>
      </c>
    </row>
    <row r="618" spans="1:7" x14ac:dyDescent="0.25">
      <c r="A618" t="s">
        <v>16</v>
      </c>
      <c r="B618">
        <v>62009</v>
      </c>
      <c r="C618">
        <v>14</v>
      </c>
      <c r="D618" t="s">
        <v>10</v>
      </c>
      <c r="E618">
        <v>0.5</v>
      </c>
      <c r="F618">
        <v>0.71</v>
      </c>
      <c r="G618">
        <v>0.32</v>
      </c>
    </row>
    <row r="619" spans="1:7" x14ac:dyDescent="0.25">
      <c r="A619" t="s">
        <v>18</v>
      </c>
      <c r="B619">
        <v>56651</v>
      </c>
      <c r="C619">
        <v>18</v>
      </c>
      <c r="D619" t="s">
        <v>24</v>
      </c>
      <c r="E619">
        <v>0.32</v>
      </c>
      <c r="F619">
        <v>0.59</v>
      </c>
      <c r="G619">
        <v>0.39</v>
      </c>
    </row>
    <row r="620" spans="1:7" x14ac:dyDescent="0.25">
      <c r="A620" t="s">
        <v>23</v>
      </c>
      <c r="B620">
        <v>59410</v>
      </c>
      <c r="C620">
        <v>16</v>
      </c>
      <c r="D620" t="s">
        <v>10</v>
      </c>
      <c r="E620">
        <v>0.93</v>
      </c>
      <c r="F620">
        <v>1.33</v>
      </c>
      <c r="G620">
        <v>0.43</v>
      </c>
    </row>
    <row r="621" spans="1:7" x14ac:dyDescent="0.25">
      <c r="A621" t="s">
        <v>29</v>
      </c>
      <c r="B621">
        <v>103844</v>
      </c>
      <c r="C621">
        <v>2</v>
      </c>
      <c r="D621" t="s">
        <v>8</v>
      </c>
      <c r="E621">
        <v>0.89</v>
      </c>
      <c r="F621">
        <v>1.35</v>
      </c>
      <c r="G621">
        <v>0.18</v>
      </c>
    </row>
    <row r="622" spans="1:7" x14ac:dyDescent="0.25">
      <c r="A622" t="s">
        <v>25</v>
      </c>
      <c r="B622">
        <v>128035</v>
      </c>
      <c r="C622">
        <v>23</v>
      </c>
      <c r="D622" t="s">
        <v>8</v>
      </c>
      <c r="E622">
        <v>0.36</v>
      </c>
      <c r="F622">
        <v>0.78</v>
      </c>
      <c r="G622">
        <v>0.74</v>
      </c>
    </row>
    <row r="623" spans="1:7" x14ac:dyDescent="0.25">
      <c r="A623" t="s">
        <v>27</v>
      </c>
      <c r="B623">
        <v>147270</v>
      </c>
      <c r="C623">
        <v>13</v>
      </c>
      <c r="D623" t="s">
        <v>24</v>
      </c>
      <c r="E623">
        <v>0.43</v>
      </c>
      <c r="F623">
        <v>0.55000000000000004</v>
      </c>
      <c r="G623">
        <v>0.83</v>
      </c>
    </row>
    <row r="624" spans="1:7" x14ac:dyDescent="0.25">
      <c r="A624" t="s">
        <v>29</v>
      </c>
      <c r="B624">
        <v>43769</v>
      </c>
      <c r="C624">
        <v>2</v>
      </c>
      <c r="D624" t="s">
        <v>24</v>
      </c>
      <c r="E624">
        <v>0.23</v>
      </c>
      <c r="F624">
        <v>0.83</v>
      </c>
      <c r="G624">
        <v>0.1</v>
      </c>
    </row>
    <row r="625" spans="1:7" x14ac:dyDescent="0.25">
      <c r="A625" t="s">
        <v>14</v>
      </c>
      <c r="B625">
        <v>103616</v>
      </c>
      <c r="C625">
        <v>14</v>
      </c>
      <c r="D625" t="s">
        <v>24</v>
      </c>
      <c r="E625">
        <v>0.25</v>
      </c>
      <c r="F625">
        <v>0.76</v>
      </c>
      <c r="G625">
        <v>0.52</v>
      </c>
    </row>
    <row r="626" spans="1:7" x14ac:dyDescent="0.25">
      <c r="A626" t="s">
        <v>11</v>
      </c>
      <c r="B626">
        <v>79004</v>
      </c>
      <c r="C626">
        <v>28</v>
      </c>
      <c r="D626" t="s">
        <v>8</v>
      </c>
      <c r="E626">
        <v>0.56999999999999995</v>
      </c>
      <c r="F626">
        <v>0.97</v>
      </c>
      <c r="G626">
        <v>0.82</v>
      </c>
    </row>
    <row r="627" spans="1:7" x14ac:dyDescent="0.25">
      <c r="A627" t="s">
        <v>23</v>
      </c>
      <c r="B627">
        <v>140190</v>
      </c>
      <c r="C627">
        <v>17</v>
      </c>
      <c r="D627" t="s">
        <v>8</v>
      </c>
      <c r="E627">
        <v>0.13</v>
      </c>
      <c r="F627">
        <v>0.98</v>
      </c>
      <c r="G627">
        <v>0.61</v>
      </c>
    </row>
    <row r="628" spans="1:7" x14ac:dyDescent="0.25">
      <c r="A628" t="s">
        <v>27</v>
      </c>
      <c r="B628">
        <v>51071</v>
      </c>
      <c r="C628">
        <v>6</v>
      </c>
      <c r="D628" t="s">
        <v>10</v>
      </c>
      <c r="E628">
        <v>0.85</v>
      </c>
      <c r="F628">
        <v>0.85</v>
      </c>
      <c r="G628">
        <v>0.86</v>
      </c>
    </row>
    <row r="629" spans="1:7" x14ac:dyDescent="0.25">
      <c r="A629" t="s">
        <v>30</v>
      </c>
      <c r="B629">
        <v>97913</v>
      </c>
      <c r="C629">
        <v>15</v>
      </c>
      <c r="D629" t="s">
        <v>12</v>
      </c>
      <c r="E629">
        <v>0.65</v>
      </c>
      <c r="F629">
        <v>0.83</v>
      </c>
      <c r="G629">
        <v>0.46</v>
      </c>
    </row>
    <row r="630" spans="1:7" x14ac:dyDescent="0.25">
      <c r="A630" t="s">
        <v>21</v>
      </c>
      <c r="B630">
        <v>138336</v>
      </c>
      <c r="C630">
        <v>8</v>
      </c>
      <c r="D630" t="s">
        <v>24</v>
      </c>
      <c r="E630">
        <v>0.56999999999999995</v>
      </c>
      <c r="F630">
        <v>1.35</v>
      </c>
      <c r="G630">
        <v>0.4</v>
      </c>
    </row>
    <row r="631" spans="1:7" x14ac:dyDescent="0.25">
      <c r="A631" t="s">
        <v>26</v>
      </c>
      <c r="B631">
        <v>37432</v>
      </c>
      <c r="C631">
        <v>23</v>
      </c>
      <c r="D631" t="s">
        <v>12</v>
      </c>
      <c r="E631">
        <v>0.48</v>
      </c>
      <c r="F631">
        <v>0.62</v>
      </c>
      <c r="G631">
        <v>0.1</v>
      </c>
    </row>
    <row r="632" spans="1:7" x14ac:dyDescent="0.25">
      <c r="A632" t="s">
        <v>21</v>
      </c>
      <c r="B632">
        <v>54578</v>
      </c>
      <c r="C632">
        <v>27</v>
      </c>
      <c r="D632" t="s">
        <v>12</v>
      </c>
      <c r="E632">
        <v>0.65</v>
      </c>
      <c r="F632">
        <v>0.85</v>
      </c>
      <c r="G632">
        <v>0.67</v>
      </c>
    </row>
    <row r="633" spans="1:7" x14ac:dyDescent="0.25">
      <c r="A633" t="s">
        <v>14</v>
      </c>
      <c r="B633">
        <v>83609</v>
      </c>
      <c r="C633">
        <v>24</v>
      </c>
      <c r="D633" t="s">
        <v>12</v>
      </c>
      <c r="E633">
        <v>0.03</v>
      </c>
      <c r="F633">
        <v>0.82</v>
      </c>
      <c r="G633">
        <v>0.62</v>
      </c>
    </row>
    <row r="634" spans="1:7" x14ac:dyDescent="0.25">
      <c r="A634" t="s">
        <v>13</v>
      </c>
      <c r="B634">
        <v>51182</v>
      </c>
      <c r="C634">
        <v>8</v>
      </c>
      <c r="D634" t="s">
        <v>12</v>
      </c>
      <c r="E634">
        <v>0.05</v>
      </c>
      <c r="F634">
        <v>1.44</v>
      </c>
      <c r="G634">
        <v>0.51</v>
      </c>
    </row>
    <row r="635" spans="1:7" x14ac:dyDescent="0.25">
      <c r="A635" t="s">
        <v>20</v>
      </c>
      <c r="B635">
        <v>127841</v>
      </c>
      <c r="C635">
        <v>1</v>
      </c>
      <c r="D635" t="s">
        <v>10</v>
      </c>
      <c r="E635">
        <v>0.2</v>
      </c>
      <c r="F635">
        <v>0.53</v>
      </c>
      <c r="G635">
        <v>0.62</v>
      </c>
    </row>
    <row r="636" spans="1:7" x14ac:dyDescent="0.25">
      <c r="A636" t="s">
        <v>9</v>
      </c>
      <c r="B636">
        <v>101160</v>
      </c>
      <c r="C636">
        <v>5</v>
      </c>
      <c r="D636" t="s">
        <v>12</v>
      </c>
      <c r="E636">
        <v>0.72</v>
      </c>
      <c r="F636">
        <v>0.51</v>
      </c>
      <c r="G636">
        <v>0.2</v>
      </c>
    </row>
    <row r="637" spans="1:7" x14ac:dyDescent="0.25">
      <c r="A637" t="s">
        <v>30</v>
      </c>
      <c r="B637">
        <v>38711</v>
      </c>
      <c r="C637">
        <v>7</v>
      </c>
      <c r="D637" t="s">
        <v>24</v>
      </c>
      <c r="E637">
        <v>0.37</v>
      </c>
      <c r="F637">
        <v>1.26</v>
      </c>
      <c r="G637">
        <v>0.69</v>
      </c>
    </row>
    <row r="638" spans="1:7" x14ac:dyDescent="0.25">
      <c r="A638" t="s">
        <v>23</v>
      </c>
      <c r="B638">
        <v>138886</v>
      </c>
      <c r="C638">
        <v>23</v>
      </c>
      <c r="D638" t="s">
        <v>8</v>
      </c>
      <c r="E638">
        <v>0.76</v>
      </c>
      <c r="F638">
        <v>1.27</v>
      </c>
      <c r="G638">
        <v>0.65</v>
      </c>
    </row>
    <row r="639" spans="1:7" x14ac:dyDescent="0.25">
      <c r="A639" t="s">
        <v>9</v>
      </c>
      <c r="B639">
        <v>97696</v>
      </c>
      <c r="C639">
        <v>20</v>
      </c>
      <c r="D639" t="s">
        <v>12</v>
      </c>
      <c r="E639">
        <v>0.53</v>
      </c>
      <c r="F639">
        <v>0.69</v>
      </c>
      <c r="G639">
        <v>0.16</v>
      </c>
    </row>
    <row r="640" spans="1:7" x14ac:dyDescent="0.25">
      <c r="A640" t="s">
        <v>27</v>
      </c>
      <c r="B640">
        <v>105948</v>
      </c>
      <c r="C640">
        <v>10</v>
      </c>
      <c r="D640" t="s">
        <v>12</v>
      </c>
      <c r="E640">
        <v>0.76</v>
      </c>
      <c r="F640">
        <v>1.27</v>
      </c>
      <c r="G640">
        <v>0.81</v>
      </c>
    </row>
    <row r="641" spans="1:7" x14ac:dyDescent="0.25">
      <c r="A641" t="s">
        <v>21</v>
      </c>
      <c r="B641">
        <v>44235</v>
      </c>
      <c r="C641">
        <v>15</v>
      </c>
      <c r="D641" t="s">
        <v>10</v>
      </c>
      <c r="E641">
        <v>0.1</v>
      </c>
      <c r="F641">
        <v>1.45</v>
      </c>
      <c r="G641">
        <v>0.62</v>
      </c>
    </row>
    <row r="642" spans="1:7" x14ac:dyDescent="0.25">
      <c r="A642" t="s">
        <v>27</v>
      </c>
      <c r="B642">
        <v>61688</v>
      </c>
      <c r="C642">
        <v>26</v>
      </c>
      <c r="D642" t="s">
        <v>12</v>
      </c>
      <c r="E642">
        <v>0.12</v>
      </c>
      <c r="F642">
        <v>1.26</v>
      </c>
      <c r="G642">
        <v>0.93</v>
      </c>
    </row>
    <row r="643" spans="1:7" x14ac:dyDescent="0.25">
      <c r="A643" t="s">
        <v>7</v>
      </c>
      <c r="B643">
        <v>47883</v>
      </c>
      <c r="C643">
        <v>22</v>
      </c>
      <c r="D643" t="s">
        <v>12</v>
      </c>
      <c r="E643">
        <v>0.53</v>
      </c>
      <c r="F643">
        <v>0.6</v>
      </c>
      <c r="G643">
        <v>0.92</v>
      </c>
    </row>
    <row r="644" spans="1:7" x14ac:dyDescent="0.25">
      <c r="A644" t="s">
        <v>19</v>
      </c>
      <c r="B644">
        <v>105569</v>
      </c>
      <c r="C644">
        <v>15</v>
      </c>
      <c r="D644" t="s">
        <v>10</v>
      </c>
      <c r="E644">
        <v>0.57999999999999996</v>
      </c>
      <c r="F644">
        <v>1.2</v>
      </c>
      <c r="G644">
        <v>0.86</v>
      </c>
    </row>
    <row r="645" spans="1:7" x14ac:dyDescent="0.25">
      <c r="A645" t="s">
        <v>13</v>
      </c>
      <c r="B645">
        <v>73271</v>
      </c>
      <c r="C645">
        <v>9</v>
      </c>
      <c r="D645" t="s">
        <v>24</v>
      </c>
      <c r="E645">
        <v>0.31</v>
      </c>
      <c r="F645">
        <v>0.61</v>
      </c>
      <c r="G645">
        <v>0.64</v>
      </c>
    </row>
    <row r="646" spans="1:7" x14ac:dyDescent="0.25">
      <c r="A646" t="s">
        <v>17</v>
      </c>
      <c r="B646">
        <v>147327</v>
      </c>
      <c r="C646">
        <v>15</v>
      </c>
      <c r="D646" t="s">
        <v>24</v>
      </c>
      <c r="E646">
        <v>0.18</v>
      </c>
      <c r="F646">
        <v>1.32</v>
      </c>
      <c r="G646">
        <v>0.12</v>
      </c>
    </row>
    <row r="647" spans="1:7" x14ac:dyDescent="0.25">
      <c r="A647" t="s">
        <v>7</v>
      </c>
      <c r="B647">
        <v>76798</v>
      </c>
      <c r="C647">
        <v>0</v>
      </c>
      <c r="D647" t="s">
        <v>8</v>
      </c>
      <c r="E647">
        <v>0.2</v>
      </c>
      <c r="F647">
        <v>0.84</v>
      </c>
      <c r="G647">
        <v>0.82</v>
      </c>
    </row>
    <row r="648" spans="1:7" x14ac:dyDescent="0.25">
      <c r="A648" t="s">
        <v>26</v>
      </c>
      <c r="B648">
        <v>127077</v>
      </c>
      <c r="C648">
        <v>9</v>
      </c>
      <c r="D648" t="s">
        <v>8</v>
      </c>
      <c r="E648">
        <v>0.7</v>
      </c>
      <c r="F648">
        <v>1.01</v>
      </c>
      <c r="G648">
        <v>0.27</v>
      </c>
    </row>
    <row r="649" spans="1:7" x14ac:dyDescent="0.25">
      <c r="A649" t="s">
        <v>11</v>
      </c>
      <c r="B649">
        <v>145088</v>
      </c>
      <c r="C649">
        <v>12</v>
      </c>
      <c r="D649" t="s">
        <v>8</v>
      </c>
      <c r="E649">
        <v>0.81</v>
      </c>
      <c r="F649">
        <v>0.72</v>
      </c>
      <c r="G649">
        <v>0.88</v>
      </c>
    </row>
    <row r="650" spans="1:7" x14ac:dyDescent="0.25">
      <c r="A650" t="s">
        <v>22</v>
      </c>
      <c r="B650">
        <v>33841</v>
      </c>
      <c r="C650">
        <v>28</v>
      </c>
      <c r="D650" t="s">
        <v>12</v>
      </c>
      <c r="E650">
        <v>0.47</v>
      </c>
      <c r="F650">
        <v>1.1599999999999999</v>
      </c>
      <c r="G650">
        <v>0.66</v>
      </c>
    </row>
    <row r="651" spans="1:7" x14ac:dyDescent="0.25">
      <c r="A651" t="s">
        <v>22</v>
      </c>
      <c r="B651">
        <v>141789</v>
      </c>
      <c r="C651">
        <v>27</v>
      </c>
      <c r="D651" t="s">
        <v>24</v>
      </c>
      <c r="E651">
        <v>0.55000000000000004</v>
      </c>
      <c r="F651">
        <v>1.1599999999999999</v>
      </c>
      <c r="G651">
        <v>0.43</v>
      </c>
    </row>
    <row r="652" spans="1:7" x14ac:dyDescent="0.25">
      <c r="A652" t="s">
        <v>17</v>
      </c>
      <c r="B652">
        <v>102828</v>
      </c>
      <c r="C652">
        <v>1</v>
      </c>
      <c r="D652" t="s">
        <v>24</v>
      </c>
      <c r="E652">
        <v>0.54</v>
      </c>
      <c r="F652">
        <v>1.04</v>
      </c>
      <c r="G652">
        <v>0.17</v>
      </c>
    </row>
    <row r="653" spans="1:7" x14ac:dyDescent="0.25">
      <c r="A653" t="s">
        <v>20</v>
      </c>
      <c r="B653">
        <v>50754</v>
      </c>
      <c r="C653">
        <v>13</v>
      </c>
      <c r="D653" t="s">
        <v>12</v>
      </c>
      <c r="E653">
        <v>0.37</v>
      </c>
      <c r="F653">
        <v>1.46</v>
      </c>
      <c r="G653">
        <v>0.63</v>
      </c>
    </row>
    <row r="654" spans="1:7" x14ac:dyDescent="0.25">
      <c r="A654" t="s">
        <v>11</v>
      </c>
      <c r="B654">
        <v>105481</v>
      </c>
      <c r="C654">
        <v>14</v>
      </c>
      <c r="D654" t="s">
        <v>12</v>
      </c>
      <c r="E654">
        <v>0.8</v>
      </c>
      <c r="F654">
        <v>1.06</v>
      </c>
      <c r="G654">
        <v>0.7</v>
      </c>
    </row>
    <row r="655" spans="1:7" x14ac:dyDescent="0.25">
      <c r="A655" t="s">
        <v>20</v>
      </c>
      <c r="B655">
        <v>118110</v>
      </c>
      <c r="C655">
        <v>3</v>
      </c>
      <c r="D655" t="s">
        <v>8</v>
      </c>
      <c r="E655">
        <v>0.02</v>
      </c>
      <c r="F655">
        <v>1.43</v>
      </c>
      <c r="G655">
        <v>0.62</v>
      </c>
    </row>
    <row r="656" spans="1:7" x14ac:dyDescent="0.25">
      <c r="A656" t="s">
        <v>16</v>
      </c>
      <c r="B656">
        <v>96178</v>
      </c>
      <c r="C656">
        <v>16</v>
      </c>
      <c r="D656" t="s">
        <v>12</v>
      </c>
      <c r="E656">
        <v>0.08</v>
      </c>
      <c r="F656">
        <v>1</v>
      </c>
      <c r="G656">
        <v>0.56999999999999995</v>
      </c>
    </row>
    <row r="657" spans="1:7" x14ac:dyDescent="0.25">
      <c r="A657" t="s">
        <v>18</v>
      </c>
      <c r="B657">
        <v>146903</v>
      </c>
      <c r="C657">
        <v>21</v>
      </c>
      <c r="D657" t="s">
        <v>10</v>
      </c>
      <c r="E657">
        <v>0.13</v>
      </c>
      <c r="F657">
        <v>0.59</v>
      </c>
      <c r="G657">
        <v>0.54</v>
      </c>
    </row>
    <row r="658" spans="1:7" x14ac:dyDescent="0.25">
      <c r="A658" t="s">
        <v>28</v>
      </c>
      <c r="B658">
        <v>101835</v>
      </c>
      <c r="C658">
        <v>22</v>
      </c>
      <c r="D658" t="s">
        <v>8</v>
      </c>
      <c r="E658">
        <v>0.45</v>
      </c>
      <c r="F658">
        <v>1.23</v>
      </c>
      <c r="G658">
        <v>0.45</v>
      </c>
    </row>
    <row r="659" spans="1:7" x14ac:dyDescent="0.25">
      <c r="A659" t="s">
        <v>20</v>
      </c>
      <c r="B659">
        <v>144300</v>
      </c>
      <c r="C659">
        <v>13</v>
      </c>
      <c r="D659" t="s">
        <v>10</v>
      </c>
      <c r="E659">
        <v>0.27</v>
      </c>
      <c r="F659">
        <v>1.03</v>
      </c>
      <c r="G659">
        <v>0.63</v>
      </c>
    </row>
    <row r="660" spans="1:7" x14ac:dyDescent="0.25">
      <c r="A660" t="s">
        <v>26</v>
      </c>
      <c r="B660">
        <v>80908</v>
      </c>
      <c r="C660">
        <v>14</v>
      </c>
      <c r="D660" t="s">
        <v>12</v>
      </c>
      <c r="E660">
        <v>0.43</v>
      </c>
      <c r="F660">
        <v>0.83</v>
      </c>
      <c r="G660">
        <v>0.09</v>
      </c>
    </row>
    <row r="661" spans="1:7" x14ac:dyDescent="0.25">
      <c r="A661" t="s">
        <v>18</v>
      </c>
      <c r="B661">
        <v>30567</v>
      </c>
      <c r="C661">
        <v>8</v>
      </c>
      <c r="D661" t="s">
        <v>24</v>
      </c>
      <c r="E661">
        <v>0.98</v>
      </c>
      <c r="F661">
        <v>1.1399999999999999</v>
      </c>
      <c r="G661">
        <v>0.41</v>
      </c>
    </row>
    <row r="662" spans="1:7" x14ac:dyDescent="0.25">
      <c r="A662" t="s">
        <v>27</v>
      </c>
      <c r="B662">
        <v>119342</v>
      </c>
      <c r="C662">
        <v>3</v>
      </c>
      <c r="D662" t="s">
        <v>12</v>
      </c>
      <c r="E662">
        <v>0.8</v>
      </c>
      <c r="F662">
        <v>1.47</v>
      </c>
      <c r="G662">
        <v>0.82</v>
      </c>
    </row>
    <row r="663" spans="1:7" x14ac:dyDescent="0.25">
      <c r="A663" t="s">
        <v>19</v>
      </c>
      <c r="B663">
        <v>106762</v>
      </c>
      <c r="C663">
        <v>7</v>
      </c>
      <c r="D663" t="s">
        <v>24</v>
      </c>
      <c r="E663">
        <v>0.06</v>
      </c>
      <c r="F663">
        <v>0.68</v>
      </c>
      <c r="G663">
        <v>0.89</v>
      </c>
    </row>
    <row r="664" spans="1:7" x14ac:dyDescent="0.25">
      <c r="A664" t="s">
        <v>30</v>
      </c>
      <c r="B664">
        <v>101486</v>
      </c>
      <c r="C664">
        <v>16</v>
      </c>
      <c r="D664" t="s">
        <v>10</v>
      </c>
      <c r="E664">
        <v>0.95</v>
      </c>
      <c r="F664">
        <v>0.86</v>
      </c>
      <c r="G664">
        <v>0.4</v>
      </c>
    </row>
    <row r="665" spans="1:7" x14ac:dyDescent="0.25">
      <c r="A665" t="s">
        <v>16</v>
      </c>
      <c r="B665">
        <v>56926</v>
      </c>
      <c r="C665">
        <v>15</v>
      </c>
      <c r="D665" t="s">
        <v>8</v>
      </c>
      <c r="E665">
        <v>0.91</v>
      </c>
      <c r="F665">
        <v>1.03</v>
      </c>
      <c r="G665">
        <v>0.36</v>
      </c>
    </row>
    <row r="666" spans="1:7" x14ac:dyDescent="0.25">
      <c r="A666" t="s">
        <v>9</v>
      </c>
      <c r="B666">
        <v>64986</v>
      </c>
      <c r="C666">
        <v>26</v>
      </c>
      <c r="D666" t="s">
        <v>10</v>
      </c>
      <c r="E666">
        <v>0.75</v>
      </c>
      <c r="F666">
        <v>1.36</v>
      </c>
      <c r="G666">
        <v>0.21</v>
      </c>
    </row>
    <row r="667" spans="1:7" x14ac:dyDescent="0.25">
      <c r="A667" t="s">
        <v>14</v>
      </c>
      <c r="B667">
        <v>30944</v>
      </c>
      <c r="C667">
        <v>9</v>
      </c>
      <c r="D667" t="s">
        <v>12</v>
      </c>
      <c r="E667">
        <v>0.52</v>
      </c>
      <c r="F667">
        <v>1.33</v>
      </c>
      <c r="G667">
        <v>0.47</v>
      </c>
    </row>
    <row r="668" spans="1:7" x14ac:dyDescent="0.25">
      <c r="A668" t="s">
        <v>18</v>
      </c>
      <c r="B668">
        <v>60540</v>
      </c>
      <c r="C668">
        <v>11</v>
      </c>
      <c r="D668" t="s">
        <v>8</v>
      </c>
      <c r="E668">
        <v>0.08</v>
      </c>
      <c r="F668">
        <v>0.75</v>
      </c>
      <c r="G668">
        <v>0.57999999999999996</v>
      </c>
    </row>
    <row r="669" spans="1:7" x14ac:dyDescent="0.25">
      <c r="A669" t="s">
        <v>22</v>
      </c>
      <c r="B669">
        <v>87410</v>
      </c>
      <c r="C669">
        <v>12</v>
      </c>
      <c r="D669" t="s">
        <v>24</v>
      </c>
      <c r="E669">
        <v>0.46</v>
      </c>
      <c r="F669">
        <v>1.05</v>
      </c>
      <c r="G669">
        <v>0.68</v>
      </c>
    </row>
    <row r="670" spans="1:7" x14ac:dyDescent="0.25">
      <c r="A670" t="s">
        <v>22</v>
      </c>
      <c r="B670">
        <v>148362</v>
      </c>
      <c r="C670">
        <v>2</v>
      </c>
      <c r="D670" t="s">
        <v>8</v>
      </c>
      <c r="E670">
        <v>0.56000000000000005</v>
      </c>
      <c r="F670">
        <v>0.8</v>
      </c>
      <c r="G670">
        <v>0.37</v>
      </c>
    </row>
    <row r="671" spans="1:7" x14ac:dyDescent="0.25">
      <c r="A671" t="s">
        <v>13</v>
      </c>
      <c r="B671">
        <v>72460</v>
      </c>
      <c r="C671">
        <v>12</v>
      </c>
      <c r="D671" t="s">
        <v>8</v>
      </c>
      <c r="E671">
        <v>0.6</v>
      </c>
      <c r="F671">
        <v>0.76</v>
      </c>
      <c r="G671">
        <v>0.51</v>
      </c>
    </row>
    <row r="672" spans="1:7" x14ac:dyDescent="0.25">
      <c r="A672" t="s">
        <v>28</v>
      </c>
      <c r="B672">
        <v>130257</v>
      </c>
      <c r="C672">
        <v>4</v>
      </c>
      <c r="D672" t="s">
        <v>8</v>
      </c>
      <c r="E672">
        <v>0.82</v>
      </c>
      <c r="F672">
        <v>0.69</v>
      </c>
      <c r="G672">
        <v>0.57999999999999996</v>
      </c>
    </row>
    <row r="673" spans="1:7" x14ac:dyDescent="0.25">
      <c r="A673" t="s">
        <v>27</v>
      </c>
      <c r="B673">
        <v>106054</v>
      </c>
      <c r="C673">
        <v>29</v>
      </c>
      <c r="D673" t="s">
        <v>12</v>
      </c>
      <c r="E673">
        <v>0.48</v>
      </c>
      <c r="F673">
        <v>0.54</v>
      </c>
      <c r="G673">
        <v>0.94</v>
      </c>
    </row>
    <row r="674" spans="1:7" x14ac:dyDescent="0.25">
      <c r="A674" t="s">
        <v>17</v>
      </c>
      <c r="B674">
        <v>139588</v>
      </c>
      <c r="C674">
        <v>26</v>
      </c>
      <c r="D674" t="s">
        <v>10</v>
      </c>
      <c r="E674">
        <v>0.66</v>
      </c>
      <c r="F674">
        <v>0.84</v>
      </c>
      <c r="G674">
        <v>0.22</v>
      </c>
    </row>
    <row r="675" spans="1:7" x14ac:dyDescent="0.25">
      <c r="A675" t="s">
        <v>18</v>
      </c>
      <c r="B675">
        <v>97143</v>
      </c>
      <c r="C675">
        <v>15</v>
      </c>
      <c r="D675" t="s">
        <v>24</v>
      </c>
      <c r="E675">
        <v>0.88</v>
      </c>
      <c r="F675">
        <v>0.71</v>
      </c>
      <c r="G675">
        <v>0.67</v>
      </c>
    </row>
    <row r="676" spans="1:7" x14ac:dyDescent="0.25">
      <c r="A676" t="s">
        <v>16</v>
      </c>
      <c r="B676">
        <v>49798</v>
      </c>
      <c r="C676">
        <v>14</v>
      </c>
      <c r="D676" t="s">
        <v>10</v>
      </c>
      <c r="E676">
        <v>0.01</v>
      </c>
      <c r="F676">
        <v>0.69</v>
      </c>
      <c r="G676">
        <v>0.34</v>
      </c>
    </row>
    <row r="677" spans="1:7" x14ac:dyDescent="0.25">
      <c r="A677" t="s">
        <v>26</v>
      </c>
      <c r="B677">
        <v>87748</v>
      </c>
      <c r="C677">
        <v>7</v>
      </c>
      <c r="D677" t="s">
        <v>10</v>
      </c>
      <c r="E677">
        <v>0.52</v>
      </c>
      <c r="F677">
        <v>1.24</v>
      </c>
      <c r="G677">
        <v>0.19</v>
      </c>
    </row>
    <row r="678" spans="1:7" x14ac:dyDescent="0.25">
      <c r="A678" t="s">
        <v>25</v>
      </c>
      <c r="B678">
        <v>46254</v>
      </c>
      <c r="C678">
        <v>16</v>
      </c>
      <c r="D678" t="s">
        <v>12</v>
      </c>
      <c r="E678">
        <v>0.62</v>
      </c>
      <c r="F678">
        <v>0.69</v>
      </c>
      <c r="G678">
        <v>0.82</v>
      </c>
    </row>
    <row r="679" spans="1:7" x14ac:dyDescent="0.25">
      <c r="A679" t="s">
        <v>28</v>
      </c>
      <c r="B679">
        <v>75211</v>
      </c>
      <c r="C679">
        <v>1</v>
      </c>
      <c r="D679" t="s">
        <v>24</v>
      </c>
      <c r="E679">
        <v>0.99</v>
      </c>
      <c r="F679">
        <v>1.45</v>
      </c>
      <c r="G679">
        <v>0.33</v>
      </c>
    </row>
    <row r="680" spans="1:7" x14ac:dyDescent="0.25">
      <c r="A680" t="s">
        <v>18</v>
      </c>
      <c r="B680">
        <v>39695</v>
      </c>
      <c r="C680">
        <v>6</v>
      </c>
      <c r="D680" t="s">
        <v>10</v>
      </c>
      <c r="E680">
        <v>0.35</v>
      </c>
      <c r="F680">
        <v>0.97</v>
      </c>
      <c r="G680">
        <v>0.43</v>
      </c>
    </row>
    <row r="681" spans="1:7" x14ac:dyDescent="0.25">
      <c r="A681" t="s">
        <v>16</v>
      </c>
      <c r="B681">
        <v>57740</v>
      </c>
      <c r="C681">
        <v>0</v>
      </c>
      <c r="D681" t="s">
        <v>24</v>
      </c>
      <c r="E681">
        <v>0.11</v>
      </c>
      <c r="F681">
        <v>1</v>
      </c>
      <c r="G681">
        <v>0.57999999999999996</v>
      </c>
    </row>
    <row r="682" spans="1:7" x14ac:dyDescent="0.25">
      <c r="A682" t="s">
        <v>7</v>
      </c>
      <c r="B682">
        <v>99306</v>
      </c>
      <c r="C682">
        <v>14</v>
      </c>
      <c r="D682" t="s">
        <v>24</v>
      </c>
      <c r="E682">
        <v>0.4</v>
      </c>
      <c r="F682">
        <v>0.6</v>
      </c>
      <c r="G682">
        <v>0.72</v>
      </c>
    </row>
    <row r="683" spans="1:7" x14ac:dyDescent="0.25">
      <c r="A683" t="s">
        <v>20</v>
      </c>
      <c r="B683">
        <v>54524</v>
      </c>
      <c r="C683">
        <v>17</v>
      </c>
      <c r="D683" t="s">
        <v>12</v>
      </c>
      <c r="E683">
        <v>0.42</v>
      </c>
      <c r="F683">
        <v>0.56999999999999995</v>
      </c>
      <c r="G683">
        <v>0.5</v>
      </c>
    </row>
    <row r="684" spans="1:7" x14ac:dyDescent="0.25">
      <c r="A684" t="s">
        <v>20</v>
      </c>
      <c r="B684">
        <v>92345</v>
      </c>
      <c r="C684">
        <v>23</v>
      </c>
      <c r="D684" t="s">
        <v>24</v>
      </c>
      <c r="E684">
        <v>0.19</v>
      </c>
      <c r="F684">
        <v>1.41</v>
      </c>
      <c r="G684">
        <v>0.51</v>
      </c>
    </row>
    <row r="685" spans="1:7" x14ac:dyDescent="0.25">
      <c r="A685" t="s">
        <v>17</v>
      </c>
      <c r="B685">
        <v>93220</v>
      </c>
      <c r="C685">
        <v>27</v>
      </c>
      <c r="D685" t="s">
        <v>8</v>
      </c>
      <c r="E685">
        <v>0.45</v>
      </c>
      <c r="F685">
        <v>1.47</v>
      </c>
      <c r="G685">
        <v>0.26</v>
      </c>
    </row>
    <row r="686" spans="1:7" x14ac:dyDescent="0.25">
      <c r="A686" t="s">
        <v>21</v>
      </c>
      <c r="B686">
        <v>108610</v>
      </c>
      <c r="C686">
        <v>13</v>
      </c>
      <c r="D686" t="s">
        <v>8</v>
      </c>
      <c r="E686">
        <v>0.43</v>
      </c>
      <c r="F686">
        <v>0.73</v>
      </c>
      <c r="G686">
        <v>0.7</v>
      </c>
    </row>
    <row r="687" spans="1:7" x14ac:dyDescent="0.25">
      <c r="A687" t="s">
        <v>14</v>
      </c>
      <c r="B687">
        <v>64722</v>
      </c>
      <c r="C687">
        <v>23</v>
      </c>
      <c r="D687" t="s">
        <v>24</v>
      </c>
      <c r="E687">
        <v>0.19</v>
      </c>
      <c r="F687">
        <v>1.17</v>
      </c>
      <c r="G687">
        <v>0.34</v>
      </c>
    </row>
    <row r="688" spans="1:7" x14ac:dyDescent="0.25">
      <c r="A688" t="s">
        <v>7</v>
      </c>
      <c r="B688">
        <v>70910</v>
      </c>
      <c r="C688">
        <v>20</v>
      </c>
      <c r="D688" t="s">
        <v>10</v>
      </c>
      <c r="E688">
        <v>0.92</v>
      </c>
      <c r="F688">
        <v>0.87</v>
      </c>
      <c r="G688">
        <v>0.93</v>
      </c>
    </row>
    <row r="689" spans="1:7" x14ac:dyDescent="0.25">
      <c r="A689" t="s">
        <v>15</v>
      </c>
      <c r="B689">
        <v>138347</v>
      </c>
      <c r="C689">
        <v>21</v>
      </c>
      <c r="D689" t="s">
        <v>24</v>
      </c>
      <c r="E689">
        <v>0.78</v>
      </c>
      <c r="F689">
        <v>0.96</v>
      </c>
      <c r="G689">
        <v>0.22</v>
      </c>
    </row>
    <row r="690" spans="1:7" x14ac:dyDescent="0.25">
      <c r="A690" t="s">
        <v>30</v>
      </c>
      <c r="B690">
        <v>58152</v>
      </c>
      <c r="C690">
        <v>13</v>
      </c>
      <c r="D690" t="s">
        <v>8</v>
      </c>
      <c r="E690">
        <v>0.82</v>
      </c>
      <c r="F690">
        <v>1.05</v>
      </c>
      <c r="G690">
        <v>0.48</v>
      </c>
    </row>
    <row r="691" spans="1:7" x14ac:dyDescent="0.25">
      <c r="A691" t="s">
        <v>21</v>
      </c>
      <c r="B691">
        <v>95063</v>
      </c>
      <c r="C691">
        <v>3</v>
      </c>
      <c r="D691" t="s">
        <v>10</v>
      </c>
      <c r="E691">
        <v>0.74</v>
      </c>
      <c r="F691">
        <v>1.03</v>
      </c>
      <c r="G691">
        <v>0.62</v>
      </c>
    </row>
    <row r="692" spans="1:7" x14ac:dyDescent="0.25">
      <c r="A692" t="s">
        <v>25</v>
      </c>
      <c r="B692">
        <v>125761</v>
      </c>
      <c r="C692">
        <v>21</v>
      </c>
      <c r="D692" t="s">
        <v>10</v>
      </c>
      <c r="E692">
        <v>0.86</v>
      </c>
      <c r="F692">
        <v>0.76</v>
      </c>
      <c r="G692">
        <v>0.76</v>
      </c>
    </row>
    <row r="693" spans="1:7" x14ac:dyDescent="0.25">
      <c r="A693" t="s">
        <v>23</v>
      </c>
      <c r="B693">
        <v>31645</v>
      </c>
      <c r="C693">
        <v>4</v>
      </c>
      <c r="D693" t="s">
        <v>12</v>
      </c>
      <c r="E693">
        <v>0.97</v>
      </c>
      <c r="F693">
        <v>1.32</v>
      </c>
      <c r="G693">
        <v>0.38</v>
      </c>
    </row>
    <row r="694" spans="1:7" x14ac:dyDescent="0.25">
      <c r="A694" t="s">
        <v>19</v>
      </c>
      <c r="B694">
        <v>73262</v>
      </c>
      <c r="C694">
        <v>2</v>
      </c>
      <c r="D694" t="s">
        <v>10</v>
      </c>
      <c r="E694">
        <v>0.64</v>
      </c>
      <c r="F694">
        <v>0.51</v>
      </c>
      <c r="G694">
        <v>0.71</v>
      </c>
    </row>
    <row r="695" spans="1:7" x14ac:dyDescent="0.25">
      <c r="A695" t="s">
        <v>25</v>
      </c>
      <c r="B695">
        <v>51730</v>
      </c>
      <c r="C695">
        <v>25</v>
      </c>
      <c r="D695" t="s">
        <v>12</v>
      </c>
      <c r="E695">
        <v>0.77</v>
      </c>
      <c r="F695">
        <v>0.72</v>
      </c>
      <c r="G695">
        <v>0.77</v>
      </c>
    </row>
    <row r="696" spans="1:7" x14ac:dyDescent="0.25">
      <c r="A696" t="s">
        <v>7</v>
      </c>
      <c r="B696">
        <v>123878</v>
      </c>
      <c r="C696">
        <v>5</v>
      </c>
      <c r="D696" t="s">
        <v>24</v>
      </c>
      <c r="E696">
        <v>0.76</v>
      </c>
      <c r="F696">
        <v>0.77</v>
      </c>
      <c r="G696">
        <v>0.82</v>
      </c>
    </row>
    <row r="697" spans="1:7" x14ac:dyDescent="0.25">
      <c r="A697" t="s">
        <v>13</v>
      </c>
      <c r="B697">
        <v>89300</v>
      </c>
      <c r="C697">
        <v>11</v>
      </c>
      <c r="D697" t="s">
        <v>12</v>
      </c>
      <c r="E697">
        <v>0.04</v>
      </c>
      <c r="F697">
        <v>0.93</v>
      </c>
      <c r="G697">
        <v>0.32</v>
      </c>
    </row>
    <row r="698" spans="1:7" x14ac:dyDescent="0.25">
      <c r="A698" t="s">
        <v>22</v>
      </c>
      <c r="B698">
        <v>131971</v>
      </c>
      <c r="C698">
        <v>5</v>
      </c>
      <c r="D698" t="s">
        <v>24</v>
      </c>
      <c r="E698">
        <v>0.87</v>
      </c>
      <c r="F698">
        <v>1.43</v>
      </c>
      <c r="G698">
        <v>0.43</v>
      </c>
    </row>
    <row r="699" spans="1:7" x14ac:dyDescent="0.25">
      <c r="A699" t="s">
        <v>18</v>
      </c>
      <c r="B699">
        <v>113441</v>
      </c>
      <c r="C699">
        <v>10</v>
      </c>
      <c r="D699" t="s">
        <v>24</v>
      </c>
      <c r="E699">
        <v>0.26</v>
      </c>
      <c r="F699">
        <v>1.1599999999999999</v>
      </c>
      <c r="G699">
        <v>0.31</v>
      </c>
    </row>
    <row r="700" spans="1:7" x14ac:dyDescent="0.25">
      <c r="A700" t="s">
        <v>19</v>
      </c>
      <c r="B700">
        <v>87589</v>
      </c>
      <c r="C700">
        <v>15</v>
      </c>
      <c r="D700" t="s">
        <v>24</v>
      </c>
      <c r="E700">
        <v>0.99</v>
      </c>
      <c r="F700">
        <v>1.48</v>
      </c>
      <c r="G700">
        <v>0.92</v>
      </c>
    </row>
    <row r="701" spans="1:7" x14ac:dyDescent="0.25">
      <c r="A701" t="s">
        <v>23</v>
      </c>
      <c r="B701">
        <v>113446</v>
      </c>
      <c r="C701">
        <v>8</v>
      </c>
      <c r="D701" t="s">
        <v>12</v>
      </c>
      <c r="E701">
        <v>0.73</v>
      </c>
      <c r="F701">
        <v>1.31</v>
      </c>
      <c r="G701">
        <v>0.64</v>
      </c>
    </row>
    <row r="702" spans="1:7" x14ac:dyDescent="0.25">
      <c r="A702" t="s">
        <v>25</v>
      </c>
      <c r="B702">
        <v>135301</v>
      </c>
      <c r="C702">
        <v>25</v>
      </c>
      <c r="D702" t="s">
        <v>8</v>
      </c>
      <c r="E702">
        <v>0.06</v>
      </c>
      <c r="F702">
        <v>1.07</v>
      </c>
      <c r="G702">
        <v>0.92</v>
      </c>
    </row>
    <row r="703" spans="1:7" x14ac:dyDescent="0.25">
      <c r="A703" t="s">
        <v>21</v>
      </c>
      <c r="B703">
        <v>118552</v>
      </c>
      <c r="C703">
        <v>4</v>
      </c>
      <c r="D703" t="s">
        <v>8</v>
      </c>
      <c r="E703">
        <v>0.43</v>
      </c>
      <c r="F703">
        <v>0.7</v>
      </c>
      <c r="G703">
        <v>0.66</v>
      </c>
    </row>
    <row r="704" spans="1:7" x14ac:dyDescent="0.25">
      <c r="A704" t="s">
        <v>30</v>
      </c>
      <c r="B704">
        <v>148977</v>
      </c>
      <c r="C704">
        <v>29</v>
      </c>
      <c r="D704" t="s">
        <v>10</v>
      </c>
      <c r="E704">
        <v>0.42</v>
      </c>
      <c r="F704">
        <v>1.07</v>
      </c>
      <c r="G704">
        <v>0.45</v>
      </c>
    </row>
    <row r="705" spans="1:7" x14ac:dyDescent="0.25">
      <c r="A705" t="s">
        <v>20</v>
      </c>
      <c r="B705">
        <v>48715</v>
      </c>
      <c r="C705">
        <v>17</v>
      </c>
      <c r="D705" t="s">
        <v>8</v>
      </c>
      <c r="E705">
        <v>0.73</v>
      </c>
      <c r="F705">
        <v>0.6</v>
      </c>
      <c r="G705">
        <v>0.59</v>
      </c>
    </row>
    <row r="706" spans="1:7" x14ac:dyDescent="0.25">
      <c r="A706" t="s">
        <v>18</v>
      </c>
      <c r="B706">
        <v>147045</v>
      </c>
      <c r="C706">
        <v>19</v>
      </c>
      <c r="D706" t="s">
        <v>10</v>
      </c>
      <c r="E706">
        <v>0.17</v>
      </c>
      <c r="F706">
        <v>0.53</v>
      </c>
      <c r="G706">
        <v>0.43</v>
      </c>
    </row>
    <row r="707" spans="1:7" x14ac:dyDescent="0.25">
      <c r="A707" t="s">
        <v>13</v>
      </c>
      <c r="B707">
        <v>40196</v>
      </c>
      <c r="C707">
        <v>16</v>
      </c>
      <c r="D707" t="s">
        <v>12</v>
      </c>
      <c r="E707">
        <v>0.6</v>
      </c>
      <c r="F707">
        <v>1.1100000000000001</v>
      </c>
      <c r="G707">
        <v>0.51</v>
      </c>
    </row>
    <row r="708" spans="1:7" x14ac:dyDescent="0.25">
      <c r="A708" t="s">
        <v>27</v>
      </c>
      <c r="B708">
        <v>141054</v>
      </c>
      <c r="C708">
        <v>25</v>
      </c>
      <c r="D708" t="s">
        <v>10</v>
      </c>
      <c r="E708">
        <v>0.47</v>
      </c>
      <c r="F708">
        <v>1.18</v>
      </c>
      <c r="G708">
        <v>0.92</v>
      </c>
    </row>
    <row r="709" spans="1:7" x14ac:dyDescent="0.25">
      <c r="A709" t="s">
        <v>19</v>
      </c>
      <c r="B709">
        <v>132785</v>
      </c>
      <c r="C709">
        <v>24</v>
      </c>
      <c r="D709" t="s">
        <v>10</v>
      </c>
      <c r="E709">
        <v>0.51</v>
      </c>
      <c r="F709">
        <v>1.17</v>
      </c>
      <c r="G709">
        <v>0.8</v>
      </c>
    </row>
    <row r="710" spans="1:7" x14ac:dyDescent="0.25">
      <c r="A710" t="s">
        <v>20</v>
      </c>
      <c r="B710">
        <v>123249</v>
      </c>
      <c r="C710">
        <v>23</v>
      </c>
      <c r="D710" t="s">
        <v>8</v>
      </c>
      <c r="E710">
        <v>0.49</v>
      </c>
      <c r="F710">
        <v>1.07</v>
      </c>
      <c r="G710">
        <v>0.59</v>
      </c>
    </row>
    <row r="711" spans="1:7" x14ac:dyDescent="0.25">
      <c r="A711" t="s">
        <v>9</v>
      </c>
      <c r="B711">
        <v>62500</v>
      </c>
      <c r="C711">
        <v>21</v>
      </c>
      <c r="D711" t="s">
        <v>24</v>
      </c>
      <c r="E711">
        <v>0.95</v>
      </c>
      <c r="F711">
        <v>1.1299999999999999</v>
      </c>
      <c r="G711">
        <v>0.14000000000000001</v>
      </c>
    </row>
    <row r="712" spans="1:7" x14ac:dyDescent="0.25">
      <c r="A712" t="s">
        <v>19</v>
      </c>
      <c r="B712">
        <v>136128</v>
      </c>
      <c r="C712">
        <v>9</v>
      </c>
      <c r="D712" t="s">
        <v>24</v>
      </c>
      <c r="E712">
        <v>0.49</v>
      </c>
      <c r="F712">
        <v>1.41</v>
      </c>
      <c r="G712">
        <v>0.91</v>
      </c>
    </row>
    <row r="713" spans="1:7" x14ac:dyDescent="0.25">
      <c r="A713" t="s">
        <v>15</v>
      </c>
      <c r="B713">
        <v>142109</v>
      </c>
      <c r="C713">
        <v>8</v>
      </c>
      <c r="D713" t="s">
        <v>24</v>
      </c>
      <c r="E713">
        <v>0.94</v>
      </c>
      <c r="F713">
        <v>0.87</v>
      </c>
      <c r="G713">
        <v>0.06</v>
      </c>
    </row>
    <row r="714" spans="1:7" x14ac:dyDescent="0.25">
      <c r="A714" t="s">
        <v>20</v>
      </c>
      <c r="B714">
        <v>87737</v>
      </c>
      <c r="C714">
        <v>25</v>
      </c>
      <c r="D714" t="s">
        <v>8</v>
      </c>
      <c r="E714">
        <v>0.75</v>
      </c>
      <c r="F714">
        <v>1.44</v>
      </c>
      <c r="G714">
        <v>0.54</v>
      </c>
    </row>
    <row r="715" spans="1:7" x14ac:dyDescent="0.25">
      <c r="A715" t="s">
        <v>17</v>
      </c>
      <c r="B715">
        <v>121903</v>
      </c>
      <c r="C715">
        <v>0</v>
      </c>
      <c r="D715" t="s">
        <v>8</v>
      </c>
      <c r="E715">
        <v>0.96</v>
      </c>
      <c r="F715">
        <v>0.71</v>
      </c>
      <c r="G715">
        <v>0.13</v>
      </c>
    </row>
    <row r="716" spans="1:7" x14ac:dyDescent="0.25">
      <c r="A716" t="s">
        <v>15</v>
      </c>
      <c r="B716">
        <v>141654</v>
      </c>
      <c r="C716">
        <v>27</v>
      </c>
      <c r="D716" t="s">
        <v>12</v>
      </c>
      <c r="E716">
        <v>0.64</v>
      </c>
      <c r="F716">
        <v>1.39</v>
      </c>
      <c r="G716">
        <v>0.27</v>
      </c>
    </row>
    <row r="717" spans="1:7" x14ac:dyDescent="0.25">
      <c r="A717" t="s">
        <v>20</v>
      </c>
      <c r="B717">
        <v>50662</v>
      </c>
      <c r="C717">
        <v>20</v>
      </c>
      <c r="D717" t="s">
        <v>12</v>
      </c>
      <c r="E717">
        <v>0.61</v>
      </c>
      <c r="F717">
        <v>1.2</v>
      </c>
      <c r="G717">
        <v>0.48</v>
      </c>
    </row>
    <row r="718" spans="1:7" x14ac:dyDescent="0.25">
      <c r="A718" t="s">
        <v>13</v>
      </c>
      <c r="B718">
        <v>116755</v>
      </c>
      <c r="C718">
        <v>1</v>
      </c>
      <c r="D718" t="s">
        <v>24</v>
      </c>
      <c r="E718">
        <v>0.44</v>
      </c>
      <c r="F718">
        <v>0.56000000000000005</v>
      </c>
      <c r="G718">
        <v>0.69</v>
      </c>
    </row>
    <row r="719" spans="1:7" x14ac:dyDescent="0.25">
      <c r="A719" t="s">
        <v>22</v>
      </c>
      <c r="B719">
        <v>133719</v>
      </c>
      <c r="C719">
        <v>6</v>
      </c>
      <c r="D719" t="s">
        <v>12</v>
      </c>
      <c r="E719">
        <v>0.16</v>
      </c>
      <c r="F719">
        <v>0.87</v>
      </c>
      <c r="G719">
        <v>0.64</v>
      </c>
    </row>
    <row r="720" spans="1:7" x14ac:dyDescent="0.25">
      <c r="A720" t="s">
        <v>18</v>
      </c>
      <c r="B720">
        <v>127427</v>
      </c>
      <c r="C720">
        <v>21</v>
      </c>
      <c r="D720" t="s">
        <v>24</v>
      </c>
      <c r="E720">
        <v>0.34</v>
      </c>
      <c r="F720">
        <v>1.04</v>
      </c>
      <c r="G720">
        <v>0.56999999999999995</v>
      </c>
    </row>
    <row r="721" spans="1:7" x14ac:dyDescent="0.25">
      <c r="A721" t="s">
        <v>28</v>
      </c>
      <c r="B721">
        <v>130628</v>
      </c>
      <c r="C721">
        <v>7</v>
      </c>
      <c r="D721" t="s">
        <v>10</v>
      </c>
      <c r="E721">
        <v>0.01</v>
      </c>
      <c r="F721">
        <v>1.49</v>
      </c>
      <c r="G721">
        <v>0.56999999999999995</v>
      </c>
    </row>
    <row r="722" spans="1:7" x14ac:dyDescent="0.25">
      <c r="A722" t="s">
        <v>17</v>
      </c>
      <c r="B722">
        <v>43686</v>
      </c>
      <c r="C722">
        <v>3</v>
      </c>
      <c r="D722" t="s">
        <v>12</v>
      </c>
      <c r="E722">
        <v>0.12</v>
      </c>
      <c r="F722">
        <v>0.99</v>
      </c>
      <c r="G722">
        <v>0.21</v>
      </c>
    </row>
    <row r="723" spans="1:7" x14ac:dyDescent="0.25">
      <c r="A723" t="s">
        <v>9</v>
      </c>
      <c r="B723">
        <v>57313</v>
      </c>
      <c r="C723">
        <v>26</v>
      </c>
      <c r="D723" t="s">
        <v>10</v>
      </c>
      <c r="E723">
        <v>0.85</v>
      </c>
      <c r="F723">
        <v>1.35</v>
      </c>
      <c r="G723">
        <v>0.17</v>
      </c>
    </row>
    <row r="724" spans="1:7" x14ac:dyDescent="0.25">
      <c r="A724" t="s">
        <v>20</v>
      </c>
      <c r="B724">
        <v>91404</v>
      </c>
      <c r="C724">
        <v>6</v>
      </c>
      <c r="D724" t="s">
        <v>8</v>
      </c>
      <c r="E724">
        <v>0.83</v>
      </c>
      <c r="F724">
        <v>0.91</v>
      </c>
      <c r="G724">
        <v>0.51</v>
      </c>
    </row>
    <row r="725" spans="1:7" x14ac:dyDescent="0.25">
      <c r="A725" t="s">
        <v>14</v>
      </c>
      <c r="B725">
        <v>109794</v>
      </c>
      <c r="C725">
        <v>20</v>
      </c>
      <c r="D725" t="s">
        <v>24</v>
      </c>
      <c r="E725">
        <v>0.54</v>
      </c>
      <c r="F725">
        <v>1.19</v>
      </c>
      <c r="G725">
        <v>0.49</v>
      </c>
    </row>
    <row r="726" spans="1:7" x14ac:dyDescent="0.25">
      <c r="A726" t="s">
        <v>18</v>
      </c>
      <c r="B726">
        <v>49416</v>
      </c>
      <c r="C726">
        <v>8</v>
      </c>
      <c r="D726" t="s">
        <v>10</v>
      </c>
      <c r="E726">
        <v>0.19</v>
      </c>
      <c r="F726">
        <v>0.52</v>
      </c>
      <c r="G726">
        <v>0.51</v>
      </c>
    </row>
    <row r="727" spans="1:7" x14ac:dyDescent="0.25">
      <c r="A727" t="s">
        <v>29</v>
      </c>
      <c r="B727">
        <v>56162</v>
      </c>
      <c r="C727">
        <v>9</v>
      </c>
      <c r="D727" t="s">
        <v>12</v>
      </c>
      <c r="E727">
        <v>0.43</v>
      </c>
      <c r="F727">
        <v>1.46</v>
      </c>
      <c r="G727">
        <v>0.23</v>
      </c>
    </row>
    <row r="728" spans="1:7" x14ac:dyDescent="0.25">
      <c r="A728" t="s">
        <v>19</v>
      </c>
      <c r="B728">
        <v>85420</v>
      </c>
      <c r="C728">
        <v>4</v>
      </c>
      <c r="D728" t="s">
        <v>24</v>
      </c>
      <c r="E728">
        <v>0.17</v>
      </c>
      <c r="F728">
        <v>1.21</v>
      </c>
      <c r="G728">
        <v>0.77</v>
      </c>
    </row>
    <row r="729" spans="1:7" x14ac:dyDescent="0.25">
      <c r="A729" t="s">
        <v>14</v>
      </c>
      <c r="B729">
        <v>82948</v>
      </c>
      <c r="C729">
        <v>4</v>
      </c>
      <c r="D729" t="s">
        <v>24</v>
      </c>
      <c r="E729">
        <v>0.59</v>
      </c>
      <c r="F729">
        <v>1.1499999999999999</v>
      </c>
      <c r="G729">
        <v>0.48</v>
      </c>
    </row>
    <row r="730" spans="1:7" x14ac:dyDescent="0.25">
      <c r="A730" t="s">
        <v>29</v>
      </c>
      <c r="B730">
        <v>91336</v>
      </c>
      <c r="C730">
        <v>8</v>
      </c>
      <c r="D730" t="s">
        <v>10</v>
      </c>
      <c r="E730">
        <v>0.16</v>
      </c>
      <c r="F730">
        <v>1.29</v>
      </c>
      <c r="G730">
        <v>0.3</v>
      </c>
    </row>
    <row r="731" spans="1:7" x14ac:dyDescent="0.25">
      <c r="A731" t="s">
        <v>18</v>
      </c>
      <c r="B731">
        <v>104474</v>
      </c>
      <c r="C731">
        <v>16</v>
      </c>
      <c r="D731" t="s">
        <v>8</v>
      </c>
      <c r="E731">
        <v>0.68</v>
      </c>
      <c r="F731">
        <v>1.18</v>
      </c>
      <c r="G731">
        <v>0.56999999999999995</v>
      </c>
    </row>
    <row r="732" spans="1:7" x14ac:dyDescent="0.25">
      <c r="A732" t="s">
        <v>19</v>
      </c>
      <c r="B732">
        <v>72628</v>
      </c>
      <c r="C732">
        <v>8</v>
      </c>
      <c r="D732" t="s">
        <v>8</v>
      </c>
      <c r="E732">
        <v>0.92</v>
      </c>
      <c r="F732">
        <v>0.98</v>
      </c>
      <c r="G732">
        <v>0.86</v>
      </c>
    </row>
    <row r="733" spans="1:7" x14ac:dyDescent="0.25">
      <c r="A733" t="s">
        <v>9</v>
      </c>
      <c r="B733">
        <v>135494</v>
      </c>
      <c r="C733">
        <v>19</v>
      </c>
      <c r="D733" t="s">
        <v>12</v>
      </c>
      <c r="E733">
        <v>0.62</v>
      </c>
      <c r="F733">
        <v>0.64</v>
      </c>
      <c r="G733">
        <v>0.18</v>
      </c>
    </row>
    <row r="734" spans="1:7" x14ac:dyDescent="0.25">
      <c r="A734" t="s">
        <v>16</v>
      </c>
      <c r="B734">
        <v>71751</v>
      </c>
      <c r="C734">
        <v>2</v>
      </c>
      <c r="D734" t="s">
        <v>12</v>
      </c>
      <c r="E734">
        <v>0.37</v>
      </c>
      <c r="F734">
        <v>0.57999999999999996</v>
      </c>
      <c r="G734">
        <v>0.59</v>
      </c>
    </row>
    <row r="735" spans="1:7" x14ac:dyDescent="0.25">
      <c r="A735" t="s">
        <v>27</v>
      </c>
      <c r="B735">
        <v>86087</v>
      </c>
      <c r="C735">
        <v>1</v>
      </c>
      <c r="D735" t="s">
        <v>12</v>
      </c>
      <c r="E735">
        <v>0.55000000000000004</v>
      </c>
      <c r="F735">
        <v>0.57999999999999996</v>
      </c>
      <c r="G735">
        <v>0.9</v>
      </c>
    </row>
    <row r="736" spans="1:7" x14ac:dyDescent="0.25">
      <c r="A736" t="s">
        <v>29</v>
      </c>
      <c r="B736">
        <v>127425</v>
      </c>
      <c r="C736">
        <v>29</v>
      </c>
      <c r="D736" t="s">
        <v>12</v>
      </c>
      <c r="E736">
        <v>0.61</v>
      </c>
      <c r="F736">
        <v>0.85</v>
      </c>
      <c r="G736">
        <v>0.13</v>
      </c>
    </row>
    <row r="737" spans="1:7" x14ac:dyDescent="0.25">
      <c r="A737" t="s">
        <v>22</v>
      </c>
      <c r="B737">
        <v>133587</v>
      </c>
      <c r="C737">
        <v>16</v>
      </c>
      <c r="D737" t="s">
        <v>24</v>
      </c>
      <c r="E737">
        <v>0.43</v>
      </c>
      <c r="F737">
        <v>0.99</v>
      </c>
      <c r="G737">
        <v>0.67</v>
      </c>
    </row>
    <row r="738" spans="1:7" x14ac:dyDescent="0.25">
      <c r="A738" t="s">
        <v>7</v>
      </c>
      <c r="B738">
        <v>140373</v>
      </c>
      <c r="C738">
        <v>5</v>
      </c>
      <c r="D738" t="s">
        <v>8</v>
      </c>
      <c r="E738">
        <v>0.63</v>
      </c>
      <c r="F738">
        <v>1.38</v>
      </c>
      <c r="G738">
        <v>0.92</v>
      </c>
    </row>
    <row r="739" spans="1:7" x14ac:dyDescent="0.25">
      <c r="A739" t="s">
        <v>15</v>
      </c>
      <c r="B739">
        <v>133080</v>
      </c>
      <c r="C739">
        <v>14</v>
      </c>
      <c r="D739" t="s">
        <v>24</v>
      </c>
      <c r="E739">
        <v>0.13</v>
      </c>
      <c r="F739">
        <v>1.0900000000000001</v>
      </c>
      <c r="G739">
        <v>0.21</v>
      </c>
    </row>
    <row r="740" spans="1:7" x14ac:dyDescent="0.25">
      <c r="A740" t="s">
        <v>28</v>
      </c>
      <c r="B740">
        <v>123012</v>
      </c>
      <c r="C740">
        <v>20</v>
      </c>
      <c r="D740" t="s">
        <v>10</v>
      </c>
      <c r="E740">
        <v>0.31</v>
      </c>
      <c r="F740">
        <v>1.07</v>
      </c>
      <c r="G740">
        <v>0.4</v>
      </c>
    </row>
    <row r="741" spans="1:7" x14ac:dyDescent="0.25">
      <c r="A741" t="s">
        <v>14</v>
      </c>
      <c r="B741">
        <v>76629</v>
      </c>
      <c r="C741">
        <v>11</v>
      </c>
      <c r="D741" t="s">
        <v>8</v>
      </c>
      <c r="E741">
        <v>0.61</v>
      </c>
      <c r="F741">
        <v>0.9</v>
      </c>
      <c r="G741">
        <v>0.56000000000000005</v>
      </c>
    </row>
    <row r="742" spans="1:7" x14ac:dyDescent="0.25">
      <c r="A742" t="s">
        <v>14</v>
      </c>
      <c r="B742">
        <v>33811</v>
      </c>
      <c r="C742">
        <v>3</v>
      </c>
      <c r="D742" t="s">
        <v>10</v>
      </c>
      <c r="E742">
        <v>0.55000000000000004</v>
      </c>
      <c r="F742">
        <v>0.88</v>
      </c>
      <c r="G742">
        <v>0.36</v>
      </c>
    </row>
    <row r="743" spans="1:7" x14ac:dyDescent="0.25">
      <c r="A743" t="s">
        <v>17</v>
      </c>
      <c r="B743">
        <v>95283</v>
      </c>
      <c r="C743">
        <v>4</v>
      </c>
      <c r="D743" t="s">
        <v>12</v>
      </c>
      <c r="E743">
        <v>0.3</v>
      </c>
      <c r="F743">
        <v>1.39</v>
      </c>
      <c r="G743">
        <v>0.3</v>
      </c>
    </row>
    <row r="744" spans="1:7" x14ac:dyDescent="0.25">
      <c r="A744" t="s">
        <v>29</v>
      </c>
      <c r="B744">
        <v>113205</v>
      </c>
      <c r="C744">
        <v>1</v>
      </c>
      <c r="D744" t="s">
        <v>12</v>
      </c>
      <c r="E744">
        <v>0.15</v>
      </c>
      <c r="F744">
        <v>0.77</v>
      </c>
      <c r="G744">
        <v>0.11</v>
      </c>
    </row>
    <row r="745" spans="1:7" x14ac:dyDescent="0.25">
      <c r="A745" t="s">
        <v>18</v>
      </c>
      <c r="B745">
        <v>100453</v>
      </c>
      <c r="C745">
        <v>28</v>
      </c>
      <c r="D745" t="s">
        <v>24</v>
      </c>
      <c r="E745">
        <v>0.57999999999999996</v>
      </c>
      <c r="F745">
        <v>0.67</v>
      </c>
      <c r="G745">
        <v>0.47</v>
      </c>
    </row>
    <row r="746" spans="1:7" x14ac:dyDescent="0.25">
      <c r="A746" t="s">
        <v>29</v>
      </c>
      <c r="B746">
        <v>68397</v>
      </c>
      <c r="C746">
        <v>14</v>
      </c>
      <c r="D746" t="s">
        <v>8</v>
      </c>
      <c r="E746">
        <v>0.84</v>
      </c>
      <c r="F746">
        <v>1.18</v>
      </c>
      <c r="G746">
        <v>0.1</v>
      </c>
    </row>
    <row r="747" spans="1:7" x14ac:dyDescent="0.25">
      <c r="A747" t="s">
        <v>21</v>
      </c>
      <c r="B747">
        <v>113824</v>
      </c>
      <c r="C747">
        <v>10</v>
      </c>
      <c r="D747" t="s">
        <v>24</v>
      </c>
      <c r="E747">
        <v>0.1</v>
      </c>
      <c r="F747">
        <v>1.34</v>
      </c>
      <c r="G747">
        <v>0.63</v>
      </c>
    </row>
    <row r="748" spans="1:7" x14ac:dyDescent="0.25">
      <c r="A748" t="s">
        <v>22</v>
      </c>
      <c r="B748">
        <v>50758</v>
      </c>
      <c r="C748">
        <v>26</v>
      </c>
      <c r="D748" t="s">
        <v>24</v>
      </c>
      <c r="E748">
        <v>0.79</v>
      </c>
      <c r="F748">
        <v>0.72</v>
      </c>
      <c r="G748">
        <v>0.33</v>
      </c>
    </row>
    <row r="749" spans="1:7" x14ac:dyDescent="0.25">
      <c r="A749" t="s">
        <v>16</v>
      </c>
      <c r="B749">
        <v>135900</v>
      </c>
      <c r="C749">
        <v>8</v>
      </c>
      <c r="D749" t="s">
        <v>8</v>
      </c>
      <c r="E749">
        <v>0.78</v>
      </c>
      <c r="F749">
        <v>0.83</v>
      </c>
      <c r="G749">
        <v>0.43</v>
      </c>
    </row>
    <row r="750" spans="1:7" x14ac:dyDescent="0.25">
      <c r="A750" t="s">
        <v>15</v>
      </c>
      <c r="B750">
        <v>133613</v>
      </c>
      <c r="C750">
        <v>11</v>
      </c>
      <c r="D750" t="s">
        <v>10</v>
      </c>
      <c r="E750">
        <v>0.71</v>
      </c>
      <c r="F750">
        <v>1.37</v>
      </c>
      <c r="G750">
        <v>0.06</v>
      </c>
    </row>
    <row r="751" spans="1:7" x14ac:dyDescent="0.25">
      <c r="A751" t="s">
        <v>18</v>
      </c>
      <c r="B751">
        <v>93115</v>
      </c>
      <c r="C751">
        <v>10</v>
      </c>
      <c r="D751" t="s">
        <v>12</v>
      </c>
      <c r="E751">
        <v>7.0000000000000007E-2</v>
      </c>
      <c r="F751">
        <v>0.67</v>
      </c>
      <c r="G751">
        <v>0.42</v>
      </c>
    </row>
    <row r="752" spans="1:7" x14ac:dyDescent="0.25">
      <c r="A752" t="s">
        <v>9</v>
      </c>
      <c r="B752">
        <v>129683</v>
      </c>
      <c r="C752">
        <v>11</v>
      </c>
      <c r="D752" t="s">
        <v>8</v>
      </c>
      <c r="E752">
        <v>0.38</v>
      </c>
      <c r="F752">
        <v>1.21</v>
      </c>
      <c r="G752">
        <v>0.06</v>
      </c>
    </row>
    <row r="753" spans="1:7" x14ac:dyDescent="0.25">
      <c r="A753" t="s">
        <v>30</v>
      </c>
      <c r="B753">
        <v>83013</v>
      </c>
      <c r="C753">
        <v>15</v>
      </c>
      <c r="D753" t="s">
        <v>24</v>
      </c>
      <c r="E753">
        <v>0.25</v>
      </c>
      <c r="F753">
        <v>0.84</v>
      </c>
      <c r="G753">
        <v>0.48</v>
      </c>
    </row>
    <row r="754" spans="1:7" x14ac:dyDescent="0.25">
      <c r="A754" t="s">
        <v>17</v>
      </c>
      <c r="B754">
        <v>45233</v>
      </c>
      <c r="C754">
        <v>16</v>
      </c>
      <c r="D754" t="s">
        <v>12</v>
      </c>
      <c r="E754">
        <v>0.68</v>
      </c>
      <c r="F754">
        <v>0.98</v>
      </c>
      <c r="G754">
        <v>0.09</v>
      </c>
    </row>
    <row r="755" spans="1:7" x14ac:dyDescent="0.25">
      <c r="A755" t="s">
        <v>29</v>
      </c>
      <c r="B755">
        <v>50765</v>
      </c>
      <c r="C755">
        <v>19</v>
      </c>
      <c r="D755" t="s">
        <v>10</v>
      </c>
      <c r="E755">
        <v>0.68</v>
      </c>
      <c r="F755">
        <v>0.56000000000000005</v>
      </c>
      <c r="G755">
        <v>0.19</v>
      </c>
    </row>
    <row r="756" spans="1:7" x14ac:dyDescent="0.25">
      <c r="A756" t="s">
        <v>25</v>
      </c>
      <c r="B756">
        <v>108766</v>
      </c>
      <c r="C756">
        <v>18</v>
      </c>
      <c r="D756" t="s">
        <v>24</v>
      </c>
      <c r="E756">
        <v>0.14000000000000001</v>
      </c>
      <c r="F756">
        <v>0.85</v>
      </c>
      <c r="G756">
        <v>0.8</v>
      </c>
    </row>
    <row r="757" spans="1:7" x14ac:dyDescent="0.25">
      <c r="A757" t="s">
        <v>27</v>
      </c>
      <c r="B757">
        <v>64297</v>
      </c>
      <c r="C757">
        <v>16</v>
      </c>
      <c r="D757" t="s">
        <v>12</v>
      </c>
      <c r="E757">
        <v>0.84</v>
      </c>
      <c r="F757">
        <v>1.03</v>
      </c>
      <c r="G757">
        <v>0.75</v>
      </c>
    </row>
    <row r="758" spans="1:7" x14ac:dyDescent="0.25">
      <c r="A758" t="s">
        <v>18</v>
      </c>
      <c r="B758">
        <v>76126</v>
      </c>
      <c r="C758">
        <v>10</v>
      </c>
      <c r="D758" t="s">
        <v>12</v>
      </c>
      <c r="E758">
        <v>0.56999999999999995</v>
      </c>
      <c r="F758">
        <v>1.39</v>
      </c>
      <c r="G758">
        <v>0.49</v>
      </c>
    </row>
    <row r="759" spans="1:7" x14ac:dyDescent="0.25">
      <c r="A759" t="s">
        <v>17</v>
      </c>
      <c r="B759">
        <v>112694</v>
      </c>
      <c r="C759">
        <v>27</v>
      </c>
      <c r="D759" t="s">
        <v>8</v>
      </c>
      <c r="E759">
        <v>0.38</v>
      </c>
      <c r="F759">
        <v>1.43</v>
      </c>
      <c r="G759">
        <v>0.16</v>
      </c>
    </row>
    <row r="760" spans="1:7" x14ac:dyDescent="0.25">
      <c r="A760" t="s">
        <v>26</v>
      </c>
      <c r="B760">
        <v>117287</v>
      </c>
      <c r="C760">
        <v>21</v>
      </c>
      <c r="D760" t="s">
        <v>12</v>
      </c>
      <c r="E760">
        <v>0.7</v>
      </c>
      <c r="F760">
        <v>0.6</v>
      </c>
      <c r="G760">
        <v>0.28000000000000003</v>
      </c>
    </row>
    <row r="761" spans="1:7" x14ac:dyDescent="0.25">
      <c r="A761" t="s">
        <v>29</v>
      </c>
      <c r="B761">
        <v>31082</v>
      </c>
      <c r="C761">
        <v>12</v>
      </c>
      <c r="D761" t="s">
        <v>24</v>
      </c>
      <c r="E761">
        <v>0.25</v>
      </c>
      <c r="F761">
        <v>1.23</v>
      </c>
      <c r="G761">
        <v>0.16</v>
      </c>
    </row>
    <row r="762" spans="1:7" x14ac:dyDescent="0.25">
      <c r="A762" t="s">
        <v>7</v>
      </c>
      <c r="B762">
        <v>137252</v>
      </c>
      <c r="C762">
        <v>23</v>
      </c>
      <c r="D762" t="s">
        <v>24</v>
      </c>
      <c r="E762">
        <v>0.97</v>
      </c>
      <c r="F762">
        <v>0.98</v>
      </c>
      <c r="G762">
        <v>0.88</v>
      </c>
    </row>
    <row r="763" spans="1:7" x14ac:dyDescent="0.25">
      <c r="A763" t="s">
        <v>14</v>
      </c>
      <c r="B763">
        <v>31511</v>
      </c>
      <c r="C763">
        <v>17</v>
      </c>
      <c r="D763" t="s">
        <v>24</v>
      </c>
      <c r="E763">
        <v>0.56000000000000005</v>
      </c>
      <c r="F763">
        <v>0.79</v>
      </c>
      <c r="G763">
        <v>0.68</v>
      </c>
    </row>
    <row r="764" spans="1:7" x14ac:dyDescent="0.25">
      <c r="A764" t="s">
        <v>27</v>
      </c>
      <c r="B764">
        <v>33145</v>
      </c>
      <c r="C764">
        <v>9</v>
      </c>
      <c r="D764" t="s">
        <v>8</v>
      </c>
      <c r="E764">
        <v>0.69</v>
      </c>
      <c r="F764">
        <v>0.89</v>
      </c>
      <c r="G764">
        <v>0.79</v>
      </c>
    </row>
    <row r="765" spans="1:7" x14ac:dyDescent="0.25">
      <c r="A765" t="s">
        <v>13</v>
      </c>
      <c r="B765">
        <v>115642</v>
      </c>
      <c r="C765">
        <v>19</v>
      </c>
      <c r="D765" t="s">
        <v>10</v>
      </c>
      <c r="E765">
        <v>0.22</v>
      </c>
      <c r="F765">
        <v>0.7</v>
      </c>
      <c r="G765">
        <v>0.37</v>
      </c>
    </row>
    <row r="766" spans="1:7" x14ac:dyDescent="0.25">
      <c r="A766" t="s">
        <v>26</v>
      </c>
      <c r="B766">
        <v>128303</v>
      </c>
      <c r="C766">
        <v>9</v>
      </c>
      <c r="D766" t="s">
        <v>24</v>
      </c>
      <c r="E766">
        <v>0.56000000000000005</v>
      </c>
      <c r="F766">
        <v>1.1499999999999999</v>
      </c>
      <c r="G766">
        <v>0.09</v>
      </c>
    </row>
    <row r="767" spans="1:7" x14ac:dyDescent="0.25">
      <c r="A767" t="s">
        <v>11</v>
      </c>
      <c r="B767">
        <v>81142</v>
      </c>
      <c r="C767">
        <v>16</v>
      </c>
      <c r="D767" t="s">
        <v>24</v>
      </c>
      <c r="E767">
        <v>0.59</v>
      </c>
      <c r="F767">
        <v>0.85</v>
      </c>
      <c r="G767">
        <v>0.82</v>
      </c>
    </row>
    <row r="768" spans="1:7" x14ac:dyDescent="0.25">
      <c r="A768" t="s">
        <v>9</v>
      </c>
      <c r="B768">
        <v>89817</v>
      </c>
      <c r="C768">
        <v>13</v>
      </c>
      <c r="D768" t="s">
        <v>10</v>
      </c>
      <c r="E768">
        <v>0.96</v>
      </c>
      <c r="F768">
        <v>1</v>
      </c>
      <c r="G768">
        <v>0.28000000000000003</v>
      </c>
    </row>
    <row r="769" spans="1:7" x14ac:dyDescent="0.25">
      <c r="A769" t="s">
        <v>21</v>
      </c>
      <c r="B769">
        <v>124410</v>
      </c>
      <c r="C769">
        <v>0</v>
      </c>
      <c r="D769" t="s">
        <v>8</v>
      </c>
      <c r="E769">
        <v>0.17</v>
      </c>
      <c r="F769">
        <v>0.84</v>
      </c>
      <c r="G769">
        <v>0.46</v>
      </c>
    </row>
    <row r="770" spans="1:7" x14ac:dyDescent="0.25">
      <c r="A770" t="s">
        <v>28</v>
      </c>
      <c r="B770">
        <v>138139</v>
      </c>
      <c r="C770">
        <v>15</v>
      </c>
      <c r="D770" t="s">
        <v>24</v>
      </c>
      <c r="E770">
        <v>0.78</v>
      </c>
      <c r="F770">
        <v>1.1000000000000001</v>
      </c>
      <c r="G770">
        <v>0.56000000000000005</v>
      </c>
    </row>
    <row r="771" spans="1:7" x14ac:dyDescent="0.25">
      <c r="A771" t="s">
        <v>9</v>
      </c>
      <c r="B771">
        <v>78657</v>
      </c>
      <c r="C771">
        <v>18</v>
      </c>
      <c r="D771" t="s">
        <v>10</v>
      </c>
      <c r="E771">
        <v>0.95</v>
      </c>
      <c r="F771">
        <v>0.63</v>
      </c>
      <c r="G771">
        <v>0.22</v>
      </c>
    </row>
    <row r="772" spans="1:7" x14ac:dyDescent="0.25">
      <c r="A772" t="s">
        <v>27</v>
      </c>
      <c r="B772">
        <v>69309</v>
      </c>
      <c r="C772">
        <v>8</v>
      </c>
      <c r="D772" t="s">
        <v>10</v>
      </c>
      <c r="E772">
        <v>0.56999999999999995</v>
      </c>
      <c r="F772">
        <v>1.39</v>
      </c>
      <c r="G772">
        <v>0.86</v>
      </c>
    </row>
    <row r="773" spans="1:7" x14ac:dyDescent="0.25">
      <c r="A773" t="s">
        <v>20</v>
      </c>
      <c r="B773">
        <v>68669</v>
      </c>
      <c r="C773">
        <v>17</v>
      </c>
      <c r="D773" t="s">
        <v>8</v>
      </c>
      <c r="E773">
        <v>0.49</v>
      </c>
      <c r="F773">
        <v>1.36</v>
      </c>
      <c r="G773">
        <v>0.34</v>
      </c>
    </row>
    <row r="774" spans="1:7" x14ac:dyDescent="0.25">
      <c r="A774" t="s">
        <v>27</v>
      </c>
      <c r="B774">
        <v>87033</v>
      </c>
      <c r="C774">
        <v>27</v>
      </c>
      <c r="D774" t="s">
        <v>10</v>
      </c>
      <c r="E774">
        <v>0.82</v>
      </c>
      <c r="F774">
        <v>0.7</v>
      </c>
      <c r="G774">
        <v>0.75</v>
      </c>
    </row>
    <row r="775" spans="1:7" x14ac:dyDescent="0.25">
      <c r="A775" t="s">
        <v>17</v>
      </c>
      <c r="B775">
        <v>80658</v>
      </c>
      <c r="C775">
        <v>5</v>
      </c>
      <c r="D775" t="s">
        <v>10</v>
      </c>
      <c r="E775">
        <v>0.96</v>
      </c>
      <c r="F775">
        <v>0.57999999999999996</v>
      </c>
      <c r="G775">
        <v>0.16</v>
      </c>
    </row>
    <row r="776" spans="1:7" x14ac:dyDescent="0.25">
      <c r="A776" t="s">
        <v>13</v>
      </c>
      <c r="B776">
        <v>136081</v>
      </c>
      <c r="C776">
        <v>29</v>
      </c>
      <c r="D776" t="s">
        <v>12</v>
      </c>
      <c r="E776">
        <v>0.84</v>
      </c>
      <c r="F776">
        <v>0.98</v>
      </c>
      <c r="G776">
        <v>0.51</v>
      </c>
    </row>
    <row r="777" spans="1:7" x14ac:dyDescent="0.25">
      <c r="A777" t="s">
        <v>13</v>
      </c>
      <c r="B777">
        <v>48728</v>
      </c>
      <c r="C777">
        <v>11</v>
      </c>
      <c r="D777" t="s">
        <v>24</v>
      </c>
      <c r="E777">
        <v>0.65</v>
      </c>
      <c r="F777">
        <v>1.43</v>
      </c>
      <c r="G777">
        <v>0.36</v>
      </c>
    </row>
    <row r="778" spans="1:7" x14ac:dyDescent="0.25">
      <c r="A778" t="s">
        <v>18</v>
      </c>
      <c r="B778">
        <v>52286</v>
      </c>
      <c r="C778">
        <v>15</v>
      </c>
      <c r="D778" t="s">
        <v>12</v>
      </c>
      <c r="E778">
        <v>0.97</v>
      </c>
      <c r="F778">
        <v>1.18</v>
      </c>
      <c r="G778">
        <v>0.3</v>
      </c>
    </row>
    <row r="779" spans="1:7" x14ac:dyDescent="0.25">
      <c r="A779" t="s">
        <v>14</v>
      </c>
      <c r="B779">
        <v>55727</v>
      </c>
      <c r="C779">
        <v>28</v>
      </c>
      <c r="D779" t="s">
        <v>10</v>
      </c>
      <c r="E779">
        <v>0.19</v>
      </c>
      <c r="F779">
        <v>1.4</v>
      </c>
      <c r="G779">
        <v>0.38</v>
      </c>
    </row>
    <row r="780" spans="1:7" x14ac:dyDescent="0.25">
      <c r="A780" t="s">
        <v>30</v>
      </c>
      <c r="B780">
        <v>104638</v>
      </c>
      <c r="C780">
        <v>10</v>
      </c>
      <c r="D780" t="s">
        <v>8</v>
      </c>
      <c r="E780">
        <v>1</v>
      </c>
      <c r="F780">
        <v>0.67</v>
      </c>
      <c r="G780">
        <v>0.61</v>
      </c>
    </row>
    <row r="781" spans="1:7" x14ac:dyDescent="0.25">
      <c r="A781" t="s">
        <v>22</v>
      </c>
      <c r="B781">
        <v>119363</v>
      </c>
      <c r="C781">
        <v>1</v>
      </c>
      <c r="D781" t="s">
        <v>10</v>
      </c>
      <c r="E781">
        <v>0.35</v>
      </c>
      <c r="F781">
        <v>1.39</v>
      </c>
      <c r="G781">
        <v>0.37</v>
      </c>
    </row>
    <row r="782" spans="1:7" x14ac:dyDescent="0.25">
      <c r="A782" t="s">
        <v>11</v>
      </c>
      <c r="B782">
        <v>141597</v>
      </c>
      <c r="C782">
        <v>26</v>
      </c>
      <c r="D782" t="s">
        <v>24</v>
      </c>
      <c r="E782">
        <v>0.74</v>
      </c>
      <c r="F782">
        <v>0.96</v>
      </c>
      <c r="G782">
        <v>0.84</v>
      </c>
    </row>
    <row r="783" spans="1:7" x14ac:dyDescent="0.25">
      <c r="A783" t="s">
        <v>30</v>
      </c>
      <c r="B783">
        <v>72756</v>
      </c>
      <c r="C783">
        <v>18</v>
      </c>
      <c r="D783" t="s">
        <v>10</v>
      </c>
      <c r="E783">
        <v>0.61</v>
      </c>
      <c r="F783">
        <v>1.35</v>
      </c>
      <c r="G783">
        <v>0.49</v>
      </c>
    </row>
    <row r="784" spans="1:7" x14ac:dyDescent="0.25">
      <c r="A784" t="s">
        <v>9</v>
      </c>
      <c r="B784">
        <v>77774</v>
      </c>
      <c r="C784">
        <v>10</v>
      </c>
      <c r="D784" t="s">
        <v>12</v>
      </c>
      <c r="E784">
        <v>0.95</v>
      </c>
      <c r="F784">
        <v>1.1399999999999999</v>
      </c>
      <c r="G784">
        <v>0.27</v>
      </c>
    </row>
    <row r="785" spans="1:7" x14ac:dyDescent="0.25">
      <c r="A785" t="s">
        <v>25</v>
      </c>
      <c r="B785">
        <v>119865</v>
      </c>
      <c r="C785">
        <v>12</v>
      </c>
      <c r="D785" t="s">
        <v>8</v>
      </c>
      <c r="E785">
        <v>0.95</v>
      </c>
      <c r="F785">
        <v>1.2</v>
      </c>
      <c r="G785">
        <v>0.71</v>
      </c>
    </row>
    <row r="786" spans="1:7" x14ac:dyDescent="0.25">
      <c r="A786" t="s">
        <v>15</v>
      </c>
      <c r="B786">
        <v>33692</v>
      </c>
      <c r="C786">
        <v>25</v>
      </c>
      <c r="D786" t="s">
        <v>12</v>
      </c>
      <c r="E786">
        <v>0.73</v>
      </c>
      <c r="F786">
        <v>1.3</v>
      </c>
      <c r="G786">
        <v>0.28999999999999998</v>
      </c>
    </row>
    <row r="787" spans="1:7" x14ac:dyDescent="0.25">
      <c r="A787" t="s">
        <v>9</v>
      </c>
      <c r="B787">
        <v>139419</v>
      </c>
      <c r="C787">
        <v>4</v>
      </c>
      <c r="D787" t="s">
        <v>10</v>
      </c>
      <c r="E787">
        <v>0.39</v>
      </c>
      <c r="F787">
        <v>0.91</v>
      </c>
      <c r="G787">
        <v>0.09</v>
      </c>
    </row>
    <row r="788" spans="1:7" x14ac:dyDescent="0.25">
      <c r="A788" t="s">
        <v>27</v>
      </c>
      <c r="B788">
        <v>48782</v>
      </c>
      <c r="C788">
        <v>6</v>
      </c>
      <c r="D788" t="s">
        <v>24</v>
      </c>
      <c r="E788">
        <v>0.09</v>
      </c>
      <c r="F788">
        <v>1.36</v>
      </c>
      <c r="G788">
        <v>0.9</v>
      </c>
    </row>
    <row r="789" spans="1:7" x14ac:dyDescent="0.25">
      <c r="A789" t="s">
        <v>25</v>
      </c>
      <c r="B789">
        <v>140349</v>
      </c>
      <c r="C789">
        <v>14</v>
      </c>
      <c r="D789" t="s">
        <v>8</v>
      </c>
      <c r="E789">
        <v>0.53</v>
      </c>
      <c r="F789">
        <v>0.91</v>
      </c>
      <c r="G789">
        <v>0.77</v>
      </c>
    </row>
    <row r="790" spans="1:7" x14ac:dyDescent="0.25">
      <c r="A790" t="s">
        <v>13</v>
      </c>
      <c r="B790">
        <v>80075</v>
      </c>
      <c r="C790">
        <v>22</v>
      </c>
      <c r="D790" t="s">
        <v>24</v>
      </c>
      <c r="E790">
        <v>0.65</v>
      </c>
      <c r="F790">
        <v>1.45</v>
      </c>
      <c r="G790">
        <v>0.62</v>
      </c>
    </row>
    <row r="791" spans="1:7" x14ac:dyDescent="0.25">
      <c r="A791" t="s">
        <v>16</v>
      </c>
      <c r="B791">
        <v>120629</v>
      </c>
      <c r="C791">
        <v>22</v>
      </c>
      <c r="D791" t="s">
        <v>24</v>
      </c>
      <c r="E791">
        <v>0.36</v>
      </c>
      <c r="F791">
        <v>1.23</v>
      </c>
      <c r="G791">
        <v>0.34</v>
      </c>
    </row>
    <row r="792" spans="1:7" x14ac:dyDescent="0.25">
      <c r="A792" t="s">
        <v>15</v>
      </c>
      <c r="B792">
        <v>135899</v>
      </c>
      <c r="C792">
        <v>24</v>
      </c>
      <c r="D792" t="s">
        <v>24</v>
      </c>
      <c r="E792">
        <v>0.53</v>
      </c>
      <c r="F792">
        <v>1.25</v>
      </c>
      <c r="G792">
        <v>0.16</v>
      </c>
    </row>
    <row r="793" spans="1:7" x14ac:dyDescent="0.25">
      <c r="A793" t="s">
        <v>30</v>
      </c>
      <c r="B793">
        <v>115333</v>
      </c>
      <c r="C793">
        <v>1</v>
      </c>
      <c r="D793" t="s">
        <v>8</v>
      </c>
      <c r="E793">
        <v>0.28999999999999998</v>
      </c>
      <c r="F793">
        <v>0.82</v>
      </c>
      <c r="G793">
        <v>0.56999999999999995</v>
      </c>
    </row>
    <row r="794" spans="1:7" x14ac:dyDescent="0.25">
      <c r="A794" t="s">
        <v>16</v>
      </c>
      <c r="B794">
        <v>93908</v>
      </c>
      <c r="C794">
        <v>22</v>
      </c>
      <c r="D794" t="s">
        <v>8</v>
      </c>
      <c r="E794">
        <v>0.67</v>
      </c>
      <c r="F794">
        <v>0.97</v>
      </c>
      <c r="G794">
        <v>0.44</v>
      </c>
    </row>
    <row r="795" spans="1:7" x14ac:dyDescent="0.25">
      <c r="A795" t="s">
        <v>25</v>
      </c>
      <c r="B795">
        <v>41564</v>
      </c>
      <c r="C795">
        <v>3</v>
      </c>
      <c r="D795" t="s">
        <v>8</v>
      </c>
      <c r="E795">
        <v>0.67</v>
      </c>
      <c r="F795">
        <v>0.75</v>
      </c>
      <c r="G795">
        <v>0.78</v>
      </c>
    </row>
    <row r="796" spans="1:7" x14ac:dyDescent="0.25">
      <c r="A796" t="s">
        <v>27</v>
      </c>
      <c r="B796">
        <v>144507</v>
      </c>
      <c r="C796">
        <v>9</v>
      </c>
      <c r="D796" t="s">
        <v>12</v>
      </c>
      <c r="E796">
        <v>0.56000000000000005</v>
      </c>
      <c r="F796">
        <v>1.0900000000000001</v>
      </c>
      <c r="G796">
        <v>0.79</v>
      </c>
    </row>
    <row r="797" spans="1:7" x14ac:dyDescent="0.25">
      <c r="A797" t="s">
        <v>23</v>
      </c>
      <c r="B797">
        <v>147679</v>
      </c>
      <c r="C797">
        <v>29</v>
      </c>
      <c r="D797" t="s">
        <v>8</v>
      </c>
      <c r="E797">
        <v>0.92</v>
      </c>
      <c r="F797">
        <v>1.19</v>
      </c>
      <c r="G797">
        <v>0.6</v>
      </c>
    </row>
    <row r="798" spans="1:7" x14ac:dyDescent="0.25">
      <c r="A798" t="s">
        <v>9</v>
      </c>
      <c r="B798">
        <v>132811</v>
      </c>
      <c r="C798">
        <v>12</v>
      </c>
      <c r="D798" t="s">
        <v>8</v>
      </c>
      <c r="E798">
        <v>0.82</v>
      </c>
      <c r="F798">
        <v>1.26</v>
      </c>
      <c r="G798">
        <v>0.3</v>
      </c>
    </row>
    <row r="799" spans="1:7" x14ac:dyDescent="0.25">
      <c r="A799" t="s">
        <v>20</v>
      </c>
      <c r="B799">
        <v>54940</v>
      </c>
      <c r="C799">
        <v>26</v>
      </c>
      <c r="D799" t="s">
        <v>8</v>
      </c>
      <c r="E799">
        <v>0.06</v>
      </c>
      <c r="F799">
        <v>0.55000000000000004</v>
      </c>
      <c r="G799">
        <v>0.47</v>
      </c>
    </row>
    <row r="800" spans="1:7" x14ac:dyDescent="0.25">
      <c r="A800" t="s">
        <v>13</v>
      </c>
      <c r="B800">
        <v>144326</v>
      </c>
      <c r="C800">
        <v>14</v>
      </c>
      <c r="D800" t="s">
        <v>10</v>
      </c>
      <c r="E800">
        <v>0.39</v>
      </c>
      <c r="F800">
        <v>0.8</v>
      </c>
      <c r="G800">
        <v>0.56000000000000005</v>
      </c>
    </row>
    <row r="801" spans="1:7" x14ac:dyDescent="0.25">
      <c r="A801" t="s">
        <v>29</v>
      </c>
      <c r="B801">
        <v>30511</v>
      </c>
      <c r="C801">
        <v>18</v>
      </c>
      <c r="D801" t="s">
        <v>8</v>
      </c>
      <c r="E801">
        <v>0.67</v>
      </c>
      <c r="F801">
        <v>0.73</v>
      </c>
      <c r="G801">
        <v>0.13</v>
      </c>
    </row>
    <row r="802" spans="1:7" x14ac:dyDescent="0.25">
      <c r="A802" t="s">
        <v>13</v>
      </c>
      <c r="B802">
        <v>49359</v>
      </c>
      <c r="C802">
        <v>26</v>
      </c>
      <c r="D802" t="s">
        <v>24</v>
      </c>
      <c r="E802">
        <v>0.9</v>
      </c>
      <c r="F802">
        <v>0.77</v>
      </c>
      <c r="G802">
        <v>0.41</v>
      </c>
    </row>
    <row r="803" spans="1:7" x14ac:dyDescent="0.25">
      <c r="A803" t="s">
        <v>16</v>
      </c>
      <c r="B803">
        <v>36265</v>
      </c>
      <c r="C803">
        <v>15</v>
      </c>
      <c r="D803" t="s">
        <v>12</v>
      </c>
      <c r="E803">
        <v>0.56000000000000005</v>
      </c>
      <c r="F803">
        <v>0.61</v>
      </c>
      <c r="G803">
        <v>0.36</v>
      </c>
    </row>
    <row r="804" spans="1:7" x14ac:dyDescent="0.25">
      <c r="A804" t="s">
        <v>21</v>
      </c>
      <c r="B804">
        <v>122313</v>
      </c>
      <c r="C804">
        <v>25</v>
      </c>
      <c r="D804" t="s">
        <v>8</v>
      </c>
      <c r="E804">
        <v>0.95</v>
      </c>
      <c r="F804">
        <v>0.84</v>
      </c>
      <c r="G804">
        <v>0.48</v>
      </c>
    </row>
    <row r="805" spans="1:7" x14ac:dyDescent="0.25">
      <c r="A805" t="s">
        <v>28</v>
      </c>
      <c r="B805">
        <v>39280</v>
      </c>
      <c r="C805">
        <v>1</v>
      </c>
      <c r="D805" t="s">
        <v>10</v>
      </c>
      <c r="E805">
        <v>0.43</v>
      </c>
      <c r="F805">
        <v>0.7</v>
      </c>
      <c r="G805">
        <v>0.52</v>
      </c>
    </row>
    <row r="806" spans="1:7" x14ac:dyDescent="0.25">
      <c r="A806" t="s">
        <v>11</v>
      </c>
      <c r="B806">
        <v>80281</v>
      </c>
      <c r="C806">
        <v>26</v>
      </c>
      <c r="D806" t="s">
        <v>24</v>
      </c>
      <c r="E806">
        <v>0.94</v>
      </c>
      <c r="F806">
        <v>1.28</v>
      </c>
      <c r="G806">
        <v>0.85</v>
      </c>
    </row>
    <row r="807" spans="1:7" x14ac:dyDescent="0.25">
      <c r="A807" t="s">
        <v>20</v>
      </c>
      <c r="B807">
        <v>98354</v>
      </c>
      <c r="C807">
        <v>16</v>
      </c>
      <c r="D807" t="s">
        <v>12</v>
      </c>
      <c r="E807">
        <v>0.84</v>
      </c>
      <c r="F807">
        <v>0.53</v>
      </c>
      <c r="G807">
        <v>0.63</v>
      </c>
    </row>
    <row r="808" spans="1:7" x14ac:dyDescent="0.25">
      <c r="A808" t="s">
        <v>14</v>
      </c>
      <c r="B808">
        <v>140951</v>
      </c>
      <c r="C808">
        <v>11</v>
      </c>
      <c r="D808" t="s">
        <v>12</v>
      </c>
      <c r="E808">
        <v>0.38</v>
      </c>
      <c r="F808">
        <v>1.37</v>
      </c>
      <c r="G808">
        <v>0.45</v>
      </c>
    </row>
    <row r="809" spans="1:7" x14ac:dyDescent="0.25">
      <c r="A809" t="s">
        <v>25</v>
      </c>
      <c r="B809">
        <v>145131</v>
      </c>
      <c r="C809">
        <v>22</v>
      </c>
      <c r="D809" t="s">
        <v>8</v>
      </c>
      <c r="E809">
        <v>0.11</v>
      </c>
      <c r="F809">
        <v>1.42</v>
      </c>
      <c r="G809">
        <v>0.89</v>
      </c>
    </row>
    <row r="810" spans="1:7" x14ac:dyDescent="0.25">
      <c r="A810" t="s">
        <v>29</v>
      </c>
      <c r="B810">
        <v>51529</v>
      </c>
      <c r="C810">
        <v>7</v>
      </c>
      <c r="D810" t="s">
        <v>24</v>
      </c>
      <c r="E810">
        <v>0.93</v>
      </c>
      <c r="F810">
        <v>0.74</v>
      </c>
      <c r="G810">
        <v>0.25</v>
      </c>
    </row>
    <row r="811" spans="1:7" x14ac:dyDescent="0.25">
      <c r="A811" t="s">
        <v>25</v>
      </c>
      <c r="B811">
        <v>30594</v>
      </c>
      <c r="C811">
        <v>25</v>
      </c>
      <c r="D811" t="s">
        <v>8</v>
      </c>
      <c r="E811">
        <v>0.28000000000000003</v>
      </c>
      <c r="F811">
        <v>0.98</v>
      </c>
      <c r="G811">
        <v>0.71</v>
      </c>
    </row>
    <row r="812" spans="1:7" x14ac:dyDescent="0.25">
      <c r="A812" t="s">
        <v>25</v>
      </c>
      <c r="B812">
        <v>142770</v>
      </c>
      <c r="C812">
        <v>22</v>
      </c>
      <c r="D812" t="s">
        <v>8</v>
      </c>
      <c r="E812">
        <v>0.32</v>
      </c>
      <c r="F812">
        <v>1.05</v>
      </c>
      <c r="G812">
        <v>0.74</v>
      </c>
    </row>
    <row r="813" spans="1:7" x14ac:dyDescent="0.25">
      <c r="A813" t="s">
        <v>30</v>
      </c>
      <c r="B813">
        <v>122995</v>
      </c>
      <c r="C813">
        <v>5</v>
      </c>
      <c r="D813" t="s">
        <v>12</v>
      </c>
      <c r="E813">
        <v>7.0000000000000007E-2</v>
      </c>
      <c r="F813">
        <v>0.6</v>
      </c>
      <c r="G813">
        <v>0.47</v>
      </c>
    </row>
    <row r="814" spans="1:7" x14ac:dyDescent="0.25">
      <c r="A814" t="s">
        <v>9</v>
      </c>
      <c r="B814">
        <v>137126</v>
      </c>
      <c r="C814">
        <v>7</v>
      </c>
      <c r="D814" t="s">
        <v>8</v>
      </c>
      <c r="E814">
        <v>0.1</v>
      </c>
      <c r="F814">
        <v>1.17</v>
      </c>
      <c r="G814">
        <v>0.05</v>
      </c>
    </row>
    <row r="815" spans="1:7" x14ac:dyDescent="0.25">
      <c r="A815" t="s">
        <v>19</v>
      </c>
      <c r="B815">
        <v>44372</v>
      </c>
      <c r="C815">
        <v>26</v>
      </c>
      <c r="D815" t="s">
        <v>24</v>
      </c>
      <c r="E815">
        <v>0.12</v>
      </c>
      <c r="F815">
        <v>0.8</v>
      </c>
      <c r="G815">
        <v>0.94</v>
      </c>
    </row>
    <row r="816" spans="1:7" x14ac:dyDescent="0.25">
      <c r="A816" t="s">
        <v>29</v>
      </c>
      <c r="B816">
        <v>53795</v>
      </c>
      <c r="C816">
        <v>7</v>
      </c>
      <c r="D816" t="s">
        <v>8</v>
      </c>
      <c r="E816">
        <v>0.65</v>
      </c>
      <c r="F816">
        <v>0.86</v>
      </c>
      <c r="G816">
        <v>0.11</v>
      </c>
    </row>
    <row r="817" spans="1:7" x14ac:dyDescent="0.25">
      <c r="A817" t="s">
        <v>7</v>
      </c>
      <c r="B817">
        <v>80697</v>
      </c>
      <c r="C817">
        <v>15</v>
      </c>
      <c r="D817" t="s">
        <v>24</v>
      </c>
      <c r="E817">
        <v>0.85</v>
      </c>
      <c r="F817">
        <v>0.9</v>
      </c>
      <c r="G817">
        <v>0.91</v>
      </c>
    </row>
    <row r="818" spans="1:7" x14ac:dyDescent="0.25">
      <c r="A818" t="s">
        <v>23</v>
      </c>
      <c r="B818">
        <v>118078</v>
      </c>
      <c r="C818">
        <v>13</v>
      </c>
      <c r="D818" t="s">
        <v>10</v>
      </c>
      <c r="E818">
        <v>7.0000000000000007E-2</v>
      </c>
      <c r="F818">
        <v>1.04</v>
      </c>
      <c r="G818">
        <v>0.66</v>
      </c>
    </row>
    <row r="819" spans="1:7" x14ac:dyDescent="0.25">
      <c r="A819" t="s">
        <v>29</v>
      </c>
      <c r="B819">
        <v>125773</v>
      </c>
      <c r="C819">
        <v>28</v>
      </c>
      <c r="D819" t="s">
        <v>8</v>
      </c>
      <c r="E819">
        <v>0.49</v>
      </c>
      <c r="F819">
        <v>0.61</v>
      </c>
      <c r="G819">
        <v>0.16</v>
      </c>
    </row>
    <row r="820" spans="1:7" x14ac:dyDescent="0.25">
      <c r="A820" t="s">
        <v>22</v>
      </c>
      <c r="B820">
        <v>93766</v>
      </c>
      <c r="C820">
        <v>10</v>
      </c>
      <c r="D820" t="s">
        <v>10</v>
      </c>
      <c r="E820">
        <v>0</v>
      </c>
      <c r="F820">
        <v>1.43</v>
      </c>
      <c r="G820">
        <v>0.44</v>
      </c>
    </row>
    <row r="821" spans="1:7" x14ac:dyDescent="0.25">
      <c r="A821" t="s">
        <v>27</v>
      </c>
      <c r="B821">
        <v>105569</v>
      </c>
      <c r="C821">
        <v>0</v>
      </c>
      <c r="D821" t="s">
        <v>24</v>
      </c>
      <c r="E821">
        <v>0.37</v>
      </c>
      <c r="F821">
        <v>0.84</v>
      </c>
      <c r="G821">
        <v>0.76</v>
      </c>
    </row>
    <row r="822" spans="1:7" x14ac:dyDescent="0.25">
      <c r="A822" t="s">
        <v>17</v>
      </c>
      <c r="B822">
        <v>45782</v>
      </c>
      <c r="C822">
        <v>19</v>
      </c>
      <c r="D822" t="s">
        <v>24</v>
      </c>
      <c r="E822">
        <v>0.74</v>
      </c>
      <c r="F822">
        <v>0.84</v>
      </c>
      <c r="G822">
        <v>0.16</v>
      </c>
    </row>
    <row r="823" spans="1:7" x14ac:dyDescent="0.25">
      <c r="A823" t="s">
        <v>11</v>
      </c>
      <c r="B823">
        <v>127288</v>
      </c>
      <c r="C823">
        <v>12</v>
      </c>
      <c r="D823" t="s">
        <v>12</v>
      </c>
      <c r="E823">
        <v>0.46</v>
      </c>
      <c r="F823">
        <v>1.26</v>
      </c>
      <c r="G823">
        <v>0.83</v>
      </c>
    </row>
    <row r="824" spans="1:7" x14ac:dyDescent="0.25">
      <c r="A824" t="s">
        <v>7</v>
      </c>
      <c r="B824">
        <v>107865</v>
      </c>
      <c r="C824">
        <v>2</v>
      </c>
      <c r="D824" t="s">
        <v>8</v>
      </c>
      <c r="E824">
        <v>0.59</v>
      </c>
      <c r="F824">
        <v>0.69</v>
      </c>
      <c r="G824">
        <v>0.92</v>
      </c>
    </row>
    <row r="825" spans="1:7" x14ac:dyDescent="0.25">
      <c r="A825" t="s">
        <v>15</v>
      </c>
      <c r="B825">
        <v>75986</v>
      </c>
      <c r="C825">
        <v>27</v>
      </c>
      <c r="D825" t="s">
        <v>10</v>
      </c>
      <c r="E825">
        <v>0.5</v>
      </c>
      <c r="F825">
        <v>0.52</v>
      </c>
      <c r="G825">
        <v>0.14000000000000001</v>
      </c>
    </row>
    <row r="826" spans="1:7" x14ac:dyDescent="0.25">
      <c r="A826" t="s">
        <v>18</v>
      </c>
      <c r="B826">
        <v>60276</v>
      </c>
      <c r="C826">
        <v>19</v>
      </c>
      <c r="D826" t="s">
        <v>8</v>
      </c>
      <c r="E826">
        <v>0.76</v>
      </c>
      <c r="F826">
        <v>0.77</v>
      </c>
      <c r="G826">
        <v>0.36</v>
      </c>
    </row>
    <row r="827" spans="1:7" x14ac:dyDescent="0.25">
      <c r="A827" t="s">
        <v>14</v>
      </c>
      <c r="B827">
        <v>137294</v>
      </c>
      <c r="C827">
        <v>2</v>
      </c>
      <c r="D827" t="s">
        <v>12</v>
      </c>
      <c r="E827">
        <v>0.09</v>
      </c>
      <c r="F827">
        <v>1.34</v>
      </c>
      <c r="G827">
        <v>0.64</v>
      </c>
    </row>
    <row r="828" spans="1:7" x14ac:dyDescent="0.25">
      <c r="A828" t="s">
        <v>23</v>
      </c>
      <c r="B828">
        <v>147272</v>
      </c>
      <c r="C828">
        <v>3</v>
      </c>
      <c r="D828" t="s">
        <v>10</v>
      </c>
      <c r="E828">
        <v>0.79</v>
      </c>
      <c r="F828">
        <v>1.1000000000000001</v>
      </c>
      <c r="G828">
        <v>0.53</v>
      </c>
    </row>
    <row r="829" spans="1:7" x14ac:dyDescent="0.25">
      <c r="A829" t="s">
        <v>16</v>
      </c>
      <c r="B829">
        <v>45819</v>
      </c>
      <c r="C829">
        <v>24</v>
      </c>
      <c r="D829" t="s">
        <v>10</v>
      </c>
      <c r="E829">
        <v>0.62</v>
      </c>
      <c r="F829">
        <v>0.98</v>
      </c>
      <c r="G829">
        <v>0.46</v>
      </c>
    </row>
    <row r="830" spans="1:7" x14ac:dyDescent="0.25">
      <c r="A830" t="s">
        <v>15</v>
      </c>
      <c r="B830">
        <v>36473</v>
      </c>
      <c r="C830">
        <v>18</v>
      </c>
      <c r="D830" t="s">
        <v>24</v>
      </c>
      <c r="E830">
        <v>0.57999999999999996</v>
      </c>
      <c r="F830">
        <v>0.56999999999999995</v>
      </c>
      <c r="G830">
        <v>0.09</v>
      </c>
    </row>
    <row r="831" spans="1:7" x14ac:dyDescent="0.25">
      <c r="A831" t="s">
        <v>25</v>
      </c>
      <c r="B831">
        <v>62556</v>
      </c>
      <c r="C831">
        <v>27</v>
      </c>
      <c r="D831" t="s">
        <v>8</v>
      </c>
      <c r="E831">
        <v>0.36</v>
      </c>
      <c r="F831">
        <v>1.07</v>
      </c>
      <c r="G831">
        <v>0.91</v>
      </c>
    </row>
    <row r="832" spans="1:7" x14ac:dyDescent="0.25">
      <c r="A832" t="s">
        <v>9</v>
      </c>
      <c r="B832">
        <v>88209</v>
      </c>
      <c r="C832">
        <v>7</v>
      </c>
      <c r="D832" t="s">
        <v>24</v>
      </c>
      <c r="E832">
        <v>0.22</v>
      </c>
      <c r="F832">
        <v>0.66</v>
      </c>
      <c r="G832">
        <v>0.11</v>
      </c>
    </row>
    <row r="833" spans="1:7" x14ac:dyDescent="0.25">
      <c r="A833" t="s">
        <v>21</v>
      </c>
      <c r="B833">
        <v>147067</v>
      </c>
      <c r="C833">
        <v>23</v>
      </c>
      <c r="D833" t="s">
        <v>10</v>
      </c>
      <c r="E833">
        <v>0.93</v>
      </c>
      <c r="F833">
        <v>0.76</v>
      </c>
      <c r="G833">
        <v>0.43</v>
      </c>
    </row>
    <row r="834" spans="1:7" x14ac:dyDescent="0.25">
      <c r="A834" t="s">
        <v>21</v>
      </c>
      <c r="B834">
        <v>38699</v>
      </c>
      <c r="C834">
        <v>3</v>
      </c>
      <c r="D834" t="s">
        <v>12</v>
      </c>
      <c r="E834">
        <v>1</v>
      </c>
      <c r="F834">
        <v>0.88</v>
      </c>
      <c r="G834">
        <v>0.54</v>
      </c>
    </row>
    <row r="835" spans="1:7" x14ac:dyDescent="0.25">
      <c r="A835" t="s">
        <v>22</v>
      </c>
      <c r="B835">
        <v>107593</v>
      </c>
      <c r="C835">
        <v>25</v>
      </c>
      <c r="D835" t="s">
        <v>8</v>
      </c>
      <c r="E835">
        <v>0.86</v>
      </c>
      <c r="F835">
        <v>0.99</v>
      </c>
      <c r="G835">
        <v>0.53</v>
      </c>
    </row>
    <row r="836" spans="1:7" x14ac:dyDescent="0.25">
      <c r="A836" t="s">
        <v>7</v>
      </c>
      <c r="B836">
        <v>75076</v>
      </c>
      <c r="C836">
        <v>18</v>
      </c>
      <c r="D836" t="s">
        <v>10</v>
      </c>
      <c r="E836">
        <v>0.71</v>
      </c>
      <c r="F836">
        <v>1.1200000000000001</v>
      </c>
      <c r="G836">
        <v>0.86</v>
      </c>
    </row>
    <row r="837" spans="1:7" x14ac:dyDescent="0.25">
      <c r="A837" t="s">
        <v>13</v>
      </c>
      <c r="B837">
        <v>91743</v>
      </c>
      <c r="C837">
        <v>6</v>
      </c>
      <c r="D837" t="s">
        <v>24</v>
      </c>
      <c r="E837">
        <v>0.11</v>
      </c>
      <c r="F837">
        <v>1.03</v>
      </c>
      <c r="G837">
        <v>0.64</v>
      </c>
    </row>
    <row r="838" spans="1:7" x14ac:dyDescent="0.25">
      <c r="A838" t="s">
        <v>23</v>
      </c>
      <c r="B838">
        <v>80924</v>
      </c>
      <c r="C838">
        <v>10</v>
      </c>
      <c r="D838" t="s">
        <v>10</v>
      </c>
      <c r="E838">
        <v>0.25</v>
      </c>
      <c r="F838">
        <v>0.93</v>
      </c>
      <c r="G838">
        <v>0.55000000000000004</v>
      </c>
    </row>
    <row r="839" spans="1:7" x14ac:dyDescent="0.25">
      <c r="A839" t="s">
        <v>9</v>
      </c>
      <c r="B839">
        <v>72500</v>
      </c>
      <c r="C839">
        <v>19</v>
      </c>
      <c r="D839" t="s">
        <v>10</v>
      </c>
      <c r="E839">
        <v>0.55000000000000004</v>
      </c>
      <c r="F839">
        <v>1.36</v>
      </c>
      <c r="G839">
        <v>0.22</v>
      </c>
    </row>
    <row r="840" spans="1:7" x14ac:dyDescent="0.25">
      <c r="A840" t="s">
        <v>22</v>
      </c>
      <c r="B840">
        <v>52380</v>
      </c>
      <c r="C840">
        <v>16</v>
      </c>
      <c r="D840" t="s">
        <v>10</v>
      </c>
      <c r="E840">
        <v>0.01</v>
      </c>
      <c r="F840">
        <v>1.49</v>
      </c>
      <c r="G840">
        <v>0.37</v>
      </c>
    </row>
    <row r="841" spans="1:7" x14ac:dyDescent="0.25">
      <c r="A841" t="s">
        <v>23</v>
      </c>
      <c r="B841">
        <v>34355</v>
      </c>
      <c r="C841">
        <v>5</v>
      </c>
      <c r="D841" t="s">
        <v>24</v>
      </c>
      <c r="E841">
        <v>0.11</v>
      </c>
      <c r="F841">
        <v>1.23</v>
      </c>
      <c r="G841">
        <v>0.32</v>
      </c>
    </row>
    <row r="842" spans="1:7" x14ac:dyDescent="0.25">
      <c r="A842" t="s">
        <v>20</v>
      </c>
      <c r="B842">
        <v>32035</v>
      </c>
      <c r="C842">
        <v>15</v>
      </c>
      <c r="D842" t="s">
        <v>8</v>
      </c>
      <c r="E842">
        <v>0.31</v>
      </c>
      <c r="F842">
        <v>1.42</v>
      </c>
      <c r="G842">
        <v>0.56000000000000005</v>
      </c>
    </row>
    <row r="843" spans="1:7" x14ac:dyDescent="0.25">
      <c r="A843" t="s">
        <v>18</v>
      </c>
      <c r="B843">
        <v>32665</v>
      </c>
      <c r="C843">
        <v>17</v>
      </c>
      <c r="D843" t="s">
        <v>10</v>
      </c>
      <c r="E843">
        <v>0.92</v>
      </c>
      <c r="F843">
        <v>1.03</v>
      </c>
      <c r="G843">
        <v>0.34</v>
      </c>
    </row>
    <row r="844" spans="1:7" x14ac:dyDescent="0.25">
      <c r="A844" t="s">
        <v>14</v>
      </c>
      <c r="B844">
        <v>100739</v>
      </c>
      <c r="C844">
        <v>14</v>
      </c>
      <c r="D844" t="s">
        <v>24</v>
      </c>
      <c r="E844">
        <v>0.81</v>
      </c>
      <c r="F844">
        <v>0.81</v>
      </c>
      <c r="G844">
        <v>0.69</v>
      </c>
    </row>
    <row r="845" spans="1:7" x14ac:dyDescent="0.25">
      <c r="A845" t="s">
        <v>26</v>
      </c>
      <c r="B845">
        <v>128560</v>
      </c>
      <c r="C845">
        <v>24</v>
      </c>
      <c r="D845" t="s">
        <v>8</v>
      </c>
      <c r="E845">
        <v>0.71</v>
      </c>
      <c r="F845">
        <v>0.98</v>
      </c>
      <c r="G845">
        <v>0.2</v>
      </c>
    </row>
    <row r="846" spans="1:7" x14ac:dyDescent="0.25">
      <c r="A846" t="s">
        <v>22</v>
      </c>
      <c r="B846">
        <v>59974</v>
      </c>
      <c r="C846">
        <v>11</v>
      </c>
      <c r="D846" t="s">
        <v>8</v>
      </c>
      <c r="E846">
        <v>0.15</v>
      </c>
      <c r="F846">
        <v>1.39</v>
      </c>
      <c r="G846">
        <v>0.41</v>
      </c>
    </row>
    <row r="847" spans="1:7" x14ac:dyDescent="0.25">
      <c r="A847" t="s">
        <v>17</v>
      </c>
      <c r="B847">
        <v>90521</v>
      </c>
      <c r="C847">
        <v>1</v>
      </c>
      <c r="D847" t="s">
        <v>12</v>
      </c>
      <c r="E847">
        <v>0.6</v>
      </c>
      <c r="F847">
        <v>0.85</v>
      </c>
      <c r="G847">
        <v>0.16</v>
      </c>
    </row>
    <row r="848" spans="1:7" x14ac:dyDescent="0.25">
      <c r="A848" t="s">
        <v>13</v>
      </c>
      <c r="B848">
        <v>66476</v>
      </c>
      <c r="C848">
        <v>11</v>
      </c>
      <c r="D848" t="s">
        <v>8</v>
      </c>
      <c r="E848">
        <v>0.4</v>
      </c>
      <c r="F848">
        <v>1.46</v>
      </c>
      <c r="G848">
        <v>0.7</v>
      </c>
    </row>
    <row r="849" spans="1:7" x14ac:dyDescent="0.25">
      <c r="A849" t="s">
        <v>13</v>
      </c>
      <c r="B849">
        <v>82271</v>
      </c>
      <c r="C849">
        <v>11</v>
      </c>
      <c r="D849" t="s">
        <v>10</v>
      </c>
      <c r="E849">
        <v>0.24</v>
      </c>
      <c r="F849">
        <v>1.23</v>
      </c>
      <c r="G849">
        <v>0.56999999999999995</v>
      </c>
    </row>
    <row r="850" spans="1:7" x14ac:dyDescent="0.25">
      <c r="A850" t="s">
        <v>28</v>
      </c>
      <c r="B850">
        <v>33743</v>
      </c>
      <c r="C850">
        <v>23</v>
      </c>
      <c r="D850" t="s">
        <v>8</v>
      </c>
      <c r="E850">
        <v>0.69</v>
      </c>
      <c r="F850">
        <v>0.94</v>
      </c>
      <c r="G850">
        <v>0.45</v>
      </c>
    </row>
    <row r="851" spans="1:7" x14ac:dyDescent="0.25">
      <c r="A851" t="s">
        <v>30</v>
      </c>
      <c r="B851">
        <v>111256</v>
      </c>
      <c r="C851">
        <v>7</v>
      </c>
      <c r="D851" t="s">
        <v>10</v>
      </c>
      <c r="E851">
        <v>0.1</v>
      </c>
      <c r="F851">
        <v>0.83</v>
      </c>
      <c r="G851">
        <v>0.35</v>
      </c>
    </row>
    <row r="852" spans="1:7" x14ac:dyDescent="0.25">
      <c r="A852" t="s">
        <v>13</v>
      </c>
      <c r="B852">
        <v>132859</v>
      </c>
      <c r="C852">
        <v>26</v>
      </c>
      <c r="D852" t="s">
        <v>8</v>
      </c>
      <c r="E852">
        <v>0.16</v>
      </c>
      <c r="F852">
        <v>0.64</v>
      </c>
      <c r="G852">
        <v>0.54</v>
      </c>
    </row>
    <row r="853" spans="1:7" x14ac:dyDescent="0.25">
      <c r="A853" t="s">
        <v>15</v>
      </c>
      <c r="B853">
        <v>99810</v>
      </c>
      <c r="C853">
        <v>10</v>
      </c>
      <c r="D853" t="s">
        <v>12</v>
      </c>
      <c r="E853">
        <v>0.43</v>
      </c>
      <c r="F853">
        <v>0.9</v>
      </c>
      <c r="G853">
        <v>0.06</v>
      </c>
    </row>
    <row r="854" spans="1:7" x14ac:dyDescent="0.25">
      <c r="A854" t="s">
        <v>20</v>
      </c>
      <c r="B854">
        <v>90360</v>
      </c>
      <c r="C854">
        <v>6</v>
      </c>
      <c r="D854" t="s">
        <v>8</v>
      </c>
      <c r="E854">
        <v>0.02</v>
      </c>
      <c r="F854">
        <v>0.53</v>
      </c>
      <c r="G854">
        <v>0.56999999999999995</v>
      </c>
    </row>
    <row r="855" spans="1:7" x14ac:dyDescent="0.25">
      <c r="A855" t="s">
        <v>15</v>
      </c>
      <c r="B855">
        <v>130290</v>
      </c>
      <c r="C855">
        <v>4</v>
      </c>
      <c r="D855" t="s">
        <v>12</v>
      </c>
      <c r="E855">
        <v>0.72</v>
      </c>
      <c r="F855">
        <v>0.57999999999999996</v>
      </c>
      <c r="G855">
        <v>0.08</v>
      </c>
    </row>
    <row r="856" spans="1:7" x14ac:dyDescent="0.25">
      <c r="A856" t="s">
        <v>19</v>
      </c>
      <c r="B856">
        <v>105656</v>
      </c>
      <c r="C856">
        <v>22</v>
      </c>
      <c r="D856" t="s">
        <v>24</v>
      </c>
      <c r="E856">
        <v>0.84</v>
      </c>
      <c r="F856">
        <v>0.67</v>
      </c>
      <c r="G856">
        <v>0.72</v>
      </c>
    </row>
    <row r="857" spans="1:7" x14ac:dyDescent="0.25">
      <c r="A857" t="s">
        <v>26</v>
      </c>
      <c r="B857">
        <v>107982</v>
      </c>
      <c r="C857">
        <v>0</v>
      </c>
      <c r="D857" t="s">
        <v>8</v>
      </c>
      <c r="E857">
        <v>0.34</v>
      </c>
      <c r="F857">
        <v>1.26</v>
      </c>
      <c r="G857">
        <v>0.19</v>
      </c>
    </row>
    <row r="858" spans="1:7" x14ac:dyDescent="0.25">
      <c r="A858" t="s">
        <v>30</v>
      </c>
      <c r="B858">
        <v>33970</v>
      </c>
      <c r="C858">
        <v>13</v>
      </c>
      <c r="D858" t="s">
        <v>10</v>
      </c>
      <c r="E858">
        <v>0.1</v>
      </c>
      <c r="F858">
        <v>0.9</v>
      </c>
      <c r="G858">
        <v>0.69</v>
      </c>
    </row>
    <row r="859" spans="1:7" x14ac:dyDescent="0.25">
      <c r="A859" t="s">
        <v>27</v>
      </c>
      <c r="B859">
        <v>71753</v>
      </c>
      <c r="C859">
        <v>26</v>
      </c>
      <c r="D859" t="s">
        <v>10</v>
      </c>
      <c r="E859">
        <v>0.56000000000000005</v>
      </c>
      <c r="F859">
        <v>1.45</v>
      </c>
      <c r="G859">
        <v>0.9</v>
      </c>
    </row>
    <row r="860" spans="1:7" x14ac:dyDescent="0.25">
      <c r="A860" t="s">
        <v>23</v>
      </c>
      <c r="B860">
        <v>104354</v>
      </c>
      <c r="C860">
        <v>6</v>
      </c>
      <c r="D860" t="s">
        <v>8</v>
      </c>
      <c r="E860">
        <v>0.96</v>
      </c>
      <c r="F860">
        <v>0.9</v>
      </c>
      <c r="G860">
        <v>0.65</v>
      </c>
    </row>
    <row r="861" spans="1:7" x14ac:dyDescent="0.25">
      <c r="A861" t="s">
        <v>11</v>
      </c>
      <c r="B861">
        <v>35280</v>
      </c>
      <c r="C861">
        <v>20</v>
      </c>
      <c r="D861" t="s">
        <v>24</v>
      </c>
      <c r="E861">
        <v>0.44</v>
      </c>
      <c r="F861">
        <v>0.75</v>
      </c>
      <c r="G861">
        <v>0.89</v>
      </c>
    </row>
    <row r="862" spans="1:7" x14ac:dyDescent="0.25">
      <c r="A862" t="s">
        <v>9</v>
      </c>
      <c r="B862">
        <v>116545</v>
      </c>
      <c r="C862">
        <v>27</v>
      </c>
      <c r="D862" t="s">
        <v>24</v>
      </c>
      <c r="E862">
        <v>0.03</v>
      </c>
      <c r="F862">
        <v>0.61</v>
      </c>
      <c r="G862">
        <v>0.16</v>
      </c>
    </row>
    <row r="863" spans="1:7" x14ac:dyDescent="0.25">
      <c r="A863" t="s">
        <v>15</v>
      </c>
      <c r="B863">
        <v>131041</v>
      </c>
      <c r="C863">
        <v>12</v>
      </c>
      <c r="D863" t="s">
        <v>24</v>
      </c>
      <c r="E863">
        <v>0.35</v>
      </c>
      <c r="F863">
        <v>1.25</v>
      </c>
      <c r="G863">
        <v>0.16</v>
      </c>
    </row>
    <row r="864" spans="1:7" x14ac:dyDescent="0.25">
      <c r="A864" t="s">
        <v>13</v>
      </c>
      <c r="B864">
        <v>134087</v>
      </c>
      <c r="C864">
        <v>23</v>
      </c>
      <c r="D864" t="s">
        <v>24</v>
      </c>
      <c r="E864">
        <v>0.8</v>
      </c>
      <c r="F864">
        <v>1.1299999999999999</v>
      </c>
      <c r="G864">
        <v>0.43</v>
      </c>
    </row>
    <row r="865" spans="1:7" x14ac:dyDescent="0.25">
      <c r="A865" t="s">
        <v>15</v>
      </c>
      <c r="B865">
        <v>90985</v>
      </c>
      <c r="C865">
        <v>20</v>
      </c>
      <c r="D865" t="s">
        <v>10</v>
      </c>
      <c r="E865">
        <v>0.21</v>
      </c>
      <c r="F865">
        <v>0.95</v>
      </c>
      <c r="G865">
        <v>0.09</v>
      </c>
    </row>
    <row r="866" spans="1:7" x14ac:dyDescent="0.25">
      <c r="A866" t="s">
        <v>27</v>
      </c>
      <c r="B866">
        <v>118257</v>
      </c>
      <c r="C866">
        <v>6</v>
      </c>
      <c r="D866" t="s">
        <v>24</v>
      </c>
      <c r="E866">
        <v>0.78</v>
      </c>
      <c r="F866">
        <v>1.34</v>
      </c>
      <c r="G866">
        <v>0.85</v>
      </c>
    </row>
    <row r="867" spans="1:7" x14ac:dyDescent="0.25">
      <c r="A867" t="s">
        <v>17</v>
      </c>
      <c r="B867">
        <v>134294</v>
      </c>
      <c r="C867">
        <v>23</v>
      </c>
      <c r="D867" t="s">
        <v>24</v>
      </c>
      <c r="E867">
        <v>0.35</v>
      </c>
      <c r="F867">
        <v>1.1100000000000001</v>
      </c>
      <c r="G867">
        <v>0.26</v>
      </c>
    </row>
    <row r="868" spans="1:7" x14ac:dyDescent="0.25">
      <c r="A868" t="s">
        <v>21</v>
      </c>
      <c r="B868">
        <v>55666</v>
      </c>
      <c r="C868">
        <v>18</v>
      </c>
      <c r="D868" t="s">
        <v>24</v>
      </c>
      <c r="E868">
        <v>0.92</v>
      </c>
      <c r="F868">
        <v>1.1399999999999999</v>
      </c>
      <c r="G868">
        <v>0.63</v>
      </c>
    </row>
    <row r="869" spans="1:7" x14ac:dyDescent="0.25">
      <c r="A869" t="s">
        <v>7</v>
      </c>
      <c r="B869">
        <v>71516</v>
      </c>
      <c r="C869">
        <v>25</v>
      </c>
      <c r="D869" t="s">
        <v>12</v>
      </c>
      <c r="E869">
        <v>0.97</v>
      </c>
      <c r="F869">
        <v>1</v>
      </c>
      <c r="G869">
        <v>0.74</v>
      </c>
    </row>
    <row r="870" spans="1:7" x14ac:dyDescent="0.25">
      <c r="A870" t="s">
        <v>29</v>
      </c>
      <c r="B870">
        <v>48226</v>
      </c>
      <c r="C870">
        <v>18</v>
      </c>
      <c r="D870" t="s">
        <v>24</v>
      </c>
      <c r="E870">
        <v>0.86</v>
      </c>
      <c r="F870">
        <v>0.99</v>
      </c>
      <c r="G870">
        <v>0.08</v>
      </c>
    </row>
    <row r="871" spans="1:7" x14ac:dyDescent="0.25">
      <c r="A871" t="s">
        <v>15</v>
      </c>
      <c r="B871">
        <v>60011</v>
      </c>
      <c r="C871">
        <v>16</v>
      </c>
      <c r="D871" t="s">
        <v>8</v>
      </c>
      <c r="E871">
        <v>0.26</v>
      </c>
      <c r="F871">
        <v>1.35</v>
      </c>
      <c r="G871">
        <v>0.14000000000000001</v>
      </c>
    </row>
    <row r="872" spans="1:7" x14ac:dyDescent="0.25">
      <c r="A872" t="s">
        <v>28</v>
      </c>
      <c r="B872">
        <v>136979</v>
      </c>
      <c r="C872">
        <v>15</v>
      </c>
      <c r="D872" t="s">
        <v>8</v>
      </c>
      <c r="E872">
        <v>0.86</v>
      </c>
      <c r="F872">
        <v>1.43</v>
      </c>
      <c r="G872">
        <v>0.34</v>
      </c>
    </row>
    <row r="873" spans="1:7" x14ac:dyDescent="0.25">
      <c r="A873" t="s">
        <v>11</v>
      </c>
      <c r="B873">
        <v>85215</v>
      </c>
      <c r="C873">
        <v>21</v>
      </c>
      <c r="D873" t="s">
        <v>24</v>
      </c>
      <c r="E873">
        <v>0.31</v>
      </c>
      <c r="F873">
        <v>1.06</v>
      </c>
      <c r="G873">
        <v>0.83</v>
      </c>
    </row>
    <row r="874" spans="1:7" x14ac:dyDescent="0.25">
      <c r="A874" t="s">
        <v>13</v>
      </c>
      <c r="B874">
        <v>107255</v>
      </c>
      <c r="C874">
        <v>21</v>
      </c>
      <c r="D874" t="s">
        <v>24</v>
      </c>
      <c r="E874">
        <v>0.92</v>
      </c>
      <c r="F874">
        <v>0.57999999999999996</v>
      </c>
      <c r="G874">
        <v>0.67</v>
      </c>
    </row>
    <row r="875" spans="1:7" x14ac:dyDescent="0.25">
      <c r="A875" t="s">
        <v>25</v>
      </c>
      <c r="B875">
        <v>70821</v>
      </c>
      <c r="C875">
        <v>27</v>
      </c>
      <c r="D875" t="s">
        <v>12</v>
      </c>
      <c r="E875">
        <v>0.28999999999999998</v>
      </c>
      <c r="F875">
        <v>1.27</v>
      </c>
      <c r="G875">
        <v>0.89</v>
      </c>
    </row>
    <row r="876" spans="1:7" x14ac:dyDescent="0.25">
      <c r="A876" t="s">
        <v>19</v>
      </c>
      <c r="B876">
        <v>133185</v>
      </c>
      <c r="C876">
        <v>18</v>
      </c>
      <c r="D876" t="s">
        <v>8</v>
      </c>
      <c r="E876">
        <v>0.1</v>
      </c>
      <c r="F876">
        <v>0.88</v>
      </c>
      <c r="G876">
        <v>0.94</v>
      </c>
    </row>
    <row r="877" spans="1:7" x14ac:dyDescent="0.25">
      <c r="A877" t="s">
        <v>11</v>
      </c>
      <c r="B877">
        <v>107929</v>
      </c>
      <c r="C877">
        <v>6</v>
      </c>
      <c r="D877" t="s">
        <v>8</v>
      </c>
      <c r="E877">
        <v>0.35</v>
      </c>
      <c r="F877">
        <v>0.81</v>
      </c>
      <c r="G877">
        <v>0.87</v>
      </c>
    </row>
    <row r="878" spans="1:7" x14ac:dyDescent="0.25">
      <c r="A878" t="s">
        <v>7</v>
      </c>
      <c r="B878">
        <v>49523</v>
      </c>
      <c r="C878">
        <v>29</v>
      </c>
      <c r="D878" t="s">
        <v>8</v>
      </c>
      <c r="E878">
        <v>0.57999999999999996</v>
      </c>
      <c r="F878">
        <v>1.2</v>
      </c>
      <c r="G878">
        <v>0.86</v>
      </c>
    </row>
    <row r="879" spans="1:7" x14ac:dyDescent="0.25">
      <c r="A879" t="s">
        <v>11</v>
      </c>
      <c r="B879">
        <v>88188</v>
      </c>
      <c r="C879">
        <v>24</v>
      </c>
      <c r="D879" t="s">
        <v>12</v>
      </c>
      <c r="E879">
        <v>0.35</v>
      </c>
      <c r="F879">
        <v>1.35</v>
      </c>
      <c r="G879">
        <v>0.94</v>
      </c>
    </row>
    <row r="880" spans="1:7" x14ac:dyDescent="0.25">
      <c r="A880" t="s">
        <v>26</v>
      </c>
      <c r="B880">
        <v>77969</v>
      </c>
      <c r="C880">
        <v>6</v>
      </c>
      <c r="D880" t="s">
        <v>24</v>
      </c>
      <c r="E880">
        <v>0.5</v>
      </c>
      <c r="F880">
        <v>0.89</v>
      </c>
      <c r="G880">
        <v>0.17</v>
      </c>
    </row>
    <row r="881" spans="1:7" x14ac:dyDescent="0.25">
      <c r="A881" t="s">
        <v>21</v>
      </c>
      <c r="B881">
        <v>149528</v>
      </c>
      <c r="C881">
        <v>12</v>
      </c>
      <c r="D881" t="s">
        <v>8</v>
      </c>
      <c r="E881">
        <v>0.77</v>
      </c>
      <c r="F881">
        <v>1.45</v>
      </c>
      <c r="G881">
        <v>0.64</v>
      </c>
    </row>
    <row r="882" spans="1:7" x14ac:dyDescent="0.25">
      <c r="A882" t="s">
        <v>21</v>
      </c>
      <c r="B882">
        <v>85416</v>
      </c>
      <c r="C882">
        <v>27</v>
      </c>
      <c r="D882" t="s">
        <v>12</v>
      </c>
      <c r="E882">
        <v>0.26</v>
      </c>
      <c r="F882">
        <v>1.05</v>
      </c>
      <c r="G882">
        <v>0.48</v>
      </c>
    </row>
    <row r="883" spans="1:7" x14ac:dyDescent="0.25">
      <c r="A883" t="s">
        <v>15</v>
      </c>
      <c r="B883">
        <v>50491</v>
      </c>
      <c r="C883">
        <v>14</v>
      </c>
      <c r="D883" t="s">
        <v>12</v>
      </c>
      <c r="E883">
        <v>0.74</v>
      </c>
      <c r="F883">
        <v>0.5</v>
      </c>
      <c r="G883">
        <v>0.12</v>
      </c>
    </row>
    <row r="884" spans="1:7" x14ac:dyDescent="0.25">
      <c r="A884" t="s">
        <v>18</v>
      </c>
      <c r="B884">
        <v>105955</v>
      </c>
      <c r="C884">
        <v>11</v>
      </c>
      <c r="D884" t="s">
        <v>24</v>
      </c>
      <c r="E884">
        <v>0.56999999999999995</v>
      </c>
      <c r="F884">
        <v>0.77</v>
      </c>
      <c r="G884">
        <v>0.46</v>
      </c>
    </row>
    <row r="885" spans="1:7" x14ac:dyDescent="0.25">
      <c r="A885" t="s">
        <v>18</v>
      </c>
      <c r="B885">
        <v>97519</v>
      </c>
      <c r="C885">
        <v>26</v>
      </c>
      <c r="D885" t="s">
        <v>12</v>
      </c>
      <c r="E885">
        <v>0.56999999999999995</v>
      </c>
      <c r="F885">
        <v>0.94</v>
      </c>
      <c r="G885">
        <v>0.52</v>
      </c>
    </row>
    <row r="886" spans="1:7" x14ac:dyDescent="0.25">
      <c r="A886" t="s">
        <v>22</v>
      </c>
      <c r="B886">
        <v>74775</v>
      </c>
      <c r="C886">
        <v>17</v>
      </c>
      <c r="D886" t="s">
        <v>10</v>
      </c>
      <c r="E886">
        <v>0.3</v>
      </c>
      <c r="F886">
        <v>0.77</v>
      </c>
      <c r="G886">
        <v>0.35</v>
      </c>
    </row>
    <row r="887" spans="1:7" x14ac:dyDescent="0.25">
      <c r="A887" t="s">
        <v>26</v>
      </c>
      <c r="B887">
        <v>116437</v>
      </c>
      <c r="C887">
        <v>21</v>
      </c>
      <c r="D887" t="s">
        <v>10</v>
      </c>
      <c r="E887">
        <v>0.56999999999999995</v>
      </c>
      <c r="F887">
        <v>1.29</v>
      </c>
      <c r="G887">
        <v>0.19</v>
      </c>
    </row>
    <row r="888" spans="1:7" x14ac:dyDescent="0.25">
      <c r="A888" t="s">
        <v>15</v>
      </c>
      <c r="B888">
        <v>112201</v>
      </c>
      <c r="C888">
        <v>21</v>
      </c>
      <c r="D888" t="s">
        <v>24</v>
      </c>
      <c r="E888">
        <v>0.35</v>
      </c>
      <c r="F888">
        <v>0.83</v>
      </c>
      <c r="G888">
        <v>0.24</v>
      </c>
    </row>
    <row r="889" spans="1:7" x14ac:dyDescent="0.25">
      <c r="A889" t="s">
        <v>29</v>
      </c>
      <c r="B889">
        <v>91134</v>
      </c>
      <c r="C889">
        <v>17</v>
      </c>
      <c r="D889" t="s">
        <v>24</v>
      </c>
      <c r="E889">
        <v>0.39</v>
      </c>
      <c r="F889">
        <v>0.88</v>
      </c>
      <c r="G889">
        <v>0.05</v>
      </c>
    </row>
    <row r="890" spans="1:7" x14ac:dyDescent="0.25">
      <c r="A890" t="s">
        <v>22</v>
      </c>
      <c r="B890">
        <v>76647</v>
      </c>
      <c r="C890">
        <v>22</v>
      </c>
      <c r="D890" t="s">
        <v>10</v>
      </c>
      <c r="E890">
        <v>0.92</v>
      </c>
      <c r="F890">
        <v>0.8</v>
      </c>
      <c r="G890">
        <v>0.55000000000000004</v>
      </c>
    </row>
    <row r="891" spans="1:7" x14ac:dyDescent="0.25">
      <c r="A891" t="s">
        <v>15</v>
      </c>
      <c r="B891">
        <v>138197</v>
      </c>
      <c r="C891">
        <v>12</v>
      </c>
      <c r="D891" t="s">
        <v>24</v>
      </c>
      <c r="E891">
        <v>0.08</v>
      </c>
      <c r="F891">
        <v>0.9</v>
      </c>
      <c r="G891">
        <v>0.14000000000000001</v>
      </c>
    </row>
    <row r="892" spans="1:7" x14ac:dyDescent="0.25">
      <c r="A892" t="s">
        <v>21</v>
      </c>
      <c r="B892">
        <v>76413</v>
      </c>
      <c r="C892">
        <v>18</v>
      </c>
      <c r="D892" t="s">
        <v>24</v>
      </c>
      <c r="E892">
        <v>0.9</v>
      </c>
      <c r="F892">
        <v>0.77</v>
      </c>
      <c r="G892">
        <v>0.67</v>
      </c>
    </row>
    <row r="893" spans="1:7" x14ac:dyDescent="0.25">
      <c r="A893" t="s">
        <v>15</v>
      </c>
      <c r="B893">
        <v>112604</v>
      </c>
      <c r="C893">
        <v>20</v>
      </c>
      <c r="D893" t="s">
        <v>24</v>
      </c>
      <c r="E893">
        <v>0.54</v>
      </c>
      <c r="F893">
        <v>1.35</v>
      </c>
      <c r="G893">
        <v>0.06</v>
      </c>
    </row>
    <row r="894" spans="1:7" x14ac:dyDescent="0.25">
      <c r="A894" t="s">
        <v>15</v>
      </c>
      <c r="B894">
        <v>61478</v>
      </c>
      <c r="C894">
        <v>7</v>
      </c>
      <c r="D894" t="s">
        <v>24</v>
      </c>
      <c r="E894">
        <v>0.42</v>
      </c>
      <c r="F894">
        <v>1.03</v>
      </c>
      <c r="G894">
        <v>0.08</v>
      </c>
    </row>
    <row r="895" spans="1:7" x14ac:dyDescent="0.25">
      <c r="A895" t="s">
        <v>7</v>
      </c>
      <c r="B895">
        <v>92402</v>
      </c>
      <c r="C895">
        <v>27</v>
      </c>
      <c r="D895" t="s">
        <v>12</v>
      </c>
      <c r="E895">
        <v>0.67</v>
      </c>
      <c r="F895">
        <v>1.4</v>
      </c>
      <c r="G895">
        <v>0.77</v>
      </c>
    </row>
    <row r="896" spans="1:7" x14ac:dyDescent="0.25">
      <c r="A896" t="s">
        <v>18</v>
      </c>
      <c r="B896">
        <v>65319</v>
      </c>
      <c r="C896">
        <v>18</v>
      </c>
      <c r="D896" t="s">
        <v>12</v>
      </c>
      <c r="E896">
        <v>0.1</v>
      </c>
      <c r="F896">
        <v>0.66</v>
      </c>
      <c r="G896">
        <v>0.33</v>
      </c>
    </row>
    <row r="897" spans="1:7" x14ac:dyDescent="0.25">
      <c r="A897" t="s">
        <v>25</v>
      </c>
      <c r="B897">
        <v>58830</v>
      </c>
      <c r="C897">
        <v>28</v>
      </c>
      <c r="D897" t="s">
        <v>10</v>
      </c>
      <c r="E897">
        <v>0.09</v>
      </c>
      <c r="F897">
        <v>1.1299999999999999</v>
      </c>
      <c r="G897">
        <v>0.82</v>
      </c>
    </row>
    <row r="898" spans="1:7" x14ac:dyDescent="0.25">
      <c r="A898" t="s">
        <v>15</v>
      </c>
      <c r="B898">
        <v>59328</v>
      </c>
      <c r="C898">
        <v>16</v>
      </c>
      <c r="D898" t="s">
        <v>24</v>
      </c>
      <c r="E898">
        <v>0.9</v>
      </c>
      <c r="F898">
        <v>1.37</v>
      </c>
      <c r="G898">
        <v>0.27</v>
      </c>
    </row>
    <row r="899" spans="1:7" x14ac:dyDescent="0.25">
      <c r="A899" t="s">
        <v>17</v>
      </c>
      <c r="B899">
        <v>36123</v>
      </c>
      <c r="C899">
        <v>21</v>
      </c>
      <c r="D899" t="s">
        <v>12</v>
      </c>
      <c r="E899">
        <v>0.86</v>
      </c>
      <c r="F899">
        <v>1.44</v>
      </c>
      <c r="G899">
        <v>0.1</v>
      </c>
    </row>
    <row r="900" spans="1:7" x14ac:dyDescent="0.25">
      <c r="A900" t="s">
        <v>23</v>
      </c>
      <c r="B900">
        <v>66587</v>
      </c>
      <c r="C900">
        <v>4</v>
      </c>
      <c r="D900" t="s">
        <v>12</v>
      </c>
      <c r="E900">
        <v>0.22</v>
      </c>
      <c r="F900">
        <v>1.22</v>
      </c>
      <c r="G900">
        <v>0.62</v>
      </c>
    </row>
    <row r="901" spans="1:7" x14ac:dyDescent="0.25">
      <c r="A901" t="s">
        <v>22</v>
      </c>
      <c r="B901">
        <v>51951</v>
      </c>
      <c r="C901">
        <v>7</v>
      </c>
      <c r="D901" t="s">
        <v>24</v>
      </c>
      <c r="E901">
        <v>0.57999999999999996</v>
      </c>
      <c r="F901">
        <v>0.56999999999999995</v>
      </c>
      <c r="G901">
        <v>0.32</v>
      </c>
    </row>
    <row r="902" spans="1:7" x14ac:dyDescent="0.25">
      <c r="A902" t="s">
        <v>25</v>
      </c>
      <c r="B902">
        <v>37804</v>
      </c>
      <c r="C902">
        <v>10</v>
      </c>
      <c r="D902" t="s">
        <v>24</v>
      </c>
      <c r="E902">
        <v>0.45</v>
      </c>
      <c r="F902">
        <v>0.85</v>
      </c>
      <c r="G902">
        <v>0.91</v>
      </c>
    </row>
    <row r="903" spans="1:7" x14ac:dyDescent="0.25">
      <c r="A903" t="s">
        <v>7</v>
      </c>
      <c r="B903">
        <v>40349</v>
      </c>
      <c r="C903">
        <v>7</v>
      </c>
      <c r="D903" t="s">
        <v>12</v>
      </c>
      <c r="E903">
        <v>0.75</v>
      </c>
      <c r="F903">
        <v>0.75</v>
      </c>
      <c r="G903">
        <v>0.88</v>
      </c>
    </row>
    <row r="904" spans="1:7" x14ac:dyDescent="0.25">
      <c r="A904" t="s">
        <v>22</v>
      </c>
      <c r="B904">
        <v>136203</v>
      </c>
      <c r="C904">
        <v>9</v>
      </c>
      <c r="D904" t="s">
        <v>10</v>
      </c>
      <c r="E904">
        <v>0.51</v>
      </c>
      <c r="F904">
        <v>1.31</v>
      </c>
      <c r="G904">
        <v>0.59</v>
      </c>
    </row>
    <row r="905" spans="1:7" x14ac:dyDescent="0.25">
      <c r="A905" t="s">
        <v>16</v>
      </c>
      <c r="B905">
        <v>86317</v>
      </c>
      <c r="C905">
        <v>10</v>
      </c>
      <c r="D905" t="s">
        <v>24</v>
      </c>
      <c r="E905">
        <v>0.18</v>
      </c>
      <c r="F905">
        <v>1.3</v>
      </c>
      <c r="G905">
        <v>0.48</v>
      </c>
    </row>
    <row r="906" spans="1:7" x14ac:dyDescent="0.25">
      <c r="A906" t="s">
        <v>29</v>
      </c>
      <c r="B906">
        <v>117385</v>
      </c>
      <c r="C906">
        <v>11</v>
      </c>
      <c r="D906" t="s">
        <v>12</v>
      </c>
      <c r="E906">
        <v>0.56000000000000005</v>
      </c>
      <c r="F906">
        <v>0.57999999999999996</v>
      </c>
      <c r="G906">
        <v>0.28000000000000003</v>
      </c>
    </row>
    <row r="907" spans="1:7" x14ac:dyDescent="0.25">
      <c r="A907" t="s">
        <v>21</v>
      </c>
      <c r="B907">
        <v>109841</v>
      </c>
      <c r="C907">
        <v>8</v>
      </c>
      <c r="D907" t="s">
        <v>10</v>
      </c>
      <c r="E907">
        <v>0.26</v>
      </c>
      <c r="F907">
        <v>0.97</v>
      </c>
      <c r="G907">
        <v>0.39</v>
      </c>
    </row>
    <row r="908" spans="1:7" x14ac:dyDescent="0.25">
      <c r="A908" t="s">
        <v>29</v>
      </c>
      <c r="B908">
        <v>95197</v>
      </c>
      <c r="C908">
        <v>6</v>
      </c>
      <c r="D908" t="s">
        <v>12</v>
      </c>
      <c r="E908">
        <v>0.18</v>
      </c>
      <c r="F908">
        <v>0.87</v>
      </c>
      <c r="G908">
        <v>0.06</v>
      </c>
    </row>
    <row r="909" spans="1:7" x14ac:dyDescent="0.25">
      <c r="A909" t="s">
        <v>18</v>
      </c>
      <c r="B909">
        <v>93410</v>
      </c>
      <c r="C909">
        <v>4</v>
      </c>
      <c r="D909" t="s">
        <v>8</v>
      </c>
      <c r="E909">
        <v>0.42</v>
      </c>
      <c r="F909">
        <v>1.1100000000000001</v>
      </c>
      <c r="G909">
        <v>0.6</v>
      </c>
    </row>
    <row r="910" spans="1:7" x14ac:dyDescent="0.25">
      <c r="A910" t="s">
        <v>28</v>
      </c>
      <c r="B910">
        <v>104225</v>
      </c>
      <c r="C910">
        <v>17</v>
      </c>
      <c r="D910" t="s">
        <v>12</v>
      </c>
      <c r="E910">
        <v>0.18</v>
      </c>
      <c r="F910">
        <v>1.42</v>
      </c>
      <c r="G910">
        <v>0.6</v>
      </c>
    </row>
    <row r="911" spans="1:7" x14ac:dyDescent="0.25">
      <c r="A911" t="s">
        <v>15</v>
      </c>
      <c r="B911">
        <v>67499</v>
      </c>
      <c r="C911">
        <v>1</v>
      </c>
      <c r="D911" t="s">
        <v>8</v>
      </c>
      <c r="E911">
        <v>0.28999999999999998</v>
      </c>
      <c r="F911">
        <v>0.67</v>
      </c>
      <c r="G911">
        <v>0.25</v>
      </c>
    </row>
    <row r="912" spans="1:7" x14ac:dyDescent="0.25">
      <c r="A912" t="s">
        <v>16</v>
      </c>
      <c r="B912">
        <v>130537</v>
      </c>
      <c r="C912">
        <v>23</v>
      </c>
      <c r="D912" t="s">
        <v>24</v>
      </c>
      <c r="E912">
        <v>0.16</v>
      </c>
      <c r="F912">
        <v>1.0900000000000001</v>
      </c>
      <c r="G912">
        <v>0.66</v>
      </c>
    </row>
    <row r="913" spans="1:7" x14ac:dyDescent="0.25">
      <c r="A913" t="s">
        <v>25</v>
      </c>
      <c r="B913">
        <v>118627</v>
      </c>
      <c r="C913">
        <v>16</v>
      </c>
      <c r="D913" t="s">
        <v>12</v>
      </c>
      <c r="E913">
        <v>0.2</v>
      </c>
      <c r="F913">
        <v>0.91</v>
      </c>
      <c r="G913">
        <v>0.85</v>
      </c>
    </row>
    <row r="914" spans="1:7" x14ac:dyDescent="0.25">
      <c r="A914" t="s">
        <v>13</v>
      </c>
      <c r="B914">
        <v>99074</v>
      </c>
      <c r="C914">
        <v>21</v>
      </c>
      <c r="D914" t="s">
        <v>8</v>
      </c>
      <c r="E914">
        <v>0.63</v>
      </c>
      <c r="F914">
        <v>0.92</v>
      </c>
      <c r="G914">
        <v>0.52</v>
      </c>
    </row>
    <row r="915" spans="1:7" x14ac:dyDescent="0.25">
      <c r="A915" t="s">
        <v>18</v>
      </c>
      <c r="B915">
        <v>71716</v>
      </c>
      <c r="C915">
        <v>0</v>
      </c>
      <c r="D915" t="s">
        <v>24</v>
      </c>
      <c r="E915">
        <v>0.15</v>
      </c>
      <c r="F915">
        <v>0.98</v>
      </c>
      <c r="G915">
        <v>0.52</v>
      </c>
    </row>
    <row r="916" spans="1:7" x14ac:dyDescent="0.25">
      <c r="A916" t="s">
        <v>17</v>
      </c>
      <c r="B916">
        <v>132033</v>
      </c>
      <c r="C916">
        <v>21</v>
      </c>
      <c r="D916" t="s">
        <v>10</v>
      </c>
      <c r="E916">
        <v>0.93</v>
      </c>
      <c r="F916">
        <v>1.47</v>
      </c>
      <c r="G916">
        <v>0.25</v>
      </c>
    </row>
    <row r="917" spans="1:7" x14ac:dyDescent="0.25">
      <c r="A917" t="s">
        <v>26</v>
      </c>
      <c r="B917">
        <v>40715</v>
      </c>
      <c r="C917">
        <v>11</v>
      </c>
      <c r="D917" t="s">
        <v>8</v>
      </c>
      <c r="E917">
        <v>0.53</v>
      </c>
      <c r="F917">
        <v>1.05</v>
      </c>
      <c r="G917">
        <v>0.28000000000000003</v>
      </c>
    </row>
    <row r="918" spans="1:7" x14ac:dyDescent="0.25">
      <c r="A918" t="s">
        <v>9</v>
      </c>
      <c r="B918">
        <v>77553</v>
      </c>
      <c r="C918">
        <v>23</v>
      </c>
      <c r="D918" t="s">
        <v>10</v>
      </c>
      <c r="E918">
        <v>0.14000000000000001</v>
      </c>
      <c r="F918">
        <v>0.6</v>
      </c>
      <c r="G918">
        <v>0.19</v>
      </c>
    </row>
    <row r="919" spans="1:7" x14ac:dyDescent="0.25">
      <c r="A919" t="s">
        <v>14</v>
      </c>
      <c r="B919">
        <v>36861</v>
      </c>
      <c r="C919">
        <v>14</v>
      </c>
      <c r="D919" t="s">
        <v>8</v>
      </c>
      <c r="E919">
        <v>0.15</v>
      </c>
      <c r="F919">
        <v>1.41</v>
      </c>
      <c r="G919">
        <v>0.41</v>
      </c>
    </row>
    <row r="920" spans="1:7" x14ac:dyDescent="0.25">
      <c r="A920" t="s">
        <v>13</v>
      </c>
      <c r="B920">
        <v>70154</v>
      </c>
      <c r="C920">
        <v>27</v>
      </c>
      <c r="D920" t="s">
        <v>10</v>
      </c>
      <c r="E920">
        <v>0.38</v>
      </c>
      <c r="F920">
        <v>1.03</v>
      </c>
      <c r="G920">
        <v>0.68</v>
      </c>
    </row>
    <row r="921" spans="1:7" x14ac:dyDescent="0.25">
      <c r="A921" t="s">
        <v>11</v>
      </c>
      <c r="B921">
        <v>93576</v>
      </c>
      <c r="C921">
        <v>13</v>
      </c>
      <c r="D921" t="s">
        <v>12</v>
      </c>
      <c r="E921">
        <v>0.82</v>
      </c>
      <c r="F921">
        <v>1.03</v>
      </c>
      <c r="G921">
        <v>0.78</v>
      </c>
    </row>
    <row r="922" spans="1:7" x14ac:dyDescent="0.25">
      <c r="A922" t="s">
        <v>17</v>
      </c>
      <c r="B922">
        <v>127294</v>
      </c>
      <c r="C922">
        <v>11</v>
      </c>
      <c r="D922" t="s">
        <v>10</v>
      </c>
      <c r="E922">
        <v>0.31</v>
      </c>
      <c r="F922">
        <v>1.03</v>
      </c>
      <c r="G922">
        <v>0.1</v>
      </c>
    </row>
    <row r="923" spans="1:7" x14ac:dyDescent="0.25">
      <c r="A923" t="s">
        <v>21</v>
      </c>
      <c r="B923">
        <v>139875</v>
      </c>
      <c r="C923">
        <v>5</v>
      </c>
      <c r="D923" t="s">
        <v>24</v>
      </c>
      <c r="E923">
        <v>1</v>
      </c>
      <c r="F923">
        <v>0.5</v>
      </c>
      <c r="G923">
        <v>0.31</v>
      </c>
    </row>
    <row r="924" spans="1:7" x14ac:dyDescent="0.25">
      <c r="A924" t="s">
        <v>7</v>
      </c>
      <c r="B924">
        <v>52925</v>
      </c>
      <c r="C924">
        <v>15</v>
      </c>
      <c r="D924" t="s">
        <v>12</v>
      </c>
      <c r="E924">
        <v>0.32</v>
      </c>
      <c r="F924">
        <v>1.48</v>
      </c>
      <c r="G924">
        <v>0.88</v>
      </c>
    </row>
    <row r="925" spans="1:7" x14ac:dyDescent="0.25">
      <c r="A925" t="s">
        <v>17</v>
      </c>
      <c r="B925">
        <v>119779</v>
      </c>
      <c r="C925">
        <v>1</v>
      </c>
      <c r="D925" t="s">
        <v>24</v>
      </c>
      <c r="E925">
        <v>0.01</v>
      </c>
      <c r="F925">
        <v>0.96</v>
      </c>
      <c r="G925">
        <v>0.06</v>
      </c>
    </row>
    <row r="926" spans="1:7" x14ac:dyDescent="0.25">
      <c r="A926" t="s">
        <v>17</v>
      </c>
      <c r="B926">
        <v>87702</v>
      </c>
      <c r="C926">
        <v>15</v>
      </c>
      <c r="D926" t="s">
        <v>10</v>
      </c>
      <c r="E926">
        <v>0.02</v>
      </c>
      <c r="F926">
        <v>1.45</v>
      </c>
      <c r="G926">
        <v>0.14000000000000001</v>
      </c>
    </row>
    <row r="927" spans="1:7" x14ac:dyDescent="0.25">
      <c r="A927" t="s">
        <v>22</v>
      </c>
      <c r="B927">
        <v>127556</v>
      </c>
      <c r="C927">
        <v>8</v>
      </c>
      <c r="D927" t="s">
        <v>12</v>
      </c>
      <c r="E927">
        <v>0.64</v>
      </c>
      <c r="F927">
        <v>1.35</v>
      </c>
      <c r="G927">
        <v>0.52</v>
      </c>
    </row>
    <row r="928" spans="1:7" x14ac:dyDescent="0.25">
      <c r="A928" t="s">
        <v>9</v>
      </c>
      <c r="B928">
        <v>46289</v>
      </c>
      <c r="C928">
        <v>22</v>
      </c>
      <c r="D928" t="s">
        <v>8</v>
      </c>
      <c r="E928">
        <v>0.25</v>
      </c>
      <c r="F928">
        <v>0.8</v>
      </c>
      <c r="G928">
        <v>0.14000000000000001</v>
      </c>
    </row>
    <row r="929" spans="1:7" x14ac:dyDescent="0.25">
      <c r="A929" t="s">
        <v>25</v>
      </c>
      <c r="B929">
        <v>115823</v>
      </c>
      <c r="C929">
        <v>29</v>
      </c>
      <c r="D929" t="s">
        <v>8</v>
      </c>
      <c r="E929">
        <v>0.84</v>
      </c>
      <c r="F929">
        <v>0.93</v>
      </c>
      <c r="G929">
        <v>0.86</v>
      </c>
    </row>
    <row r="930" spans="1:7" x14ac:dyDescent="0.25">
      <c r="A930" t="s">
        <v>11</v>
      </c>
      <c r="B930">
        <v>55966</v>
      </c>
      <c r="C930">
        <v>27</v>
      </c>
      <c r="D930" t="s">
        <v>10</v>
      </c>
      <c r="E930">
        <v>0.03</v>
      </c>
      <c r="F930">
        <v>1.32</v>
      </c>
      <c r="G930">
        <v>0.77</v>
      </c>
    </row>
    <row r="931" spans="1:7" x14ac:dyDescent="0.25">
      <c r="A931" t="s">
        <v>18</v>
      </c>
      <c r="B931">
        <v>98560</v>
      </c>
      <c r="C931">
        <v>23</v>
      </c>
      <c r="D931" t="s">
        <v>24</v>
      </c>
      <c r="E931">
        <v>0.86</v>
      </c>
      <c r="F931">
        <v>0.68</v>
      </c>
      <c r="G931">
        <v>0.52</v>
      </c>
    </row>
    <row r="932" spans="1:7" x14ac:dyDescent="0.25">
      <c r="A932" t="s">
        <v>11</v>
      </c>
      <c r="B932">
        <v>109023</v>
      </c>
      <c r="C932">
        <v>28</v>
      </c>
      <c r="D932" t="s">
        <v>24</v>
      </c>
      <c r="E932">
        <v>0</v>
      </c>
      <c r="F932">
        <v>0.84</v>
      </c>
      <c r="G932">
        <v>0.94</v>
      </c>
    </row>
    <row r="933" spans="1:7" x14ac:dyDescent="0.25">
      <c r="A933" t="s">
        <v>16</v>
      </c>
      <c r="B933">
        <v>112455</v>
      </c>
      <c r="C933">
        <v>28</v>
      </c>
      <c r="D933" t="s">
        <v>10</v>
      </c>
      <c r="E933">
        <v>0.46</v>
      </c>
      <c r="F933">
        <v>0.7</v>
      </c>
      <c r="G933">
        <v>0.42</v>
      </c>
    </row>
    <row r="934" spans="1:7" x14ac:dyDescent="0.25">
      <c r="A934" t="s">
        <v>7</v>
      </c>
      <c r="B934">
        <v>42930</v>
      </c>
      <c r="C934">
        <v>13</v>
      </c>
      <c r="D934" t="s">
        <v>24</v>
      </c>
      <c r="E934">
        <v>0.44</v>
      </c>
      <c r="F934">
        <v>1.08</v>
      </c>
      <c r="G934">
        <v>0.83</v>
      </c>
    </row>
    <row r="935" spans="1:7" x14ac:dyDescent="0.25">
      <c r="A935" t="s">
        <v>21</v>
      </c>
      <c r="B935">
        <v>48065</v>
      </c>
      <c r="C935">
        <v>14</v>
      </c>
      <c r="D935" t="s">
        <v>10</v>
      </c>
      <c r="E935">
        <v>0.56000000000000005</v>
      </c>
      <c r="F935">
        <v>1.2</v>
      </c>
      <c r="G935">
        <v>0.38</v>
      </c>
    </row>
    <row r="936" spans="1:7" x14ac:dyDescent="0.25">
      <c r="A936" t="s">
        <v>16</v>
      </c>
      <c r="B936">
        <v>86422</v>
      </c>
      <c r="C936">
        <v>12</v>
      </c>
      <c r="D936" t="s">
        <v>24</v>
      </c>
      <c r="E936">
        <v>0.28000000000000003</v>
      </c>
      <c r="F936">
        <v>0.88</v>
      </c>
      <c r="G936">
        <v>0.34</v>
      </c>
    </row>
    <row r="937" spans="1:7" x14ac:dyDescent="0.25">
      <c r="A937" t="s">
        <v>17</v>
      </c>
      <c r="B937">
        <v>69305</v>
      </c>
      <c r="C937">
        <v>21</v>
      </c>
      <c r="D937" t="s">
        <v>10</v>
      </c>
      <c r="E937">
        <v>0.06</v>
      </c>
      <c r="F937">
        <v>0.68</v>
      </c>
      <c r="G937">
        <v>0.08</v>
      </c>
    </row>
    <row r="938" spans="1:7" x14ac:dyDescent="0.25">
      <c r="A938" t="s">
        <v>19</v>
      </c>
      <c r="B938">
        <v>105355</v>
      </c>
      <c r="C938">
        <v>9</v>
      </c>
      <c r="D938" t="s">
        <v>12</v>
      </c>
      <c r="E938">
        <v>0.69</v>
      </c>
      <c r="F938">
        <v>1.03</v>
      </c>
      <c r="G938">
        <v>0.81</v>
      </c>
    </row>
    <row r="939" spans="1:7" x14ac:dyDescent="0.25">
      <c r="A939" t="s">
        <v>7</v>
      </c>
      <c r="B939">
        <v>31776</v>
      </c>
      <c r="C939">
        <v>7</v>
      </c>
      <c r="D939" t="s">
        <v>24</v>
      </c>
      <c r="E939">
        <v>0.19</v>
      </c>
      <c r="F939">
        <v>1</v>
      </c>
      <c r="G939">
        <v>0.91</v>
      </c>
    </row>
    <row r="940" spans="1:7" x14ac:dyDescent="0.25">
      <c r="A940" t="s">
        <v>28</v>
      </c>
      <c r="B940">
        <v>113187</v>
      </c>
      <c r="C940">
        <v>14</v>
      </c>
      <c r="D940" t="s">
        <v>24</v>
      </c>
      <c r="E940">
        <v>0.51</v>
      </c>
      <c r="F940">
        <v>0.85</v>
      </c>
      <c r="G940">
        <v>0.37</v>
      </c>
    </row>
    <row r="941" spans="1:7" x14ac:dyDescent="0.25">
      <c r="A941" t="s">
        <v>7</v>
      </c>
      <c r="B941">
        <v>44937</v>
      </c>
      <c r="C941">
        <v>26</v>
      </c>
      <c r="D941" t="s">
        <v>24</v>
      </c>
      <c r="E941">
        <v>0.17</v>
      </c>
      <c r="F941">
        <v>0.69</v>
      </c>
      <c r="G941">
        <v>0.93</v>
      </c>
    </row>
    <row r="942" spans="1:7" x14ac:dyDescent="0.25">
      <c r="A942" t="s">
        <v>25</v>
      </c>
      <c r="B942">
        <v>77259</v>
      </c>
      <c r="C942">
        <v>23</v>
      </c>
      <c r="D942" t="s">
        <v>8</v>
      </c>
      <c r="E942">
        <v>0.23</v>
      </c>
      <c r="F942">
        <v>0.91</v>
      </c>
      <c r="G942">
        <v>0.88</v>
      </c>
    </row>
    <row r="943" spans="1:7" x14ac:dyDescent="0.25">
      <c r="A943" t="s">
        <v>13</v>
      </c>
      <c r="B943">
        <v>48225</v>
      </c>
      <c r="C943">
        <v>11</v>
      </c>
      <c r="D943" t="s">
        <v>12</v>
      </c>
      <c r="E943">
        <v>0.96</v>
      </c>
      <c r="F943">
        <v>0.73</v>
      </c>
      <c r="G943">
        <v>0.34</v>
      </c>
    </row>
    <row r="944" spans="1:7" x14ac:dyDescent="0.25">
      <c r="A944" t="s">
        <v>29</v>
      </c>
      <c r="B944">
        <v>101519</v>
      </c>
      <c r="C944">
        <v>10</v>
      </c>
      <c r="D944" t="s">
        <v>12</v>
      </c>
      <c r="E944">
        <v>0.28999999999999998</v>
      </c>
      <c r="F944">
        <v>0.71</v>
      </c>
      <c r="G944">
        <v>0.12</v>
      </c>
    </row>
    <row r="945" spans="1:7" x14ac:dyDescent="0.25">
      <c r="A945" t="s">
        <v>23</v>
      </c>
      <c r="B945">
        <v>100994</v>
      </c>
      <c r="C945">
        <v>10</v>
      </c>
      <c r="D945" t="s">
        <v>8</v>
      </c>
      <c r="E945">
        <v>0.74</v>
      </c>
      <c r="F945">
        <v>1.46</v>
      </c>
      <c r="G945">
        <v>0.64</v>
      </c>
    </row>
    <row r="946" spans="1:7" x14ac:dyDescent="0.25">
      <c r="A946" t="s">
        <v>19</v>
      </c>
      <c r="B946">
        <v>49450</v>
      </c>
      <c r="C946">
        <v>20</v>
      </c>
      <c r="D946" t="s">
        <v>10</v>
      </c>
      <c r="E946">
        <v>0.06</v>
      </c>
      <c r="F946">
        <v>1.1200000000000001</v>
      </c>
      <c r="G946">
        <v>0.76</v>
      </c>
    </row>
    <row r="947" spans="1:7" x14ac:dyDescent="0.25">
      <c r="A947" t="s">
        <v>23</v>
      </c>
      <c r="B947">
        <v>148585</v>
      </c>
      <c r="C947">
        <v>8</v>
      </c>
      <c r="D947" t="s">
        <v>24</v>
      </c>
      <c r="E947">
        <v>0.22</v>
      </c>
      <c r="F947">
        <v>1.47</v>
      </c>
      <c r="G947">
        <v>0.59</v>
      </c>
    </row>
    <row r="948" spans="1:7" x14ac:dyDescent="0.25">
      <c r="A948" t="s">
        <v>19</v>
      </c>
      <c r="B948">
        <v>106970</v>
      </c>
      <c r="C948">
        <v>29</v>
      </c>
      <c r="D948" t="s">
        <v>10</v>
      </c>
      <c r="E948">
        <v>0.51</v>
      </c>
      <c r="F948">
        <v>0.81</v>
      </c>
      <c r="G948">
        <v>0.81</v>
      </c>
    </row>
    <row r="949" spans="1:7" x14ac:dyDescent="0.25">
      <c r="A949" t="s">
        <v>19</v>
      </c>
      <c r="B949">
        <v>31112</v>
      </c>
      <c r="C949">
        <v>25</v>
      </c>
      <c r="D949" t="s">
        <v>12</v>
      </c>
      <c r="E949">
        <v>0.45</v>
      </c>
      <c r="F949">
        <v>1.1599999999999999</v>
      </c>
      <c r="G949">
        <v>0.71</v>
      </c>
    </row>
    <row r="950" spans="1:7" x14ac:dyDescent="0.25">
      <c r="A950" t="s">
        <v>9</v>
      </c>
      <c r="B950">
        <v>117351</v>
      </c>
      <c r="C950">
        <v>15</v>
      </c>
      <c r="D950" t="s">
        <v>8</v>
      </c>
      <c r="E950">
        <v>0.31</v>
      </c>
      <c r="F950">
        <v>0.89</v>
      </c>
      <c r="G950">
        <v>0.14000000000000001</v>
      </c>
    </row>
    <row r="951" spans="1:7" x14ac:dyDescent="0.25">
      <c r="A951" t="s">
        <v>15</v>
      </c>
      <c r="B951">
        <v>51661</v>
      </c>
      <c r="C951">
        <v>1</v>
      </c>
      <c r="D951" t="s">
        <v>24</v>
      </c>
      <c r="E951">
        <v>0.26</v>
      </c>
      <c r="F951">
        <v>1.37</v>
      </c>
      <c r="G951">
        <v>0.21</v>
      </c>
    </row>
    <row r="952" spans="1:7" x14ac:dyDescent="0.25">
      <c r="A952" t="s">
        <v>23</v>
      </c>
      <c r="B952">
        <v>67443</v>
      </c>
      <c r="C952">
        <v>12</v>
      </c>
      <c r="D952" t="s">
        <v>10</v>
      </c>
      <c r="E952">
        <v>0.65</v>
      </c>
      <c r="F952">
        <v>1.24</v>
      </c>
      <c r="G952">
        <v>0.3</v>
      </c>
    </row>
    <row r="953" spans="1:7" x14ac:dyDescent="0.25">
      <c r="A953" t="s">
        <v>20</v>
      </c>
      <c r="B953">
        <v>44234</v>
      </c>
      <c r="C953">
        <v>4</v>
      </c>
      <c r="D953" t="s">
        <v>24</v>
      </c>
      <c r="E953">
        <v>0.34</v>
      </c>
      <c r="F953">
        <v>1.03</v>
      </c>
      <c r="G953">
        <v>0.56000000000000005</v>
      </c>
    </row>
    <row r="954" spans="1:7" x14ac:dyDescent="0.25">
      <c r="A954" t="s">
        <v>13</v>
      </c>
      <c r="B954">
        <v>134383</v>
      </c>
      <c r="C954">
        <v>0</v>
      </c>
      <c r="D954" t="s">
        <v>12</v>
      </c>
      <c r="E954">
        <v>0.94</v>
      </c>
      <c r="F954">
        <v>1.22</v>
      </c>
      <c r="G954">
        <v>0.52</v>
      </c>
    </row>
    <row r="955" spans="1:7" x14ac:dyDescent="0.25">
      <c r="A955" t="s">
        <v>7</v>
      </c>
      <c r="B955">
        <v>72320</v>
      </c>
      <c r="C955">
        <v>6</v>
      </c>
      <c r="D955" t="s">
        <v>12</v>
      </c>
      <c r="E955">
        <v>0.9</v>
      </c>
      <c r="F955">
        <v>0.85</v>
      </c>
      <c r="G955">
        <v>0.94</v>
      </c>
    </row>
    <row r="956" spans="1:7" x14ac:dyDescent="0.25">
      <c r="A956" t="s">
        <v>19</v>
      </c>
      <c r="B956">
        <v>91196</v>
      </c>
      <c r="C956">
        <v>11</v>
      </c>
      <c r="D956" t="s">
        <v>24</v>
      </c>
      <c r="E956">
        <v>0.73</v>
      </c>
      <c r="F956">
        <v>0.78</v>
      </c>
      <c r="G956">
        <v>0.88</v>
      </c>
    </row>
    <row r="957" spans="1:7" x14ac:dyDescent="0.25">
      <c r="A957" t="s">
        <v>7</v>
      </c>
      <c r="B957">
        <v>104861</v>
      </c>
      <c r="C957">
        <v>0</v>
      </c>
      <c r="D957" t="s">
        <v>24</v>
      </c>
      <c r="E957">
        <v>0.39</v>
      </c>
      <c r="F957">
        <v>0.99</v>
      </c>
      <c r="G957">
        <v>0.77</v>
      </c>
    </row>
    <row r="958" spans="1:7" x14ac:dyDescent="0.25">
      <c r="A958" t="s">
        <v>18</v>
      </c>
      <c r="B958">
        <v>148169</v>
      </c>
      <c r="C958">
        <v>20</v>
      </c>
      <c r="D958" t="s">
        <v>10</v>
      </c>
      <c r="E958">
        <v>0.65</v>
      </c>
      <c r="F958">
        <v>0.5</v>
      </c>
      <c r="G958">
        <v>0.4</v>
      </c>
    </row>
    <row r="959" spans="1:7" x14ac:dyDescent="0.25">
      <c r="A959" t="s">
        <v>28</v>
      </c>
      <c r="B959">
        <v>89630</v>
      </c>
      <c r="C959">
        <v>13</v>
      </c>
      <c r="D959" t="s">
        <v>12</v>
      </c>
      <c r="E959">
        <v>0.32</v>
      </c>
      <c r="F959">
        <v>0.85</v>
      </c>
      <c r="G959">
        <v>0.38</v>
      </c>
    </row>
    <row r="960" spans="1:7" x14ac:dyDescent="0.25">
      <c r="A960" t="s">
        <v>16</v>
      </c>
      <c r="B960">
        <v>127435</v>
      </c>
      <c r="C960">
        <v>3</v>
      </c>
      <c r="D960" t="s">
        <v>10</v>
      </c>
      <c r="E960">
        <v>0.56999999999999995</v>
      </c>
      <c r="F960">
        <v>0.69</v>
      </c>
      <c r="G960">
        <v>0.62</v>
      </c>
    </row>
    <row r="961" spans="1:7" x14ac:dyDescent="0.25">
      <c r="A961" t="s">
        <v>16</v>
      </c>
      <c r="B961">
        <v>114845</v>
      </c>
      <c r="C961">
        <v>4</v>
      </c>
      <c r="D961" t="s">
        <v>24</v>
      </c>
      <c r="E961">
        <v>0.66</v>
      </c>
      <c r="F961">
        <v>1.19</v>
      </c>
      <c r="G961">
        <v>0.65</v>
      </c>
    </row>
    <row r="962" spans="1:7" x14ac:dyDescent="0.25">
      <c r="A962" t="s">
        <v>18</v>
      </c>
      <c r="B962">
        <v>49053</v>
      </c>
      <c r="C962">
        <v>28</v>
      </c>
      <c r="D962" t="s">
        <v>24</v>
      </c>
      <c r="E962">
        <v>0.67</v>
      </c>
      <c r="F962">
        <v>1.43</v>
      </c>
      <c r="G962">
        <v>0.56999999999999995</v>
      </c>
    </row>
    <row r="963" spans="1:7" x14ac:dyDescent="0.25">
      <c r="A963" t="s">
        <v>29</v>
      </c>
      <c r="B963">
        <v>100683</v>
      </c>
      <c r="C963">
        <v>3</v>
      </c>
      <c r="D963" t="s">
        <v>8</v>
      </c>
      <c r="E963">
        <v>0.41</v>
      </c>
      <c r="F963">
        <v>0.74</v>
      </c>
      <c r="G963">
        <v>0.08</v>
      </c>
    </row>
    <row r="964" spans="1:7" x14ac:dyDescent="0.25">
      <c r="A964" t="s">
        <v>11</v>
      </c>
      <c r="B964">
        <v>120153</v>
      </c>
      <c r="C964">
        <v>20</v>
      </c>
      <c r="D964" t="s">
        <v>24</v>
      </c>
      <c r="E964">
        <v>0.46</v>
      </c>
      <c r="F964">
        <v>0.75</v>
      </c>
      <c r="G964">
        <v>0.79</v>
      </c>
    </row>
    <row r="965" spans="1:7" x14ac:dyDescent="0.25">
      <c r="A965" t="s">
        <v>30</v>
      </c>
      <c r="B965">
        <v>129926</v>
      </c>
      <c r="C965">
        <v>0</v>
      </c>
      <c r="D965" t="s">
        <v>12</v>
      </c>
      <c r="E965">
        <v>0.86</v>
      </c>
      <c r="F965">
        <v>0.6</v>
      </c>
      <c r="G965">
        <v>0.44</v>
      </c>
    </row>
    <row r="966" spans="1:7" x14ac:dyDescent="0.25">
      <c r="A966" t="s">
        <v>25</v>
      </c>
      <c r="B966">
        <v>43140</v>
      </c>
      <c r="C966">
        <v>13</v>
      </c>
      <c r="D966" t="s">
        <v>10</v>
      </c>
      <c r="E966">
        <v>0.6</v>
      </c>
      <c r="F966">
        <v>1.06</v>
      </c>
      <c r="G966">
        <v>0.8</v>
      </c>
    </row>
    <row r="967" spans="1:7" x14ac:dyDescent="0.25">
      <c r="A967" t="s">
        <v>22</v>
      </c>
      <c r="B967">
        <v>104362</v>
      </c>
      <c r="C967">
        <v>11</v>
      </c>
      <c r="D967" t="s">
        <v>10</v>
      </c>
      <c r="E967">
        <v>0.31</v>
      </c>
      <c r="F967">
        <v>0.98</v>
      </c>
      <c r="G967">
        <v>0.69</v>
      </c>
    </row>
    <row r="968" spans="1:7" x14ac:dyDescent="0.25">
      <c r="A968" t="s">
        <v>14</v>
      </c>
      <c r="B968">
        <v>73030</v>
      </c>
      <c r="C968">
        <v>5</v>
      </c>
      <c r="D968" t="s">
        <v>10</v>
      </c>
      <c r="E968">
        <v>0.24</v>
      </c>
      <c r="F968">
        <v>0.92</v>
      </c>
      <c r="G968">
        <v>0.67</v>
      </c>
    </row>
    <row r="969" spans="1:7" x14ac:dyDescent="0.25">
      <c r="A969" t="s">
        <v>29</v>
      </c>
      <c r="B969">
        <v>54400</v>
      </c>
      <c r="C969">
        <v>18</v>
      </c>
      <c r="D969" t="s">
        <v>10</v>
      </c>
      <c r="E969">
        <v>0.02</v>
      </c>
      <c r="F969">
        <v>0.65</v>
      </c>
      <c r="G969">
        <v>0.14000000000000001</v>
      </c>
    </row>
    <row r="970" spans="1:7" x14ac:dyDescent="0.25">
      <c r="A970" t="s">
        <v>29</v>
      </c>
      <c r="B970">
        <v>33760</v>
      </c>
      <c r="C970">
        <v>20</v>
      </c>
      <c r="D970" t="s">
        <v>10</v>
      </c>
      <c r="E970">
        <v>0.02</v>
      </c>
      <c r="F970">
        <v>0.53</v>
      </c>
      <c r="G970">
        <v>0.17</v>
      </c>
    </row>
    <row r="971" spans="1:7" x14ac:dyDescent="0.25">
      <c r="A971" t="s">
        <v>25</v>
      </c>
      <c r="B971">
        <v>122930</v>
      </c>
      <c r="C971">
        <v>21</v>
      </c>
      <c r="D971" t="s">
        <v>24</v>
      </c>
      <c r="E971">
        <v>0.14000000000000001</v>
      </c>
      <c r="F971">
        <v>1.1599999999999999</v>
      </c>
      <c r="G971">
        <v>0.87</v>
      </c>
    </row>
    <row r="972" spans="1:7" x14ac:dyDescent="0.25">
      <c r="A972" t="s">
        <v>18</v>
      </c>
      <c r="B972">
        <v>33323</v>
      </c>
      <c r="C972">
        <v>29</v>
      </c>
      <c r="D972" t="s">
        <v>24</v>
      </c>
      <c r="E972">
        <v>0.72</v>
      </c>
      <c r="F972">
        <v>1.1399999999999999</v>
      </c>
      <c r="G972">
        <v>0.51</v>
      </c>
    </row>
    <row r="973" spans="1:7" x14ac:dyDescent="0.25">
      <c r="A973" t="s">
        <v>21</v>
      </c>
      <c r="B973">
        <v>65098</v>
      </c>
      <c r="C973">
        <v>10</v>
      </c>
      <c r="D973" t="s">
        <v>10</v>
      </c>
      <c r="E973">
        <v>0.22</v>
      </c>
      <c r="F973">
        <v>0.68</v>
      </c>
      <c r="G973">
        <v>0.31</v>
      </c>
    </row>
    <row r="974" spans="1:7" x14ac:dyDescent="0.25">
      <c r="A974" t="s">
        <v>28</v>
      </c>
      <c r="B974">
        <v>101153</v>
      </c>
      <c r="C974">
        <v>11</v>
      </c>
      <c r="D974" t="s">
        <v>10</v>
      </c>
      <c r="E974">
        <v>0.62</v>
      </c>
      <c r="F974">
        <v>0.63</v>
      </c>
      <c r="G974">
        <v>0.55000000000000004</v>
      </c>
    </row>
    <row r="975" spans="1:7" x14ac:dyDescent="0.25">
      <c r="A975" t="s">
        <v>7</v>
      </c>
      <c r="B975">
        <v>101279</v>
      </c>
      <c r="C975">
        <v>14</v>
      </c>
      <c r="D975" t="s">
        <v>24</v>
      </c>
      <c r="E975">
        <v>0.49</v>
      </c>
      <c r="F975">
        <v>1.36</v>
      </c>
      <c r="G975">
        <v>0.81</v>
      </c>
    </row>
    <row r="976" spans="1:7" x14ac:dyDescent="0.25">
      <c r="A976" t="s">
        <v>22</v>
      </c>
      <c r="B976">
        <v>143115</v>
      </c>
      <c r="C976">
        <v>0</v>
      </c>
      <c r="D976" t="s">
        <v>24</v>
      </c>
      <c r="E976">
        <v>0.43</v>
      </c>
      <c r="F976">
        <v>1.08</v>
      </c>
      <c r="G976">
        <v>0.6</v>
      </c>
    </row>
    <row r="977" spans="1:7" x14ac:dyDescent="0.25">
      <c r="A977" t="s">
        <v>23</v>
      </c>
      <c r="B977">
        <v>149487</v>
      </c>
      <c r="C977">
        <v>7</v>
      </c>
      <c r="D977" t="s">
        <v>24</v>
      </c>
      <c r="E977">
        <v>0.21</v>
      </c>
      <c r="F977">
        <v>1.41</v>
      </c>
      <c r="G977">
        <v>0.66</v>
      </c>
    </row>
    <row r="978" spans="1:7" x14ac:dyDescent="0.25">
      <c r="A978" t="s">
        <v>13</v>
      </c>
      <c r="B978">
        <v>123304</v>
      </c>
      <c r="C978">
        <v>23</v>
      </c>
      <c r="D978" t="s">
        <v>8</v>
      </c>
      <c r="E978">
        <v>0.93</v>
      </c>
      <c r="F978">
        <v>1.06</v>
      </c>
      <c r="G978">
        <v>0.4</v>
      </c>
    </row>
    <row r="979" spans="1:7" x14ac:dyDescent="0.25">
      <c r="A979" t="s">
        <v>30</v>
      </c>
      <c r="B979">
        <v>134134</v>
      </c>
      <c r="C979">
        <v>6</v>
      </c>
      <c r="D979" t="s">
        <v>8</v>
      </c>
      <c r="E979">
        <v>0.32</v>
      </c>
      <c r="F979">
        <v>1.49</v>
      </c>
      <c r="G979">
        <v>0.56999999999999995</v>
      </c>
    </row>
    <row r="980" spans="1:7" x14ac:dyDescent="0.25">
      <c r="A980" t="s">
        <v>23</v>
      </c>
      <c r="B980">
        <v>107199</v>
      </c>
      <c r="C980">
        <v>25</v>
      </c>
      <c r="D980" t="s">
        <v>24</v>
      </c>
      <c r="E980">
        <v>0.46</v>
      </c>
      <c r="F980">
        <v>0.51</v>
      </c>
      <c r="G980">
        <v>0.49</v>
      </c>
    </row>
    <row r="981" spans="1:7" x14ac:dyDescent="0.25">
      <c r="A981" t="s">
        <v>17</v>
      </c>
      <c r="B981">
        <v>132658</v>
      </c>
      <c r="C981">
        <v>11</v>
      </c>
      <c r="D981" t="s">
        <v>12</v>
      </c>
      <c r="E981">
        <v>0.24</v>
      </c>
      <c r="F981">
        <v>0.76</v>
      </c>
      <c r="G981">
        <v>0.13</v>
      </c>
    </row>
    <row r="982" spans="1:7" x14ac:dyDescent="0.25">
      <c r="A982" t="s">
        <v>22</v>
      </c>
      <c r="B982">
        <v>41352</v>
      </c>
      <c r="C982">
        <v>4</v>
      </c>
      <c r="D982" t="s">
        <v>10</v>
      </c>
      <c r="E982">
        <v>0.93</v>
      </c>
      <c r="F982">
        <v>1.26</v>
      </c>
      <c r="G982">
        <v>0.32</v>
      </c>
    </row>
    <row r="983" spans="1:7" x14ac:dyDescent="0.25">
      <c r="A983" t="s">
        <v>20</v>
      </c>
      <c r="B983">
        <v>43679</v>
      </c>
      <c r="C983">
        <v>21</v>
      </c>
      <c r="D983" t="s">
        <v>12</v>
      </c>
      <c r="E983">
        <v>0.04</v>
      </c>
      <c r="F983">
        <v>1.1000000000000001</v>
      </c>
      <c r="G983">
        <v>0.46</v>
      </c>
    </row>
    <row r="984" spans="1:7" x14ac:dyDescent="0.25">
      <c r="A984" t="s">
        <v>26</v>
      </c>
      <c r="B984">
        <v>122345</v>
      </c>
      <c r="C984">
        <v>27</v>
      </c>
      <c r="D984" t="s">
        <v>10</v>
      </c>
      <c r="E984">
        <v>0.12</v>
      </c>
      <c r="F984">
        <v>0.68</v>
      </c>
      <c r="G984">
        <v>0.28999999999999998</v>
      </c>
    </row>
    <row r="985" spans="1:7" x14ac:dyDescent="0.25">
      <c r="A985" t="s">
        <v>18</v>
      </c>
      <c r="B985">
        <v>108179</v>
      </c>
      <c r="C985">
        <v>29</v>
      </c>
      <c r="D985" t="s">
        <v>12</v>
      </c>
      <c r="E985">
        <v>0.82</v>
      </c>
      <c r="F985">
        <v>1.02</v>
      </c>
      <c r="G985">
        <v>0.52</v>
      </c>
    </row>
    <row r="986" spans="1:7" x14ac:dyDescent="0.25">
      <c r="A986" t="s">
        <v>11</v>
      </c>
      <c r="B986">
        <v>77878</v>
      </c>
      <c r="C986">
        <v>18</v>
      </c>
      <c r="D986" t="s">
        <v>10</v>
      </c>
      <c r="E986">
        <v>0.73</v>
      </c>
      <c r="F986">
        <v>1.33</v>
      </c>
      <c r="G986">
        <v>0.73</v>
      </c>
    </row>
    <row r="987" spans="1:7" x14ac:dyDescent="0.25">
      <c r="A987" t="s">
        <v>11</v>
      </c>
      <c r="B987">
        <v>125777</v>
      </c>
      <c r="C987">
        <v>29</v>
      </c>
      <c r="D987" t="s">
        <v>10</v>
      </c>
      <c r="E987">
        <v>0.51</v>
      </c>
      <c r="F987">
        <v>1.31</v>
      </c>
      <c r="G987">
        <v>0.89</v>
      </c>
    </row>
    <row r="988" spans="1:7" x14ac:dyDescent="0.25">
      <c r="A988" t="s">
        <v>22</v>
      </c>
      <c r="B988">
        <v>112124</v>
      </c>
      <c r="C988">
        <v>0</v>
      </c>
      <c r="D988" t="s">
        <v>12</v>
      </c>
      <c r="E988">
        <v>0.65</v>
      </c>
      <c r="F988">
        <v>1.03</v>
      </c>
      <c r="G988">
        <v>0.39</v>
      </c>
    </row>
    <row r="989" spans="1:7" x14ac:dyDescent="0.25">
      <c r="A989" t="s">
        <v>16</v>
      </c>
      <c r="B989">
        <v>126367</v>
      </c>
      <c r="C989">
        <v>11</v>
      </c>
      <c r="D989" t="s">
        <v>10</v>
      </c>
      <c r="E989">
        <v>0.46</v>
      </c>
      <c r="F989">
        <v>0.54</v>
      </c>
      <c r="G989">
        <v>0.31</v>
      </c>
    </row>
    <row r="990" spans="1:7" x14ac:dyDescent="0.25">
      <c r="A990" t="s">
        <v>27</v>
      </c>
      <c r="B990">
        <v>77080</v>
      </c>
      <c r="C990">
        <v>11</v>
      </c>
      <c r="D990" t="s">
        <v>24</v>
      </c>
      <c r="E990">
        <v>0.1</v>
      </c>
      <c r="F990">
        <v>1.02</v>
      </c>
      <c r="G990">
        <v>0.88</v>
      </c>
    </row>
    <row r="991" spans="1:7" x14ac:dyDescent="0.25">
      <c r="A991" t="s">
        <v>28</v>
      </c>
      <c r="B991">
        <v>61280</v>
      </c>
      <c r="C991">
        <v>2</v>
      </c>
      <c r="D991" t="s">
        <v>12</v>
      </c>
      <c r="E991">
        <v>0.52</v>
      </c>
      <c r="F991">
        <v>1.26</v>
      </c>
      <c r="G991">
        <v>0.43</v>
      </c>
    </row>
    <row r="992" spans="1:7" x14ac:dyDescent="0.25">
      <c r="A992" t="s">
        <v>30</v>
      </c>
      <c r="B992">
        <v>39835</v>
      </c>
      <c r="C992">
        <v>27</v>
      </c>
      <c r="D992" t="s">
        <v>8</v>
      </c>
      <c r="E992">
        <v>0.74</v>
      </c>
      <c r="F992">
        <v>0.52</v>
      </c>
      <c r="G992">
        <v>0.56000000000000005</v>
      </c>
    </row>
    <row r="993" spans="1:7" x14ac:dyDescent="0.25">
      <c r="A993" t="s">
        <v>23</v>
      </c>
      <c r="B993">
        <v>52369</v>
      </c>
      <c r="C993">
        <v>10</v>
      </c>
      <c r="D993" t="s">
        <v>12</v>
      </c>
      <c r="E993">
        <v>0.36</v>
      </c>
      <c r="F993">
        <v>1.1499999999999999</v>
      </c>
      <c r="G993">
        <v>0.6</v>
      </c>
    </row>
    <row r="994" spans="1:7" x14ac:dyDescent="0.25">
      <c r="A994" t="s">
        <v>18</v>
      </c>
      <c r="B994">
        <v>30637</v>
      </c>
      <c r="C994">
        <v>8</v>
      </c>
      <c r="D994" t="s">
        <v>12</v>
      </c>
      <c r="E994">
        <v>0.74</v>
      </c>
      <c r="F994">
        <v>0.84</v>
      </c>
      <c r="G994">
        <v>0.45</v>
      </c>
    </row>
    <row r="995" spans="1:7" x14ac:dyDescent="0.25">
      <c r="A995" t="s">
        <v>7</v>
      </c>
      <c r="B995">
        <v>62209</v>
      </c>
      <c r="C995">
        <v>27</v>
      </c>
      <c r="D995" t="s">
        <v>8</v>
      </c>
      <c r="E995">
        <v>0.9</v>
      </c>
      <c r="F995">
        <v>0.84</v>
      </c>
      <c r="G995">
        <v>0.89</v>
      </c>
    </row>
    <row r="996" spans="1:7" x14ac:dyDescent="0.25">
      <c r="A996" t="s">
        <v>26</v>
      </c>
      <c r="B996">
        <v>70478</v>
      </c>
      <c r="C996">
        <v>1</v>
      </c>
      <c r="D996" t="s">
        <v>8</v>
      </c>
      <c r="E996">
        <v>0.69</v>
      </c>
      <c r="F996">
        <v>1.18</v>
      </c>
      <c r="G996">
        <v>0.26</v>
      </c>
    </row>
    <row r="997" spans="1:7" x14ac:dyDescent="0.25">
      <c r="A997" t="s">
        <v>29</v>
      </c>
      <c r="B997">
        <v>90760</v>
      </c>
      <c r="C997">
        <v>9</v>
      </c>
      <c r="D997" t="s">
        <v>8</v>
      </c>
      <c r="E997">
        <v>0.28999999999999998</v>
      </c>
      <c r="F997">
        <v>1.41</v>
      </c>
      <c r="G997">
        <v>0.18</v>
      </c>
    </row>
    <row r="998" spans="1:7" x14ac:dyDescent="0.25">
      <c r="A998" t="s">
        <v>27</v>
      </c>
      <c r="B998">
        <v>52505</v>
      </c>
      <c r="C998">
        <v>0</v>
      </c>
      <c r="D998" t="s">
        <v>8</v>
      </c>
      <c r="E998">
        <v>0.69</v>
      </c>
      <c r="F998">
        <v>0.84</v>
      </c>
      <c r="G998">
        <v>0.73</v>
      </c>
    </row>
    <row r="999" spans="1:7" x14ac:dyDescent="0.25">
      <c r="A999" t="s">
        <v>14</v>
      </c>
      <c r="B999">
        <v>140441</v>
      </c>
      <c r="C999">
        <v>22</v>
      </c>
      <c r="D999" t="s">
        <v>12</v>
      </c>
      <c r="E999">
        <v>0.16</v>
      </c>
      <c r="F999">
        <v>0.96</v>
      </c>
      <c r="G999">
        <v>0.54</v>
      </c>
    </row>
    <row r="1000" spans="1:7" x14ac:dyDescent="0.25">
      <c r="A1000" t="s">
        <v>9</v>
      </c>
      <c r="B1000">
        <v>108944</v>
      </c>
      <c r="C1000">
        <v>24</v>
      </c>
      <c r="D1000" t="s">
        <v>10</v>
      </c>
      <c r="E1000">
        <v>0.43</v>
      </c>
      <c r="F1000">
        <v>1.05</v>
      </c>
      <c r="G1000">
        <v>0.26</v>
      </c>
    </row>
    <row r="1001" spans="1:7" x14ac:dyDescent="0.25">
      <c r="A1001" t="s">
        <v>7</v>
      </c>
      <c r="B1001">
        <v>40886</v>
      </c>
      <c r="C1001">
        <v>21</v>
      </c>
      <c r="D1001" t="s">
        <v>8</v>
      </c>
      <c r="E1001">
        <v>0.85</v>
      </c>
      <c r="F1001">
        <v>0.99</v>
      </c>
      <c r="G1001">
        <v>0.91</v>
      </c>
    </row>
    <row r="1002" spans="1:7" x14ac:dyDescent="0.25">
      <c r="A1002" t="s">
        <v>19</v>
      </c>
      <c r="B1002">
        <v>85744</v>
      </c>
      <c r="C1002">
        <v>21</v>
      </c>
      <c r="D1002" t="s">
        <v>12</v>
      </c>
      <c r="E1002">
        <v>0.53</v>
      </c>
      <c r="F1002">
        <v>0.78</v>
      </c>
      <c r="G1002">
        <v>0.92</v>
      </c>
    </row>
    <row r="1003" spans="1:7" x14ac:dyDescent="0.25">
      <c r="A1003" t="s">
        <v>25</v>
      </c>
      <c r="B1003">
        <v>75778</v>
      </c>
      <c r="C1003">
        <v>29</v>
      </c>
      <c r="D1003" t="s">
        <v>8</v>
      </c>
      <c r="E1003">
        <v>0.73</v>
      </c>
      <c r="F1003">
        <v>0.75</v>
      </c>
      <c r="G1003">
        <v>0.88</v>
      </c>
    </row>
    <row r="1004" spans="1:7" x14ac:dyDescent="0.25">
      <c r="A1004" t="s">
        <v>18</v>
      </c>
      <c r="B1004">
        <v>88764</v>
      </c>
      <c r="C1004">
        <v>7</v>
      </c>
      <c r="D1004" t="s">
        <v>12</v>
      </c>
      <c r="E1004">
        <v>0.69</v>
      </c>
      <c r="F1004">
        <v>1.4</v>
      </c>
      <c r="G1004">
        <v>0.57999999999999996</v>
      </c>
    </row>
    <row r="1005" spans="1:7" x14ac:dyDescent="0.25">
      <c r="A1005" t="s">
        <v>14</v>
      </c>
      <c r="B1005">
        <v>62795</v>
      </c>
      <c r="C1005">
        <v>20</v>
      </c>
      <c r="D1005" t="s">
        <v>24</v>
      </c>
      <c r="E1005">
        <v>0.19</v>
      </c>
      <c r="F1005">
        <v>1.04</v>
      </c>
      <c r="G1005">
        <v>0.41</v>
      </c>
    </row>
    <row r="1006" spans="1:7" x14ac:dyDescent="0.25">
      <c r="A1006" t="s">
        <v>30</v>
      </c>
      <c r="B1006">
        <v>107223</v>
      </c>
      <c r="C1006">
        <v>6</v>
      </c>
      <c r="D1006" t="s">
        <v>24</v>
      </c>
      <c r="E1006">
        <v>0.69</v>
      </c>
      <c r="F1006">
        <v>0.61</v>
      </c>
      <c r="G1006">
        <v>0.56000000000000005</v>
      </c>
    </row>
    <row r="1007" spans="1:7" x14ac:dyDescent="0.25">
      <c r="A1007" t="s">
        <v>7</v>
      </c>
      <c r="B1007">
        <v>98835</v>
      </c>
      <c r="C1007">
        <v>2</v>
      </c>
      <c r="D1007" t="s">
        <v>12</v>
      </c>
      <c r="E1007">
        <v>0.35</v>
      </c>
      <c r="F1007">
        <v>1.21</v>
      </c>
      <c r="G1007">
        <v>0.83</v>
      </c>
    </row>
    <row r="1008" spans="1:7" x14ac:dyDescent="0.25">
      <c r="A1008" t="s">
        <v>15</v>
      </c>
      <c r="B1008">
        <v>139640</v>
      </c>
      <c r="C1008">
        <v>22</v>
      </c>
      <c r="D1008" t="s">
        <v>24</v>
      </c>
      <c r="E1008">
        <v>0.76</v>
      </c>
      <c r="F1008">
        <v>1.33</v>
      </c>
      <c r="G1008">
        <v>0.27</v>
      </c>
    </row>
    <row r="1009" spans="1:7" x14ac:dyDescent="0.25">
      <c r="A1009" t="s">
        <v>11</v>
      </c>
      <c r="B1009">
        <v>87225</v>
      </c>
      <c r="C1009">
        <v>4</v>
      </c>
      <c r="D1009" t="s">
        <v>10</v>
      </c>
      <c r="E1009">
        <v>0.17</v>
      </c>
      <c r="F1009">
        <v>0.85</v>
      </c>
      <c r="G1009">
        <v>0.89</v>
      </c>
    </row>
    <row r="1010" spans="1:7" x14ac:dyDescent="0.25">
      <c r="A1010" t="s">
        <v>25</v>
      </c>
      <c r="B1010">
        <v>37466</v>
      </c>
      <c r="C1010">
        <v>7</v>
      </c>
      <c r="D1010" t="s">
        <v>10</v>
      </c>
      <c r="E1010">
        <v>0.88</v>
      </c>
      <c r="F1010">
        <v>0.85</v>
      </c>
      <c r="G1010">
        <v>0.84</v>
      </c>
    </row>
    <row r="1011" spans="1:7" x14ac:dyDescent="0.25">
      <c r="A1011" t="s">
        <v>22</v>
      </c>
      <c r="B1011">
        <v>80530</v>
      </c>
      <c r="C1011">
        <v>11</v>
      </c>
      <c r="D1011" t="s">
        <v>10</v>
      </c>
      <c r="E1011">
        <v>0.15</v>
      </c>
      <c r="F1011">
        <v>1.26</v>
      </c>
      <c r="G1011">
        <v>0.59</v>
      </c>
    </row>
    <row r="1012" spans="1:7" x14ac:dyDescent="0.25">
      <c r="A1012" t="s">
        <v>28</v>
      </c>
      <c r="B1012">
        <v>40040</v>
      </c>
      <c r="C1012">
        <v>29</v>
      </c>
      <c r="D1012" t="s">
        <v>12</v>
      </c>
      <c r="E1012">
        <v>0.05</v>
      </c>
      <c r="F1012">
        <v>1.46</v>
      </c>
      <c r="G1012">
        <v>0.41</v>
      </c>
    </row>
    <row r="1013" spans="1:7" x14ac:dyDescent="0.25">
      <c r="A1013" t="s">
        <v>30</v>
      </c>
      <c r="B1013">
        <v>145874</v>
      </c>
      <c r="C1013">
        <v>13</v>
      </c>
      <c r="D1013" t="s">
        <v>10</v>
      </c>
      <c r="E1013">
        <v>0.52</v>
      </c>
      <c r="F1013">
        <v>1.04</v>
      </c>
      <c r="G1013">
        <v>0.51</v>
      </c>
    </row>
    <row r="1014" spans="1:7" x14ac:dyDescent="0.25">
      <c r="A1014" t="s">
        <v>23</v>
      </c>
      <c r="B1014">
        <v>60985</v>
      </c>
      <c r="C1014">
        <v>26</v>
      </c>
      <c r="D1014" t="s">
        <v>12</v>
      </c>
      <c r="E1014">
        <v>0.51</v>
      </c>
      <c r="F1014">
        <v>0.68</v>
      </c>
      <c r="G1014">
        <v>0.62</v>
      </c>
    </row>
    <row r="1015" spans="1:7" x14ac:dyDescent="0.25">
      <c r="A1015" t="s">
        <v>27</v>
      </c>
      <c r="B1015">
        <v>57262</v>
      </c>
      <c r="C1015">
        <v>25</v>
      </c>
      <c r="D1015" t="s">
        <v>12</v>
      </c>
      <c r="E1015">
        <v>0.48</v>
      </c>
      <c r="F1015">
        <v>1.33</v>
      </c>
      <c r="G1015">
        <v>0.9</v>
      </c>
    </row>
    <row r="1016" spans="1:7" x14ac:dyDescent="0.25">
      <c r="A1016" t="s">
        <v>15</v>
      </c>
      <c r="B1016">
        <v>102022</v>
      </c>
      <c r="C1016">
        <v>26</v>
      </c>
      <c r="D1016" t="s">
        <v>12</v>
      </c>
      <c r="E1016">
        <v>0.95</v>
      </c>
      <c r="F1016">
        <v>0.56000000000000005</v>
      </c>
      <c r="G1016">
        <v>0.27</v>
      </c>
    </row>
    <row r="1017" spans="1:7" x14ac:dyDescent="0.25">
      <c r="A1017" t="s">
        <v>29</v>
      </c>
      <c r="B1017">
        <v>31320</v>
      </c>
      <c r="C1017">
        <v>16</v>
      </c>
      <c r="D1017" t="s">
        <v>8</v>
      </c>
      <c r="E1017">
        <v>0.89</v>
      </c>
      <c r="F1017">
        <v>1.1399999999999999</v>
      </c>
      <c r="G1017">
        <v>0.22</v>
      </c>
    </row>
    <row r="1018" spans="1:7" x14ac:dyDescent="0.25">
      <c r="A1018" t="s">
        <v>7</v>
      </c>
      <c r="B1018">
        <v>84681</v>
      </c>
      <c r="C1018">
        <v>0</v>
      </c>
      <c r="D1018" t="s">
        <v>8</v>
      </c>
      <c r="E1018">
        <v>0.78</v>
      </c>
      <c r="F1018">
        <v>1.26</v>
      </c>
      <c r="G1018">
        <v>0.9</v>
      </c>
    </row>
    <row r="1019" spans="1:7" x14ac:dyDescent="0.25">
      <c r="A1019" t="s">
        <v>9</v>
      </c>
      <c r="B1019">
        <v>82167</v>
      </c>
      <c r="C1019">
        <v>21</v>
      </c>
      <c r="D1019" t="s">
        <v>10</v>
      </c>
      <c r="E1019">
        <v>0.2</v>
      </c>
      <c r="F1019">
        <v>0.74</v>
      </c>
      <c r="G1019">
        <v>0.11</v>
      </c>
    </row>
    <row r="1020" spans="1:7" x14ac:dyDescent="0.25">
      <c r="A1020" t="s">
        <v>13</v>
      </c>
      <c r="B1020">
        <v>64477</v>
      </c>
      <c r="C1020">
        <v>20</v>
      </c>
      <c r="D1020" t="s">
        <v>24</v>
      </c>
      <c r="E1020">
        <v>0.63</v>
      </c>
      <c r="F1020">
        <v>1.08</v>
      </c>
      <c r="G1020">
        <v>0.69</v>
      </c>
    </row>
    <row r="1021" spans="1:7" x14ac:dyDescent="0.25">
      <c r="A1021" t="s">
        <v>20</v>
      </c>
      <c r="B1021">
        <v>32565</v>
      </c>
      <c r="C1021">
        <v>13</v>
      </c>
      <c r="D1021" t="s">
        <v>12</v>
      </c>
      <c r="E1021">
        <v>0.57999999999999996</v>
      </c>
      <c r="F1021">
        <v>1.49</v>
      </c>
      <c r="G1021">
        <v>0.45</v>
      </c>
    </row>
    <row r="1022" spans="1:7" x14ac:dyDescent="0.25">
      <c r="A1022" t="s">
        <v>7</v>
      </c>
      <c r="B1022">
        <v>112915</v>
      </c>
      <c r="C1022">
        <v>15</v>
      </c>
      <c r="D1022" t="s">
        <v>12</v>
      </c>
      <c r="E1022">
        <v>0.13</v>
      </c>
      <c r="F1022">
        <v>0.96</v>
      </c>
      <c r="G1022">
        <v>0.77</v>
      </c>
    </row>
    <row r="1023" spans="1:7" x14ac:dyDescent="0.25">
      <c r="A1023" t="s">
        <v>7</v>
      </c>
      <c r="B1023">
        <v>103251</v>
      </c>
      <c r="C1023">
        <v>9</v>
      </c>
      <c r="D1023" t="s">
        <v>10</v>
      </c>
      <c r="E1023">
        <v>0.08</v>
      </c>
      <c r="F1023">
        <v>0.96</v>
      </c>
      <c r="G1023">
        <v>0.95</v>
      </c>
    </row>
    <row r="1024" spans="1:7" x14ac:dyDescent="0.25">
      <c r="A1024" t="s">
        <v>23</v>
      </c>
      <c r="B1024">
        <v>51258</v>
      </c>
      <c r="C1024">
        <v>26</v>
      </c>
      <c r="D1024" t="s">
        <v>10</v>
      </c>
      <c r="E1024">
        <v>0.3</v>
      </c>
      <c r="F1024">
        <v>0.54</v>
      </c>
      <c r="G1024">
        <v>0.67</v>
      </c>
    </row>
    <row r="1025" spans="1:7" x14ac:dyDescent="0.25">
      <c r="A1025" t="s">
        <v>11</v>
      </c>
      <c r="B1025">
        <v>115535</v>
      </c>
      <c r="C1025">
        <v>15</v>
      </c>
      <c r="D1025" t="s">
        <v>24</v>
      </c>
      <c r="E1025">
        <v>0.09</v>
      </c>
      <c r="F1025">
        <v>1.1299999999999999</v>
      </c>
      <c r="G1025">
        <v>0.83</v>
      </c>
    </row>
    <row r="1026" spans="1:7" x14ac:dyDescent="0.25">
      <c r="A1026" t="s">
        <v>23</v>
      </c>
      <c r="B1026">
        <v>101156</v>
      </c>
      <c r="C1026">
        <v>10</v>
      </c>
      <c r="D1026" t="s">
        <v>8</v>
      </c>
      <c r="E1026">
        <v>0.04</v>
      </c>
      <c r="F1026">
        <v>1.1100000000000001</v>
      </c>
      <c r="G1026">
        <v>0.62</v>
      </c>
    </row>
    <row r="1027" spans="1:7" x14ac:dyDescent="0.25">
      <c r="A1027" t="s">
        <v>19</v>
      </c>
      <c r="B1027">
        <v>127417</v>
      </c>
      <c r="C1027">
        <v>6</v>
      </c>
      <c r="D1027" t="s">
        <v>10</v>
      </c>
      <c r="E1027">
        <v>0.95</v>
      </c>
      <c r="F1027">
        <v>1.04</v>
      </c>
      <c r="G1027">
        <v>0.87</v>
      </c>
    </row>
    <row r="1028" spans="1:7" x14ac:dyDescent="0.25">
      <c r="A1028" t="s">
        <v>23</v>
      </c>
      <c r="B1028">
        <v>60066</v>
      </c>
      <c r="C1028">
        <v>13</v>
      </c>
      <c r="D1028" t="s">
        <v>10</v>
      </c>
      <c r="E1028">
        <v>0.92</v>
      </c>
      <c r="F1028">
        <v>0.85</v>
      </c>
      <c r="G1028">
        <v>0.59</v>
      </c>
    </row>
    <row r="1029" spans="1:7" x14ac:dyDescent="0.25">
      <c r="A1029" t="s">
        <v>26</v>
      </c>
      <c r="B1029">
        <v>78359</v>
      </c>
      <c r="C1029">
        <v>23</v>
      </c>
      <c r="D1029" t="s">
        <v>24</v>
      </c>
      <c r="E1029">
        <v>0.54</v>
      </c>
      <c r="F1029">
        <v>1.46</v>
      </c>
      <c r="G1029">
        <v>0.27</v>
      </c>
    </row>
    <row r="1030" spans="1:7" x14ac:dyDescent="0.25">
      <c r="A1030" t="s">
        <v>23</v>
      </c>
      <c r="B1030">
        <v>78225</v>
      </c>
      <c r="C1030">
        <v>8</v>
      </c>
      <c r="D1030" t="s">
        <v>24</v>
      </c>
      <c r="E1030">
        <v>0.24</v>
      </c>
      <c r="F1030">
        <v>0.54</v>
      </c>
      <c r="G1030">
        <v>0.69</v>
      </c>
    </row>
    <row r="1031" spans="1:7" x14ac:dyDescent="0.25">
      <c r="A1031" t="s">
        <v>30</v>
      </c>
      <c r="B1031">
        <v>135633</v>
      </c>
      <c r="C1031">
        <v>12</v>
      </c>
      <c r="D1031" t="s">
        <v>24</v>
      </c>
      <c r="E1031">
        <v>0.91</v>
      </c>
      <c r="F1031">
        <v>1.47</v>
      </c>
      <c r="G1031">
        <v>0.4</v>
      </c>
    </row>
    <row r="1032" spans="1:7" x14ac:dyDescent="0.25">
      <c r="A1032" t="s">
        <v>13</v>
      </c>
      <c r="B1032">
        <v>32599</v>
      </c>
      <c r="C1032">
        <v>20</v>
      </c>
      <c r="D1032" t="s">
        <v>12</v>
      </c>
      <c r="E1032">
        <v>0.87</v>
      </c>
      <c r="F1032">
        <v>1.25</v>
      </c>
      <c r="G1032">
        <v>0.39</v>
      </c>
    </row>
    <row r="1033" spans="1:7" x14ac:dyDescent="0.25">
      <c r="A1033" t="s">
        <v>13</v>
      </c>
      <c r="B1033">
        <v>41394</v>
      </c>
      <c r="C1033">
        <v>24</v>
      </c>
      <c r="D1033" t="s">
        <v>24</v>
      </c>
      <c r="E1033">
        <v>0.69</v>
      </c>
      <c r="F1033">
        <v>1.41</v>
      </c>
      <c r="G1033">
        <v>0.68</v>
      </c>
    </row>
    <row r="1034" spans="1:7" x14ac:dyDescent="0.25">
      <c r="A1034" t="s">
        <v>19</v>
      </c>
      <c r="B1034">
        <v>91351</v>
      </c>
      <c r="C1034">
        <v>4</v>
      </c>
      <c r="D1034" t="s">
        <v>24</v>
      </c>
      <c r="E1034">
        <v>0.94</v>
      </c>
      <c r="F1034">
        <v>0.51</v>
      </c>
      <c r="G1034">
        <v>0.88</v>
      </c>
    </row>
    <row r="1035" spans="1:7" x14ac:dyDescent="0.25">
      <c r="A1035" t="s">
        <v>30</v>
      </c>
      <c r="B1035">
        <v>60480</v>
      </c>
      <c r="C1035">
        <v>15</v>
      </c>
      <c r="D1035" t="s">
        <v>10</v>
      </c>
      <c r="E1035">
        <v>0.64</v>
      </c>
      <c r="F1035">
        <v>1.27</v>
      </c>
      <c r="G1035">
        <v>0.56000000000000005</v>
      </c>
    </row>
    <row r="1036" spans="1:7" x14ac:dyDescent="0.25">
      <c r="A1036" t="s">
        <v>27</v>
      </c>
      <c r="B1036">
        <v>113442</v>
      </c>
      <c r="C1036">
        <v>4</v>
      </c>
      <c r="D1036" t="s">
        <v>24</v>
      </c>
      <c r="E1036">
        <v>0.68</v>
      </c>
      <c r="F1036">
        <v>1.25</v>
      </c>
      <c r="G1036">
        <v>0.74</v>
      </c>
    </row>
    <row r="1037" spans="1:7" x14ac:dyDescent="0.25">
      <c r="A1037" t="s">
        <v>14</v>
      </c>
      <c r="B1037">
        <v>32199</v>
      </c>
      <c r="C1037">
        <v>20</v>
      </c>
      <c r="D1037" t="s">
        <v>10</v>
      </c>
      <c r="E1037">
        <v>0.85</v>
      </c>
      <c r="F1037">
        <v>1.26</v>
      </c>
      <c r="G1037">
        <v>0.54</v>
      </c>
    </row>
    <row r="1038" spans="1:7" x14ac:dyDescent="0.25">
      <c r="A1038" t="s">
        <v>26</v>
      </c>
      <c r="B1038">
        <v>111646</v>
      </c>
      <c r="C1038">
        <v>27</v>
      </c>
      <c r="D1038" t="s">
        <v>12</v>
      </c>
      <c r="E1038">
        <v>0.43</v>
      </c>
      <c r="F1038">
        <v>0.64</v>
      </c>
      <c r="G1038">
        <v>0.09</v>
      </c>
    </row>
    <row r="1039" spans="1:7" x14ac:dyDescent="0.25">
      <c r="A1039" t="s">
        <v>21</v>
      </c>
      <c r="B1039">
        <v>146536</v>
      </c>
      <c r="C1039">
        <v>28</v>
      </c>
      <c r="D1039" t="s">
        <v>12</v>
      </c>
      <c r="E1039">
        <v>0.13</v>
      </c>
      <c r="F1039">
        <v>1.35</v>
      </c>
      <c r="G1039">
        <v>0.54</v>
      </c>
    </row>
    <row r="1040" spans="1:7" x14ac:dyDescent="0.25">
      <c r="A1040" t="s">
        <v>25</v>
      </c>
      <c r="B1040">
        <v>100072</v>
      </c>
      <c r="C1040">
        <v>15</v>
      </c>
      <c r="D1040" t="s">
        <v>8</v>
      </c>
      <c r="E1040">
        <v>0.02</v>
      </c>
      <c r="F1040">
        <v>0.79</v>
      </c>
      <c r="G1040">
        <v>0.81</v>
      </c>
    </row>
    <row r="1041" spans="1:7" x14ac:dyDescent="0.25">
      <c r="A1041" t="s">
        <v>20</v>
      </c>
      <c r="B1041">
        <v>41246</v>
      </c>
      <c r="C1041">
        <v>26</v>
      </c>
      <c r="D1041" t="s">
        <v>12</v>
      </c>
      <c r="E1041">
        <v>0.98</v>
      </c>
      <c r="F1041">
        <v>0.56999999999999995</v>
      </c>
      <c r="G1041">
        <v>0.66</v>
      </c>
    </row>
    <row r="1042" spans="1:7" x14ac:dyDescent="0.25">
      <c r="A1042" t="s">
        <v>7</v>
      </c>
      <c r="B1042">
        <v>120088</v>
      </c>
      <c r="C1042">
        <v>5</v>
      </c>
      <c r="D1042" t="s">
        <v>10</v>
      </c>
      <c r="E1042">
        <v>0.78</v>
      </c>
      <c r="F1042">
        <v>0.69</v>
      </c>
      <c r="G1042">
        <v>0.87</v>
      </c>
    </row>
    <row r="1043" spans="1:7" x14ac:dyDescent="0.25">
      <c r="A1043" t="s">
        <v>29</v>
      </c>
      <c r="B1043">
        <v>41913</v>
      </c>
      <c r="C1043">
        <v>21</v>
      </c>
      <c r="D1043" t="s">
        <v>8</v>
      </c>
      <c r="E1043">
        <v>0.33</v>
      </c>
      <c r="F1043">
        <v>1.38</v>
      </c>
      <c r="G1043">
        <v>0.2</v>
      </c>
    </row>
    <row r="1044" spans="1:7" x14ac:dyDescent="0.25">
      <c r="A1044" t="s">
        <v>21</v>
      </c>
      <c r="B1044">
        <v>127771</v>
      </c>
      <c r="C1044">
        <v>14</v>
      </c>
      <c r="D1044" t="s">
        <v>10</v>
      </c>
      <c r="E1044">
        <v>0.98</v>
      </c>
      <c r="F1044">
        <v>1.34</v>
      </c>
      <c r="G1044">
        <v>0.62</v>
      </c>
    </row>
    <row r="1045" spans="1:7" x14ac:dyDescent="0.25">
      <c r="A1045" t="s">
        <v>17</v>
      </c>
      <c r="B1045">
        <v>82035</v>
      </c>
      <c r="C1045">
        <v>28</v>
      </c>
      <c r="D1045" t="s">
        <v>10</v>
      </c>
      <c r="E1045">
        <v>0.79</v>
      </c>
      <c r="F1045">
        <v>0.67</v>
      </c>
      <c r="G1045">
        <v>0.06</v>
      </c>
    </row>
    <row r="1046" spans="1:7" x14ac:dyDescent="0.25">
      <c r="A1046" t="s">
        <v>29</v>
      </c>
      <c r="B1046">
        <v>106970</v>
      </c>
      <c r="C1046">
        <v>21</v>
      </c>
      <c r="D1046" t="s">
        <v>8</v>
      </c>
      <c r="E1046">
        <v>0.76</v>
      </c>
      <c r="F1046">
        <v>1.45</v>
      </c>
      <c r="G1046">
        <v>0.14000000000000001</v>
      </c>
    </row>
    <row r="1047" spans="1:7" x14ac:dyDescent="0.25">
      <c r="A1047" t="s">
        <v>14</v>
      </c>
      <c r="B1047">
        <v>75643</v>
      </c>
      <c r="C1047">
        <v>9</v>
      </c>
      <c r="D1047" t="s">
        <v>10</v>
      </c>
      <c r="E1047">
        <v>0.57999999999999996</v>
      </c>
      <c r="F1047">
        <v>0.87</v>
      </c>
      <c r="G1047">
        <v>0.44</v>
      </c>
    </row>
    <row r="1048" spans="1:7" x14ac:dyDescent="0.25">
      <c r="A1048" t="s">
        <v>26</v>
      </c>
      <c r="B1048">
        <v>111751</v>
      </c>
      <c r="C1048">
        <v>13</v>
      </c>
      <c r="D1048" t="s">
        <v>10</v>
      </c>
      <c r="E1048">
        <v>0.44</v>
      </c>
      <c r="F1048">
        <v>0.56999999999999995</v>
      </c>
      <c r="G1048">
        <v>0.28999999999999998</v>
      </c>
    </row>
    <row r="1049" spans="1:7" x14ac:dyDescent="0.25">
      <c r="A1049" t="s">
        <v>13</v>
      </c>
      <c r="B1049">
        <v>145650</v>
      </c>
      <c r="C1049">
        <v>29</v>
      </c>
      <c r="D1049" t="s">
        <v>24</v>
      </c>
      <c r="E1049">
        <v>0.56000000000000005</v>
      </c>
      <c r="F1049">
        <v>0.61</v>
      </c>
      <c r="G1049">
        <v>0.69</v>
      </c>
    </row>
    <row r="1050" spans="1:7" x14ac:dyDescent="0.25">
      <c r="A1050" t="s">
        <v>11</v>
      </c>
      <c r="B1050">
        <v>94649</v>
      </c>
      <c r="C1050">
        <v>9</v>
      </c>
      <c r="D1050" t="s">
        <v>24</v>
      </c>
      <c r="E1050">
        <v>0.25</v>
      </c>
      <c r="F1050">
        <v>1.36</v>
      </c>
      <c r="G1050">
        <v>0.93</v>
      </c>
    </row>
    <row r="1051" spans="1:7" x14ac:dyDescent="0.25">
      <c r="A1051" t="s">
        <v>9</v>
      </c>
      <c r="B1051">
        <v>95615</v>
      </c>
      <c r="C1051">
        <v>25</v>
      </c>
      <c r="D1051" t="s">
        <v>24</v>
      </c>
      <c r="E1051">
        <v>0.72</v>
      </c>
      <c r="F1051">
        <v>0.53</v>
      </c>
      <c r="G1051">
        <v>0.19</v>
      </c>
    </row>
    <row r="1052" spans="1:7" x14ac:dyDescent="0.25">
      <c r="A1052" t="s">
        <v>27</v>
      </c>
      <c r="B1052">
        <v>144317</v>
      </c>
      <c r="C1052">
        <v>8</v>
      </c>
      <c r="D1052" t="s">
        <v>10</v>
      </c>
      <c r="E1052">
        <v>0.47</v>
      </c>
      <c r="F1052">
        <v>1.01</v>
      </c>
      <c r="G1052">
        <v>0.91</v>
      </c>
    </row>
    <row r="1053" spans="1:7" x14ac:dyDescent="0.25">
      <c r="A1053" t="s">
        <v>30</v>
      </c>
      <c r="B1053">
        <v>66640</v>
      </c>
      <c r="C1053">
        <v>11</v>
      </c>
      <c r="D1053" t="s">
        <v>24</v>
      </c>
      <c r="E1053">
        <v>0.74</v>
      </c>
      <c r="F1053">
        <v>1.04</v>
      </c>
      <c r="G1053">
        <v>0.33</v>
      </c>
    </row>
    <row r="1054" spans="1:7" x14ac:dyDescent="0.25">
      <c r="A1054" t="s">
        <v>7</v>
      </c>
      <c r="B1054">
        <v>47528</v>
      </c>
      <c r="C1054">
        <v>4</v>
      </c>
      <c r="D1054" t="s">
        <v>8</v>
      </c>
      <c r="E1054">
        <v>0.81</v>
      </c>
      <c r="F1054">
        <v>1.44</v>
      </c>
      <c r="G1054">
        <v>0.74</v>
      </c>
    </row>
    <row r="1055" spans="1:7" x14ac:dyDescent="0.25">
      <c r="A1055" t="s">
        <v>26</v>
      </c>
      <c r="B1055">
        <v>53655</v>
      </c>
      <c r="C1055">
        <v>12</v>
      </c>
      <c r="D1055" t="s">
        <v>10</v>
      </c>
      <c r="E1055">
        <v>0.44</v>
      </c>
      <c r="F1055">
        <v>0.95</v>
      </c>
      <c r="G1055">
        <v>0.14000000000000001</v>
      </c>
    </row>
    <row r="1056" spans="1:7" x14ac:dyDescent="0.25">
      <c r="A1056" t="s">
        <v>22</v>
      </c>
      <c r="B1056">
        <v>102264</v>
      </c>
      <c r="C1056">
        <v>4</v>
      </c>
      <c r="D1056" t="s">
        <v>10</v>
      </c>
      <c r="E1056">
        <v>0.93</v>
      </c>
      <c r="F1056">
        <v>0.95</v>
      </c>
      <c r="G1056">
        <v>0.56999999999999995</v>
      </c>
    </row>
    <row r="1057" spans="1:7" x14ac:dyDescent="0.25">
      <c r="A1057" t="s">
        <v>9</v>
      </c>
      <c r="B1057">
        <v>42550</v>
      </c>
      <c r="C1057">
        <v>15</v>
      </c>
      <c r="D1057" t="s">
        <v>12</v>
      </c>
      <c r="E1057">
        <v>0.39</v>
      </c>
      <c r="F1057">
        <v>1.18</v>
      </c>
      <c r="G1057">
        <v>0.27</v>
      </c>
    </row>
    <row r="1058" spans="1:7" x14ac:dyDescent="0.25">
      <c r="A1058" t="s">
        <v>20</v>
      </c>
      <c r="B1058">
        <v>91284</v>
      </c>
      <c r="C1058">
        <v>13</v>
      </c>
      <c r="D1058" t="s">
        <v>12</v>
      </c>
      <c r="E1058">
        <v>0.42</v>
      </c>
      <c r="F1058">
        <v>1.36</v>
      </c>
      <c r="G1058">
        <v>0.39</v>
      </c>
    </row>
    <row r="1059" spans="1:7" x14ac:dyDescent="0.25">
      <c r="A1059" t="s">
        <v>22</v>
      </c>
      <c r="B1059">
        <v>51200</v>
      </c>
      <c r="C1059">
        <v>20</v>
      </c>
      <c r="D1059" t="s">
        <v>12</v>
      </c>
      <c r="E1059">
        <v>0.25</v>
      </c>
      <c r="F1059">
        <v>0.61</v>
      </c>
      <c r="G1059">
        <v>0.65</v>
      </c>
    </row>
    <row r="1060" spans="1:7" x14ac:dyDescent="0.25">
      <c r="A1060" t="s">
        <v>29</v>
      </c>
      <c r="B1060">
        <v>147529</v>
      </c>
      <c r="C1060">
        <v>14</v>
      </c>
      <c r="D1060" t="s">
        <v>24</v>
      </c>
      <c r="E1060">
        <v>0.09</v>
      </c>
      <c r="F1060">
        <v>1.37</v>
      </c>
      <c r="G1060">
        <v>0.12</v>
      </c>
    </row>
    <row r="1061" spans="1:7" x14ac:dyDescent="0.25">
      <c r="A1061" t="s">
        <v>26</v>
      </c>
      <c r="B1061">
        <v>46151</v>
      </c>
      <c r="C1061">
        <v>5</v>
      </c>
      <c r="D1061" t="s">
        <v>24</v>
      </c>
      <c r="E1061">
        <v>0.39</v>
      </c>
      <c r="F1061">
        <v>0.56999999999999995</v>
      </c>
      <c r="G1061">
        <v>0.14000000000000001</v>
      </c>
    </row>
    <row r="1062" spans="1:7" x14ac:dyDescent="0.25">
      <c r="A1062" t="s">
        <v>28</v>
      </c>
      <c r="B1062">
        <v>146849</v>
      </c>
      <c r="C1062">
        <v>28</v>
      </c>
      <c r="D1062" t="s">
        <v>24</v>
      </c>
      <c r="E1062">
        <v>0.33</v>
      </c>
      <c r="F1062">
        <v>1.28</v>
      </c>
      <c r="G1062">
        <v>0.4</v>
      </c>
    </row>
    <row r="1063" spans="1:7" x14ac:dyDescent="0.25">
      <c r="A1063" t="s">
        <v>18</v>
      </c>
      <c r="B1063">
        <v>44537</v>
      </c>
      <c r="C1063">
        <v>21</v>
      </c>
      <c r="D1063" t="s">
        <v>8</v>
      </c>
      <c r="E1063">
        <v>0.23</v>
      </c>
      <c r="F1063">
        <v>0.75</v>
      </c>
      <c r="G1063">
        <v>0.51</v>
      </c>
    </row>
    <row r="1064" spans="1:7" x14ac:dyDescent="0.25">
      <c r="A1064" t="s">
        <v>25</v>
      </c>
      <c r="B1064">
        <v>72294</v>
      </c>
      <c r="C1064">
        <v>14</v>
      </c>
      <c r="D1064" t="s">
        <v>24</v>
      </c>
      <c r="E1064">
        <v>0.95</v>
      </c>
      <c r="F1064">
        <v>1.46</v>
      </c>
      <c r="G1064">
        <v>0.88</v>
      </c>
    </row>
    <row r="1065" spans="1:7" x14ac:dyDescent="0.25">
      <c r="A1065" t="s">
        <v>25</v>
      </c>
      <c r="B1065">
        <v>45749</v>
      </c>
      <c r="C1065">
        <v>23</v>
      </c>
      <c r="D1065" t="s">
        <v>12</v>
      </c>
      <c r="E1065">
        <v>0.33</v>
      </c>
      <c r="F1065">
        <v>0.63</v>
      </c>
      <c r="G1065">
        <v>0.9</v>
      </c>
    </row>
    <row r="1066" spans="1:7" x14ac:dyDescent="0.25">
      <c r="A1066" t="s">
        <v>20</v>
      </c>
      <c r="B1066">
        <v>91561</v>
      </c>
      <c r="C1066">
        <v>20</v>
      </c>
      <c r="D1066" t="s">
        <v>12</v>
      </c>
      <c r="E1066">
        <v>0.25</v>
      </c>
      <c r="F1066">
        <v>1.39</v>
      </c>
      <c r="G1066">
        <v>0.6</v>
      </c>
    </row>
    <row r="1067" spans="1:7" x14ac:dyDescent="0.25">
      <c r="A1067" t="s">
        <v>14</v>
      </c>
      <c r="B1067">
        <v>55757</v>
      </c>
      <c r="C1067">
        <v>10</v>
      </c>
      <c r="D1067" t="s">
        <v>24</v>
      </c>
      <c r="E1067">
        <v>0.55000000000000004</v>
      </c>
      <c r="F1067">
        <v>1.34</v>
      </c>
      <c r="G1067">
        <v>0.37</v>
      </c>
    </row>
    <row r="1068" spans="1:7" x14ac:dyDescent="0.25">
      <c r="A1068" t="s">
        <v>14</v>
      </c>
      <c r="B1068">
        <v>32251</v>
      </c>
      <c r="C1068">
        <v>9</v>
      </c>
      <c r="D1068" t="s">
        <v>24</v>
      </c>
      <c r="E1068">
        <v>0.68</v>
      </c>
      <c r="F1068">
        <v>0.75</v>
      </c>
      <c r="G1068">
        <v>0.5</v>
      </c>
    </row>
    <row r="1069" spans="1:7" x14ac:dyDescent="0.25">
      <c r="A1069" t="s">
        <v>17</v>
      </c>
      <c r="B1069">
        <v>94274</v>
      </c>
      <c r="C1069">
        <v>3</v>
      </c>
      <c r="D1069" t="s">
        <v>12</v>
      </c>
      <c r="E1069">
        <v>0.98</v>
      </c>
      <c r="F1069">
        <v>0.97</v>
      </c>
      <c r="G1069">
        <v>0.27</v>
      </c>
    </row>
    <row r="1070" spans="1:7" x14ac:dyDescent="0.25">
      <c r="A1070" t="s">
        <v>14</v>
      </c>
      <c r="B1070">
        <v>136023</v>
      </c>
      <c r="C1070">
        <v>0</v>
      </c>
      <c r="D1070" t="s">
        <v>24</v>
      </c>
      <c r="E1070">
        <v>0.3</v>
      </c>
      <c r="F1070">
        <v>1.1499999999999999</v>
      </c>
      <c r="G1070">
        <v>0.5</v>
      </c>
    </row>
    <row r="1071" spans="1:7" x14ac:dyDescent="0.25">
      <c r="A1071" t="s">
        <v>23</v>
      </c>
      <c r="B1071">
        <v>126746</v>
      </c>
      <c r="C1071">
        <v>18</v>
      </c>
      <c r="D1071" t="s">
        <v>12</v>
      </c>
      <c r="E1071">
        <v>0.53</v>
      </c>
      <c r="F1071">
        <v>0.52</v>
      </c>
      <c r="G1071">
        <v>0.36</v>
      </c>
    </row>
    <row r="1072" spans="1:7" x14ac:dyDescent="0.25">
      <c r="A1072" t="s">
        <v>23</v>
      </c>
      <c r="B1072">
        <v>115421</v>
      </c>
      <c r="C1072">
        <v>2</v>
      </c>
      <c r="D1072" t="s">
        <v>12</v>
      </c>
      <c r="E1072">
        <v>0.47</v>
      </c>
      <c r="F1072">
        <v>1.24</v>
      </c>
      <c r="G1072">
        <v>0.36</v>
      </c>
    </row>
    <row r="1073" spans="1:7" x14ac:dyDescent="0.25">
      <c r="A1073" t="s">
        <v>25</v>
      </c>
      <c r="B1073">
        <v>45817</v>
      </c>
      <c r="C1073">
        <v>8</v>
      </c>
      <c r="D1073" t="s">
        <v>12</v>
      </c>
      <c r="E1073">
        <v>0.14000000000000001</v>
      </c>
      <c r="F1073">
        <v>1.45</v>
      </c>
      <c r="G1073">
        <v>0.93</v>
      </c>
    </row>
    <row r="1074" spans="1:7" x14ac:dyDescent="0.25">
      <c r="A1074" t="s">
        <v>26</v>
      </c>
      <c r="B1074">
        <v>76205</v>
      </c>
      <c r="C1074">
        <v>7</v>
      </c>
      <c r="D1074" t="s">
        <v>12</v>
      </c>
      <c r="E1074">
        <v>0.38</v>
      </c>
      <c r="F1074">
        <v>0.62</v>
      </c>
      <c r="G1074">
        <v>0.11</v>
      </c>
    </row>
    <row r="1075" spans="1:7" x14ac:dyDescent="0.25">
      <c r="A1075" t="s">
        <v>21</v>
      </c>
      <c r="B1075">
        <v>142398</v>
      </c>
      <c r="C1075">
        <v>26</v>
      </c>
      <c r="D1075" t="s">
        <v>8</v>
      </c>
      <c r="E1075">
        <v>0.3</v>
      </c>
      <c r="F1075">
        <v>1.06</v>
      </c>
      <c r="G1075">
        <v>0.56999999999999995</v>
      </c>
    </row>
    <row r="1076" spans="1:7" x14ac:dyDescent="0.25">
      <c r="A1076" t="s">
        <v>13</v>
      </c>
      <c r="B1076">
        <v>54453</v>
      </c>
      <c r="C1076">
        <v>10</v>
      </c>
      <c r="D1076" t="s">
        <v>12</v>
      </c>
      <c r="E1076">
        <v>0.77</v>
      </c>
      <c r="F1076">
        <v>1.24</v>
      </c>
      <c r="G1076">
        <v>0.66</v>
      </c>
    </row>
    <row r="1077" spans="1:7" x14ac:dyDescent="0.25">
      <c r="A1077" t="s">
        <v>20</v>
      </c>
      <c r="B1077">
        <v>129821</v>
      </c>
      <c r="C1077">
        <v>29</v>
      </c>
      <c r="D1077" t="s">
        <v>8</v>
      </c>
      <c r="E1077">
        <v>0.19</v>
      </c>
      <c r="F1077">
        <v>0.77</v>
      </c>
      <c r="G1077">
        <v>0.56000000000000005</v>
      </c>
    </row>
    <row r="1078" spans="1:7" x14ac:dyDescent="0.25">
      <c r="A1078" t="s">
        <v>9</v>
      </c>
      <c r="B1078">
        <v>89615</v>
      </c>
      <c r="C1078">
        <v>10</v>
      </c>
      <c r="D1078" t="s">
        <v>24</v>
      </c>
      <c r="E1078">
        <v>0.27</v>
      </c>
      <c r="F1078">
        <v>1.32</v>
      </c>
      <c r="G1078">
        <v>0.23</v>
      </c>
    </row>
    <row r="1079" spans="1:7" x14ac:dyDescent="0.25">
      <c r="A1079" t="s">
        <v>11</v>
      </c>
      <c r="B1079">
        <v>57470</v>
      </c>
      <c r="C1079">
        <v>9</v>
      </c>
      <c r="D1079" t="s">
        <v>10</v>
      </c>
      <c r="E1079">
        <v>0.95</v>
      </c>
      <c r="F1079">
        <v>0.71</v>
      </c>
      <c r="G1079">
        <v>0.83</v>
      </c>
    </row>
    <row r="1080" spans="1:7" x14ac:dyDescent="0.25">
      <c r="A1080" t="s">
        <v>28</v>
      </c>
      <c r="B1080">
        <v>102082</v>
      </c>
      <c r="C1080">
        <v>12</v>
      </c>
      <c r="D1080" t="s">
        <v>12</v>
      </c>
      <c r="E1080">
        <v>0.38</v>
      </c>
      <c r="F1080">
        <v>1.37</v>
      </c>
      <c r="G1080">
        <v>0.45</v>
      </c>
    </row>
    <row r="1081" spans="1:7" x14ac:dyDescent="0.25">
      <c r="A1081" t="s">
        <v>14</v>
      </c>
      <c r="B1081">
        <v>90639</v>
      </c>
      <c r="C1081">
        <v>23</v>
      </c>
      <c r="D1081" t="s">
        <v>24</v>
      </c>
      <c r="E1081">
        <v>0.17</v>
      </c>
      <c r="F1081">
        <v>0.78</v>
      </c>
      <c r="G1081">
        <v>0.51</v>
      </c>
    </row>
    <row r="1082" spans="1:7" x14ac:dyDescent="0.25">
      <c r="A1082" t="s">
        <v>19</v>
      </c>
      <c r="B1082">
        <v>61854</v>
      </c>
      <c r="C1082">
        <v>28</v>
      </c>
      <c r="D1082" t="s">
        <v>12</v>
      </c>
      <c r="E1082">
        <v>0.78</v>
      </c>
      <c r="F1082">
        <v>1.39</v>
      </c>
      <c r="G1082">
        <v>0.84</v>
      </c>
    </row>
    <row r="1083" spans="1:7" x14ac:dyDescent="0.25">
      <c r="A1083" t="s">
        <v>30</v>
      </c>
      <c r="B1083">
        <v>110882</v>
      </c>
      <c r="C1083">
        <v>2</v>
      </c>
      <c r="D1083" t="s">
        <v>8</v>
      </c>
      <c r="E1083">
        <v>0.55000000000000004</v>
      </c>
      <c r="F1083">
        <v>0.62</v>
      </c>
      <c r="G1083">
        <v>0.67</v>
      </c>
    </row>
    <row r="1084" spans="1:7" x14ac:dyDescent="0.25">
      <c r="A1084" t="s">
        <v>15</v>
      </c>
      <c r="B1084">
        <v>143352</v>
      </c>
      <c r="C1084">
        <v>14</v>
      </c>
      <c r="D1084" t="s">
        <v>24</v>
      </c>
      <c r="E1084">
        <v>0.97</v>
      </c>
      <c r="F1084">
        <v>0.96</v>
      </c>
      <c r="G1084">
        <v>0.28999999999999998</v>
      </c>
    </row>
    <row r="1085" spans="1:7" x14ac:dyDescent="0.25">
      <c r="A1085" t="s">
        <v>16</v>
      </c>
      <c r="B1085">
        <v>91922</v>
      </c>
      <c r="C1085">
        <v>9</v>
      </c>
      <c r="D1085" t="s">
        <v>10</v>
      </c>
      <c r="E1085">
        <v>0.98</v>
      </c>
      <c r="F1085">
        <v>1.29</v>
      </c>
      <c r="G1085">
        <v>0.7</v>
      </c>
    </row>
    <row r="1086" spans="1:7" x14ac:dyDescent="0.25">
      <c r="A1086" t="s">
        <v>7</v>
      </c>
      <c r="B1086">
        <v>116195</v>
      </c>
      <c r="C1086">
        <v>15</v>
      </c>
      <c r="D1086" t="s">
        <v>12</v>
      </c>
      <c r="E1086">
        <v>0.33</v>
      </c>
      <c r="F1086">
        <v>1.08</v>
      </c>
      <c r="G1086">
        <v>0.78</v>
      </c>
    </row>
    <row r="1087" spans="1:7" x14ac:dyDescent="0.25">
      <c r="A1087" t="s">
        <v>28</v>
      </c>
      <c r="B1087">
        <v>91775</v>
      </c>
      <c r="C1087">
        <v>24</v>
      </c>
      <c r="D1087" t="s">
        <v>12</v>
      </c>
      <c r="E1087">
        <v>0.3</v>
      </c>
      <c r="F1087">
        <v>0.68</v>
      </c>
      <c r="G1087">
        <v>0.55000000000000004</v>
      </c>
    </row>
    <row r="1088" spans="1:7" x14ac:dyDescent="0.25">
      <c r="A1088" t="s">
        <v>11</v>
      </c>
      <c r="B1088">
        <v>86776</v>
      </c>
      <c r="C1088">
        <v>9</v>
      </c>
      <c r="D1088" t="s">
        <v>10</v>
      </c>
      <c r="E1088">
        <v>0.3</v>
      </c>
      <c r="F1088">
        <v>1.1200000000000001</v>
      </c>
      <c r="G1088">
        <v>0.79</v>
      </c>
    </row>
    <row r="1089" spans="1:7" x14ac:dyDescent="0.25">
      <c r="A1089" t="s">
        <v>16</v>
      </c>
      <c r="B1089">
        <v>142192</v>
      </c>
      <c r="C1089">
        <v>18</v>
      </c>
      <c r="D1089" t="s">
        <v>12</v>
      </c>
      <c r="E1089">
        <v>0.85</v>
      </c>
      <c r="F1089">
        <v>0.74</v>
      </c>
      <c r="G1089">
        <v>0.57999999999999996</v>
      </c>
    </row>
    <row r="1090" spans="1:7" x14ac:dyDescent="0.25">
      <c r="A1090" t="s">
        <v>17</v>
      </c>
      <c r="B1090">
        <v>120351</v>
      </c>
      <c r="C1090">
        <v>1</v>
      </c>
      <c r="D1090" t="s">
        <v>24</v>
      </c>
      <c r="E1090">
        <v>0.43</v>
      </c>
      <c r="F1090">
        <v>0.84</v>
      </c>
      <c r="G1090">
        <v>0.13</v>
      </c>
    </row>
    <row r="1091" spans="1:7" x14ac:dyDescent="0.25">
      <c r="A1091" t="s">
        <v>19</v>
      </c>
      <c r="B1091">
        <v>50080</v>
      </c>
      <c r="C1091">
        <v>3</v>
      </c>
      <c r="D1091" t="s">
        <v>8</v>
      </c>
      <c r="E1091">
        <v>0.37</v>
      </c>
      <c r="F1091">
        <v>0.71</v>
      </c>
      <c r="G1091">
        <v>0.92</v>
      </c>
    </row>
    <row r="1092" spans="1:7" x14ac:dyDescent="0.25">
      <c r="A1092" t="s">
        <v>27</v>
      </c>
      <c r="B1092">
        <v>95729</v>
      </c>
      <c r="C1092">
        <v>5</v>
      </c>
      <c r="D1092" t="s">
        <v>10</v>
      </c>
      <c r="E1092">
        <v>0.77</v>
      </c>
      <c r="F1092">
        <v>0.52</v>
      </c>
      <c r="G1092">
        <v>0.81</v>
      </c>
    </row>
    <row r="1093" spans="1:7" x14ac:dyDescent="0.25">
      <c r="A1093" t="s">
        <v>19</v>
      </c>
      <c r="B1093">
        <v>123330</v>
      </c>
      <c r="C1093">
        <v>1</v>
      </c>
      <c r="D1093" t="s">
        <v>24</v>
      </c>
      <c r="E1093">
        <v>0.45</v>
      </c>
      <c r="F1093">
        <v>0.57999999999999996</v>
      </c>
      <c r="G1093">
        <v>0.87</v>
      </c>
    </row>
    <row r="1094" spans="1:7" x14ac:dyDescent="0.25">
      <c r="A1094" t="s">
        <v>17</v>
      </c>
      <c r="B1094">
        <v>96302</v>
      </c>
      <c r="C1094">
        <v>29</v>
      </c>
      <c r="D1094" t="s">
        <v>8</v>
      </c>
      <c r="E1094">
        <v>0.99</v>
      </c>
      <c r="F1094">
        <v>1.33</v>
      </c>
      <c r="G1094">
        <v>0.12</v>
      </c>
    </row>
    <row r="1095" spans="1:7" x14ac:dyDescent="0.25">
      <c r="A1095" t="s">
        <v>18</v>
      </c>
      <c r="B1095">
        <v>97986</v>
      </c>
      <c r="C1095">
        <v>4</v>
      </c>
      <c r="D1095" t="s">
        <v>12</v>
      </c>
      <c r="E1095">
        <v>0.93</v>
      </c>
      <c r="F1095">
        <v>0.72</v>
      </c>
      <c r="G1095">
        <v>0.57999999999999996</v>
      </c>
    </row>
    <row r="1096" spans="1:7" x14ac:dyDescent="0.25">
      <c r="A1096" t="s">
        <v>16</v>
      </c>
      <c r="B1096">
        <v>43776</v>
      </c>
      <c r="C1096">
        <v>23</v>
      </c>
      <c r="D1096" t="s">
        <v>24</v>
      </c>
      <c r="E1096">
        <v>0.32</v>
      </c>
      <c r="F1096">
        <v>0.64</v>
      </c>
      <c r="G1096">
        <v>0.52</v>
      </c>
    </row>
    <row r="1097" spans="1:7" x14ac:dyDescent="0.25">
      <c r="A1097" t="s">
        <v>20</v>
      </c>
      <c r="B1097">
        <v>37163</v>
      </c>
      <c r="C1097">
        <v>0</v>
      </c>
      <c r="D1097" t="s">
        <v>24</v>
      </c>
      <c r="E1097">
        <v>0.44</v>
      </c>
      <c r="F1097">
        <v>1.36</v>
      </c>
      <c r="G1097">
        <v>0.37</v>
      </c>
    </row>
    <row r="1098" spans="1:7" x14ac:dyDescent="0.25">
      <c r="A1098" t="s">
        <v>28</v>
      </c>
      <c r="B1098">
        <v>135001</v>
      </c>
      <c r="C1098">
        <v>17</v>
      </c>
      <c r="D1098" t="s">
        <v>10</v>
      </c>
      <c r="E1098">
        <v>0.35</v>
      </c>
      <c r="F1098">
        <v>1.29</v>
      </c>
      <c r="G1098">
        <v>0.55000000000000004</v>
      </c>
    </row>
    <row r="1099" spans="1:7" x14ac:dyDescent="0.25">
      <c r="A1099" t="s">
        <v>7</v>
      </c>
      <c r="B1099">
        <v>108156</v>
      </c>
      <c r="C1099">
        <v>8</v>
      </c>
      <c r="D1099" t="s">
        <v>12</v>
      </c>
      <c r="E1099">
        <v>0.87</v>
      </c>
      <c r="F1099">
        <v>0.89</v>
      </c>
      <c r="G1099">
        <v>0.79</v>
      </c>
    </row>
    <row r="1100" spans="1:7" x14ac:dyDescent="0.25">
      <c r="A1100" t="s">
        <v>9</v>
      </c>
      <c r="B1100">
        <v>68842</v>
      </c>
      <c r="C1100">
        <v>28</v>
      </c>
      <c r="D1100" t="s">
        <v>8</v>
      </c>
      <c r="E1100">
        <v>0.95</v>
      </c>
      <c r="F1100">
        <v>0.51</v>
      </c>
      <c r="G1100">
        <v>0.1</v>
      </c>
    </row>
    <row r="1101" spans="1:7" x14ac:dyDescent="0.25">
      <c r="A1101" t="s">
        <v>11</v>
      </c>
      <c r="B1101">
        <v>78039</v>
      </c>
      <c r="C1101">
        <v>0</v>
      </c>
      <c r="D1101" t="s">
        <v>12</v>
      </c>
      <c r="E1101">
        <v>0.38</v>
      </c>
      <c r="F1101">
        <v>1.41</v>
      </c>
      <c r="G1101">
        <v>0.9</v>
      </c>
    </row>
    <row r="1102" spans="1:7" x14ac:dyDescent="0.25">
      <c r="A1102" t="s">
        <v>30</v>
      </c>
      <c r="B1102">
        <v>59552</v>
      </c>
      <c r="C1102">
        <v>1</v>
      </c>
      <c r="D1102" t="s">
        <v>10</v>
      </c>
      <c r="E1102">
        <v>0.88</v>
      </c>
      <c r="F1102">
        <v>0.84</v>
      </c>
      <c r="G1102">
        <v>0.45</v>
      </c>
    </row>
    <row r="1103" spans="1:7" x14ac:dyDescent="0.25">
      <c r="A1103" t="s">
        <v>20</v>
      </c>
      <c r="B1103">
        <v>144759</v>
      </c>
      <c r="C1103">
        <v>18</v>
      </c>
      <c r="D1103" t="s">
        <v>24</v>
      </c>
      <c r="E1103">
        <v>0.54</v>
      </c>
      <c r="F1103">
        <v>1.21</v>
      </c>
      <c r="G1103">
        <v>0.44</v>
      </c>
    </row>
    <row r="1104" spans="1:7" x14ac:dyDescent="0.25">
      <c r="A1104" t="s">
        <v>11</v>
      </c>
      <c r="B1104">
        <v>131442</v>
      </c>
      <c r="C1104">
        <v>13</v>
      </c>
      <c r="D1104" t="s">
        <v>24</v>
      </c>
      <c r="E1104">
        <v>0.89</v>
      </c>
      <c r="F1104">
        <v>0.86</v>
      </c>
      <c r="G1104">
        <v>0.86</v>
      </c>
    </row>
    <row r="1105" spans="1:7" x14ac:dyDescent="0.25">
      <c r="A1105" t="s">
        <v>23</v>
      </c>
      <c r="B1105">
        <v>126969</v>
      </c>
      <c r="C1105">
        <v>24</v>
      </c>
      <c r="D1105" t="s">
        <v>24</v>
      </c>
      <c r="E1105">
        <v>0.81</v>
      </c>
      <c r="F1105">
        <v>0.79</v>
      </c>
      <c r="G1105">
        <v>0.7</v>
      </c>
    </row>
    <row r="1106" spans="1:7" x14ac:dyDescent="0.25">
      <c r="A1106" t="s">
        <v>17</v>
      </c>
      <c r="B1106">
        <v>111606</v>
      </c>
      <c r="C1106">
        <v>11</v>
      </c>
      <c r="D1106" t="s">
        <v>24</v>
      </c>
      <c r="E1106">
        <v>0.79</v>
      </c>
      <c r="F1106">
        <v>0.96</v>
      </c>
      <c r="G1106">
        <v>0.1</v>
      </c>
    </row>
    <row r="1107" spans="1:7" x14ac:dyDescent="0.25">
      <c r="A1107" t="s">
        <v>17</v>
      </c>
      <c r="B1107">
        <v>137904</v>
      </c>
      <c r="C1107">
        <v>28</v>
      </c>
      <c r="D1107" t="s">
        <v>10</v>
      </c>
      <c r="E1107">
        <v>0.94</v>
      </c>
      <c r="F1107">
        <v>1.21</v>
      </c>
      <c r="G1107">
        <v>0.24</v>
      </c>
    </row>
    <row r="1108" spans="1:7" x14ac:dyDescent="0.25">
      <c r="A1108" t="s">
        <v>9</v>
      </c>
      <c r="B1108">
        <v>93878</v>
      </c>
      <c r="C1108">
        <v>11</v>
      </c>
      <c r="D1108" t="s">
        <v>8</v>
      </c>
      <c r="E1108">
        <v>0.2</v>
      </c>
      <c r="F1108">
        <v>0.81</v>
      </c>
      <c r="G1108">
        <v>0.17</v>
      </c>
    </row>
    <row r="1109" spans="1:7" x14ac:dyDescent="0.25">
      <c r="A1109" t="s">
        <v>26</v>
      </c>
      <c r="B1109">
        <v>71986</v>
      </c>
      <c r="C1109">
        <v>2</v>
      </c>
      <c r="D1109" t="s">
        <v>10</v>
      </c>
      <c r="E1109">
        <v>0.66</v>
      </c>
      <c r="F1109">
        <v>1.46</v>
      </c>
      <c r="G1109">
        <v>0.08</v>
      </c>
    </row>
    <row r="1110" spans="1:7" x14ac:dyDescent="0.25">
      <c r="A1110" t="s">
        <v>25</v>
      </c>
      <c r="B1110">
        <v>65169</v>
      </c>
      <c r="C1110">
        <v>23</v>
      </c>
      <c r="D1110" t="s">
        <v>24</v>
      </c>
      <c r="E1110">
        <v>0.08</v>
      </c>
      <c r="F1110">
        <v>0.51</v>
      </c>
      <c r="G1110">
        <v>0.85</v>
      </c>
    </row>
    <row r="1111" spans="1:7" x14ac:dyDescent="0.25">
      <c r="A1111" t="s">
        <v>15</v>
      </c>
      <c r="B1111">
        <v>47330</v>
      </c>
      <c r="C1111">
        <v>9</v>
      </c>
      <c r="D1111" t="s">
        <v>10</v>
      </c>
      <c r="E1111">
        <v>0.11</v>
      </c>
      <c r="F1111">
        <v>0.57999999999999996</v>
      </c>
      <c r="G1111">
        <v>0.06</v>
      </c>
    </row>
    <row r="1112" spans="1:7" x14ac:dyDescent="0.25">
      <c r="A1112" t="s">
        <v>30</v>
      </c>
      <c r="B1112">
        <v>119937</v>
      </c>
      <c r="C1112">
        <v>16</v>
      </c>
      <c r="D1112" t="s">
        <v>10</v>
      </c>
      <c r="E1112">
        <v>0.54</v>
      </c>
      <c r="F1112">
        <v>0.96</v>
      </c>
      <c r="G1112">
        <v>0.48</v>
      </c>
    </row>
    <row r="1113" spans="1:7" x14ac:dyDescent="0.25">
      <c r="A1113" t="s">
        <v>16</v>
      </c>
      <c r="B1113">
        <v>113301</v>
      </c>
      <c r="C1113">
        <v>23</v>
      </c>
      <c r="D1113" t="s">
        <v>10</v>
      </c>
      <c r="E1113">
        <v>0.37</v>
      </c>
      <c r="F1113">
        <v>1.38</v>
      </c>
      <c r="G1113">
        <v>0.35</v>
      </c>
    </row>
    <row r="1114" spans="1:7" x14ac:dyDescent="0.25">
      <c r="A1114" t="s">
        <v>9</v>
      </c>
      <c r="B1114">
        <v>81899</v>
      </c>
      <c r="C1114">
        <v>17</v>
      </c>
      <c r="D1114" t="s">
        <v>8</v>
      </c>
      <c r="E1114">
        <v>0.42</v>
      </c>
      <c r="F1114">
        <v>1.04</v>
      </c>
      <c r="G1114">
        <v>0.19</v>
      </c>
    </row>
    <row r="1115" spans="1:7" x14ac:dyDescent="0.25">
      <c r="A1115" t="s">
        <v>11</v>
      </c>
      <c r="B1115">
        <v>100390</v>
      </c>
      <c r="C1115">
        <v>3</v>
      </c>
      <c r="D1115" t="s">
        <v>8</v>
      </c>
      <c r="E1115">
        <v>0.81</v>
      </c>
      <c r="F1115">
        <v>0.86</v>
      </c>
      <c r="G1115">
        <v>0.82</v>
      </c>
    </row>
    <row r="1116" spans="1:7" x14ac:dyDescent="0.25">
      <c r="A1116" t="s">
        <v>23</v>
      </c>
      <c r="B1116">
        <v>106019</v>
      </c>
      <c r="C1116">
        <v>26</v>
      </c>
      <c r="D1116" t="s">
        <v>8</v>
      </c>
      <c r="E1116">
        <v>0.4</v>
      </c>
      <c r="F1116">
        <v>1.1499999999999999</v>
      </c>
      <c r="G1116">
        <v>0.51</v>
      </c>
    </row>
    <row r="1117" spans="1:7" x14ac:dyDescent="0.25">
      <c r="A1117" t="s">
        <v>16</v>
      </c>
      <c r="B1117">
        <v>129878</v>
      </c>
      <c r="C1117">
        <v>15</v>
      </c>
      <c r="D1117" t="s">
        <v>24</v>
      </c>
      <c r="E1117">
        <v>0.6</v>
      </c>
      <c r="F1117">
        <v>0.66</v>
      </c>
      <c r="G1117">
        <v>0.42</v>
      </c>
    </row>
    <row r="1118" spans="1:7" x14ac:dyDescent="0.25">
      <c r="A1118" t="s">
        <v>20</v>
      </c>
      <c r="B1118">
        <v>55463</v>
      </c>
      <c r="C1118">
        <v>8</v>
      </c>
      <c r="D1118" t="s">
        <v>12</v>
      </c>
      <c r="E1118">
        <v>0.5</v>
      </c>
      <c r="F1118">
        <v>1.2</v>
      </c>
      <c r="G1118">
        <v>0.33</v>
      </c>
    </row>
    <row r="1119" spans="1:7" x14ac:dyDescent="0.25">
      <c r="A1119" t="s">
        <v>20</v>
      </c>
      <c r="B1119">
        <v>115275</v>
      </c>
      <c r="C1119">
        <v>13</v>
      </c>
      <c r="D1119" t="s">
        <v>10</v>
      </c>
      <c r="E1119">
        <v>0.6</v>
      </c>
      <c r="F1119">
        <v>1.01</v>
      </c>
      <c r="G1119">
        <v>0.31</v>
      </c>
    </row>
    <row r="1120" spans="1:7" x14ac:dyDescent="0.25">
      <c r="A1120" t="s">
        <v>25</v>
      </c>
      <c r="B1120">
        <v>81408</v>
      </c>
      <c r="C1120">
        <v>2</v>
      </c>
      <c r="D1120" t="s">
        <v>12</v>
      </c>
      <c r="E1120">
        <v>0.39</v>
      </c>
      <c r="F1120">
        <v>0.72</v>
      </c>
      <c r="G1120">
        <v>0.89</v>
      </c>
    </row>
    <row r="1121" spans="1:7" x14ac:dyDescent="0.25">
      <c r="A1121" t="s">
        <v>27</v>
      </c>
      <c r="B1121">
        <v>93305</v>
      </c>
      <c r="C1121">
        <v>29</v>
      </c>
      <c r="D1121" t="s">
        <v>12</v>
      </c>
      <c r="E1121">
        <v>0.92</v>
      </c>
      <c r="F1121">
        <v>1.17</v>
      </c>
      <c r="G1121">
        <v>0.82</v>
      </c>
    </row>
    <row r="1122" spans="1:7" x14ac:dyDescent="0.25">
      <c r="A1122" t="s">
        <v>14</v>
      </c>
      <c r="B1122">
        <v>115442</v>
      </c>
      <c r="C1122">
        <v>3</v>
      </c>
      <c r="D1122" t="s">
        <v>24</v>
      </c>
      <c r="E1122">
        <v>0.67</v>
      </c>
      <c r="F1122">
        <v>0.77</v>
      </c>
      <c r="G1122">
        <v>0.35</v>
      </c>
    </row>
    <row r="1123" spans="1:7" x14ac:dyDescent="0.25">
      <c r="A1123" t="s">
        <v>19</v>
      </c>
      <c r="B1123">
        <v>86467</v>
      </c>
      <c r="C1123">
        <v>21</v>
      </c>
      <c r="D1123" t="s">
        <v>8</v>
      </c>
      <c r="E1123">
        <v>0.37</v>
      </c>
      <c r="F1123">
        <v>0.6</v>
      </c>
      <c r="G1123">
        <v>0.76</v>
      </c>
    </row>
    <row r="1124" spans="1:7" x14ac:dyDescent="0.25">
      <c r="A1124" t="s">
        <v>11</v>
      </c>
      <c r="B1124">
        <v>87304</v>
      </c>
      <c r="C1124">
        <v>26</v>
      </c>
      <c r="D1124" t="s">
        <v>8</v>
      </c>
      <c r="E1124">
        <v>0.65</v>
      </c>
      <c r="F1124">
        <v>0.94</v>
      </c>
      <c r="G1124">
        <v>0.76</v>
      </c>
    </row>
    <row r="1125" spans="1:7" x14ac:dyDescent="0.25">
      <c r="A1125" t="s">
        <v>17</v>
      </c>
      <c r="B1125">
        <v>62734</v>
      </c>
      <c r="C1125">
        <v>29</v>
      </c>
      <c r="D1125" t="s">
        <v>10</v>
      </c>
      <c r="E1125">
        <v>0.13</v>
      </c>
      <c r="F1125">
        <v>0.62</v>
      </c>
      <c r="G1125">
        <v>0.17</v>
      </c>
    </row>
    <row r="1126" spans="1:7" x14ac:dyDescent="0.25">
      <c r="A1126" t="s">
        <v>17</v>
      </c>
      <c r="B1126">
        <v>76865</v>
      </c>
      <c r="C1126">
        <v>12</v>
      </c>
      <c r="D1126" t="s">
        <v>8</v>
      </c>
      <c r="E1126">
        <v>0.61</v>
      </c>
      <c r="F1126">
        <v>1.22</v>
      </c>
      <c r="G1126">
        <v>0.14000000000000001</v>
      </c>
    </row>
    <row r="1127" spans="1:7" x14ac:dyDescent="0.25">
      <c r="A1127" t="s">
        <v>21</v>
      </c>
      <c r="B1127">
        <v>147882</v>
      </c>
      <c r="C1127">
        <v>3</v>
      </c>
      <c r="D1127" t="s">
        <v>24</v>
      </c>
      <c r="E1127">
        <v>0.3</v>
      </c>
      <c r="F1127">
        <v>1.06</v>
      </c>
      <c r="G1127">
        <v>0.4</v>
      </c>
    </row>
    <row r="1128" spans="1:7" x14ac:dyDescent="0.25">
      <c r="A1128" t="s">
        <v>15</v>
      </c>
      <c r="B1128">
        <v>126666</v>
      </c>
      <c r="C1128">
        <v>18</v>
      </c>
      <c r="D1128" t="s">
        <v>12</v>
      </c>
      <c r="E1128">
        <v>0.57999999999999996</v>
      </c>
      <c r="F1128">
        <v>1.43</v>
      </c>
      <c r="G1128">
        <v>0.13</v>
      </c>
    </row>
    <row r="1129" spans="1:7" x14ac:dyDescent="0.25">
      <c r="A1129" t="s">
        <v>26</v>
      </c>
      <c r="B1129">
        <v>113319</v>
      </c>
      <c r="C1129">
        <v>3</v>
      </c>
      <c r="D1129" t="s">
        <v>24</v>
      </c>
      <c r="E1129">
        <v>0.14000000000000001</v>
      </c>
      <c r="F1129">
        <v>0.62</v>
      </c>
      <c r="G1129">
        <v>0.12</v>
      </c>
    </row>
    <row r="1130" spans="1:7" x14ac:dyDescent="0.25">
      <c r="A1130" t="s">
        <v>29</v>
      </c>
      <c r="B1130">
        <v>134041</v>
      </c>
      <c r="C1130">
        <v>5</v>
      </c>
      <c r="D1130" t="s">
        <v>8</v>
      </c>
      <c r="E1130">
        <v>0.91</v>
      </c>
      <c r="F1130">
        <v>1.37</v>
      </c>
      <c r="G1130">
        <v>0.16</v>
      </c>
    </row>
    <row r="1131" spans="1:7" x14ac:dyDescent="0.25">
      <c r="A1131" t="s">
        <v>17</v>
      </c>
      <c r="B1131">
        <v>43760</v>
      </c>
      <c r="C1131">
        <v>26</v>
      </c>
      <c r="D1131" t="s">
        <v>8</v>
      </c>
      <c r="E1131">
        <v>0.28999999999999998</v>
      </c>
      <c r="F1131">
        <v>0.85</v>
      </c>
      <c r="G1131">
        <v>0.17</v>
      </c>
    </row>
    <row r="1132" spans="1:7" x14ac:dyDescent="0.25">
      <c r="A1132" t="s">
        <v>14</v>
      </c>
      <c r="B1132">
        <v>118670</v>
      </c>
      <c r="C1132">
        <v>29</v>
      </c>
      <c r="D1132" t="s">
        <v>8</v>
      </c>
      <c r="E1132">
        <v>0.53</v>
      </c>
      <c r="F1132">
        <v>0.88</v>
      </c>
      <c r="G1132">
        <v>0.36</v>
      </c>
    </row>
    <row r="1133" spans="1:7" x14ac:dyDescent="0.25">
      <c r="A1133" t="s">
        <v>7</v>
      </c>
      <c r="B1133">
        <v>80806</v>
      </c>
      <c r="C1133">
        <v>19</v>
      </c>
      <c r="D1133" t="s">
        <v>8</v>
      </c>
      <c r="E1133">
        <v>0.03</v>
      </c>
      <c r="F1133">
        <v>0.84</v>
      </c>
      <c r="G1133">
        <v>0.85</v>
      </c>
    </row>
    <row r="1134" spans="1:7" x14ac:dyDescent="0.25">
      <c r="A1134" t="s">
        <v>14</v>
      </c>
      <c r="B1134">
        <v>83276</v>
      </c>
      <c r="C1134">
        <v>4</v>
      </c>
      <c r="D1134" t="s">
        <v>24</v>
      </c>
      <c r="E1134">
        <v>0.28999999999999998</v>
      </c>
      <c r="F1134">
        <v>1.48</v>
      </c>
      <c r="G1134">
        <v>0.32</v>
      </c>
    </row>
    <row r="1135" spans="1:7" x14ac:dyDescent="0.25">
      <c r="A1135" t="s">
        <v>19</v>
      </c>
      <c r="B1135">
        <v>58897</v>
      </c>
      <c r="C1135">
        <v>18</v>
      </c>
      <c r="D1135" t="s">
        <v>8</v>
      </c>
      <c r="E1135">
        <v>0.74</v>
      </c>
      <c r="F1135">
        <v>1.19</v>
      </c>
      <c r="G1135">
        <v>0.78</v>
      </c>
    </row>
    <row r="1136" spans="1:7" x14ac:dyDescent="0.25">
      <c r="A1136" t="s">
        <v>21</v>
      </c>
      <c r="B1136">
        <v>44842</v>
      </c>
      <c r="C1136">
        <v>0</v>
      </c>
      <c r="D1136" t="s">
        <v>24</v>
      </c>
      <c r="E1136">
        <v>0.2</v>
      </c>
      <c r="F1136">
        <v>1.45</v>
      </c>
      <c r="G1136">
        <v>0.33</v>
      </c>
    </row>
    <row r="1137" spans="1:7" x14ac:dyDescent="0.25">
      <c r="A1137" t="s">
        <v>11</v>
      </c>
      <c r="B1137">
        <v>115984</v>
      </c>
      <c r="C1137">
        <v>27</v>
      </c>
      <c r="D1137" t="s">
        <v>24</v>
      </c>
      <c r="E1137">
        <v>0.31</v>
      </c>
      <c r="F1137">
        <v>1.1000000000000001</v>
      </c>
      <c r="G1137">
        <v>0.76</v>
      </c>
    </row>
    <row r="1138" spans="1:7" x14ac:dyDescent="0.25">
      <c r="A1138" t="s">
        <v>20</v>
      </c>
      <c r="B1138">
        <v>105664</v>
      </c>
      <c r="C1138">
        <v>4</v>
      </c>
      <c r="D1138" t="s">
        <v>10</v>
      </c>
      <c r="E1138">
        <v>0.24</v>
      </c>
      <c r="F1138">
        <v>1.46</v>
      </c>
      <c r="G1138">
        <v>0.6</v>
      </c>
    </row>
    <row r="1139" spans="1:7" x14ac:dyDescent="0.25">
      <c r="A1139" t="s">
        <v>17</v>
      </c>
      <c r="B1139">
        <v>130777</v>
      </c>
      <c r="C1139">
        <v>22</v>
      </c>
      <c r="D1139" t="s">
        <v>10</v>
      </c>
      <c r="E1139">
        <v>0.56999999999999995</v>
      </c>
      <c r="F1139">
        <v>1.22</v>
      </c>
      <c r="G1139">
        <v>0.24</v>
      </c>
    </row>
    <row r="1140" spans="1:7" x14ac:dyDescent="0.25">
      <c r="A1140" t="s">
        <v>26</v>
      </c>
      <c r="B1140">
        <v>82723</v>
      </c>
      <c r="C1140">
        <v>29</v>
      </c>
      <c r="D1140" t="s">
        <v>10</v>
      </c>
      <c r="E1140">
        <v>0.04</v>
      </c>
      <c r="F1140">
        <v>0.84</v>
      </c>
      <c r="G1140">
        <v>0.15</v>
      </c>
    </row>
    <row r="1141" spans="1:7" x14ac:dyDescent="0.25">
      <c r="A1141" t="s">
        <v>18</v>
      </c>
      <c r="B1141">
        <v>104039</v>
      </c>
      <c r="C1141">
        <v>5</v>
      </c>
      <c r="D1141" t="s">
        <v>12</v>
      </c>
      <c r="E1141">
        <v>0.81</v>
      </c>
      <c r="F1141">
        <v>1.01</v>
      </c>
      <c r="G1141">
        <v>0.57999999999999996</v>
      </c>
    </row>
    <row r="1142" spans="1:7" x14ac:dyDescent="0.25">
      <c r="A1142" t="s">
        <v>16</v>
      </c>
      <c r="B1142">
        <v>33974</v>
      </c>
      <c r="C1142">
        <v>17</v>
      </c>
      <c r="D1142" t="s">
        <v>8</v>
      </c>
      <c r="E1142">
        <v>0.57999999999999996</v>
      </c>
      <c r="F1142">
        <v>0.89</v>
      </c>
      <c r="G1142">
        <v>0.34</v>
      </c>
    </row>
    <row r="1143" spans="1:7" x14ac:dyDescent="0.25">
      <c r="A1143" t="s">
        <v>11</v>
      </c>
      <c r="B1143">
        <v>148821</v>
      </c>
      <c r="C1143">
        <v>24</v>
      </c>
      <c r="D1143" t="s">
        <v>8</v>
      </c>
      <c r="E1143">
        <v>0.62</v>
      </c>
      <c r="F1143">
        <v>1.26</v>
      </c>
      <c r="G1143">
        <v>0.91</v>
      </c>
    </row>
    <row r="1144" spans="1:7" x14ac:dyDescent="0.25">
      <c r="A1144" t="s">
        <v>11</v>
      </c>
      <c r="B1144">
        <v>51944</v>
      </c>
      <c r="C1144">
        <v>1</v>
      </c>
      <c r="D1144" t="s">
        <v>12</v>
      </c>
      <c r="E1144">
        <v>7.0000000000000007E-2</v>
      </c>
      <c r="F1144">
        <v>0.7</v>
      </c>
      <c r="G1144">
        <v>0.72</v>
      </c>
    </row>
    <row r="1145" spans="1:7" x14ac:dyDescent="0.25">
      <c r="A1145" t="s">
        <v>11</v>
      </c>
      <c r="B1145">
        <v>127065</v>
      </c>
      <c r="C1145">
        <v>3</v>
      </c>
      <c r="D1145" t="s">
        <v>8</v>
      </c>
      <c r="E1145">
        <v>0.56000000000000005</v>
      </c>
      <c r="F1145">
        <v>0.75</v>
      </c>
      <c r="G1145">
        <v>0.76</v>
      </c>
    </row>
    <row r="1146" spans="1:7" x14ac:dyDescent="0.25">
      <c r="A1146" t="s">
        <v>7</v>
      </c>
      <c r="B1146">
        <v>130874</v>
      </c>
      <c r="C1146">
        <v>25</v>
      </c>
      <c r="D1146" t="s">
        <v>12</v>
      </c>
      <c r="E1146">
        <v>0.88</v>
      </c>
      <c r="F1146">
        <v>1.48</v>
      </c>
      <c r="G1146">
        <v>0.82</v>
      </c>
    </row>
    <row r="1147" spans="1:7" x14ac:dyDescent="0.25">
      <c r="A1147" t="s">
        <v>14</v>
      </c>
      <c r="B1147">
        <v>41039</v>
      </c>
      <c r="C1147">
        <v>9</v>
      </c>
      <c r="D1147" t="s">
        <v>10</v>
      </c>
      <c r="E1147">
        <v>0.05</v>
      </c>
      <c r="F1147">
        <v>0.66</v>
      </c>
      <c r="G1147">
        <v>0.46</v>
      </c>
    </row>
    <row r="1148" spans="1:7" x14ac:dyDescent="0.25">
      <c r="A1148" t="s">
        <v>16</v>
      </c>
      <c r="B1148">
        <v>102816</v>
      </c>
      <c r="C1148">
        <v>5</v>
      </c>
      <c r="D1148" t="s">
        <v>24</v>
      </c>
      <c r="E1148">
        <v>0.91</v>
      </c>
      <c r="F1148">
        <v>0.73</v>
      </c>
      <c r="G1148">
        <v>0.57999999999999996</v>
      </c>
    </row>
    <row r="1149" spans="1:7" x14ac:dyDescent="0.25">
      <c r="A1149" t="s">
        <v>22</v>
      </c>
      <c r="B1149">
        <v>133722</v>
      </c>
      <c r="C1149">
        <v>9</v>
      </c>
      <c r="D1149" t="s">
        <v>24</v>
      </c>
      <c r="E1149">
        <v>0.31</v>
      </c>
      <c r="F1149">
        <v>0.65</v>
      </c>
      <c r="G1149">
        <v>0.47</v>
      </c>
    </row>
    <row r="1150" spans="1:7" x14ac:dyDescent="0.25">
      <c r="A1150" t="s">
        <v>19</v>
      </c>
      <c r="B1150">
        <v>136657</v>
      </c>
      <c r="C1150">
        <v>8</v>
      </c>
      <c r="D1150" t="s">
        <v>10</v>
      </c>
      <c r="E1150">
        <v>0.16</v>
      </c>
      <c r="F1150">
        <v>0.69</v>
      </c>
      <c r="G1150">
        <v>0.93</v>
      </c>
    </row>
    <row r="1151" spans="1:7" x14ac:dyDescent="0.25">
      <c r="A1151" t="s">
        <v>29</v>
      </c>
      <c r="B1151">
        <v>135817</v>
      </c>
      <c r="C1151">
        <v>9</v>
      </c>
      <c r="D1151" t="s">
        <v>12</v>
      </c>
      <c r="E1151">
        <v>0.82</v>
      </c>
      <c r="F1151">
        <v>1.1399999999999999</v>
      </c>
      <c r="G1151">
        <v>0.11</v>
      </c>
    </row>
    <row r="1152" spans="1:7" x14ac:dyDescent="0.25">
      <c r="A1152" t="s">
        <v>13</v>
      </c>
      <c r="B1152">
        <v>93483</v>
      </c>
      <c r="C1152">
        <v>25</v>
      </c>
      <c r="D1152" t="s">
        <v>10</v>
      </c>
      <c r="E1152">
        <v>0.25</v>
      </c>
      <c r="F1152">
        <v>0.68</v>
      </c>
      <c r="G1152">
        <v>0.48</v>
      </c>
    </row>
    <row r="1153" spans="1:7" x14ac:dyDescent="0.25">
      <c r="A1153" t="s">
        <v>25</v>
      </c>
      <c r="B1153">
        <v>111165</v>
      </c>
      <c r="C1153">
        <v>4</v>
      </c>
      <c r="D1153" t="s">
        <v>10</v>
      </c>
      <c r="E1153">
        <v>0.99</v>
      </c>
      <c r="F1153">
        <v>1.18</v>
      </c>
      <c r="G1153">
        <v>0.93</v>
      </c>
    </row>
    <row r="1154" spans="1:7" x14ac:dyDescent="0.25">
      <c r="A1154" t="s">
        <v>22</v>
      </c>
      <c r="B1154">
        <v>73815</v>
      </c>
      <c r="C1154">
        <v>28</v>
      </c>
      <c r="D1154" t="s">
        <v>10</v>
      </c>
      <c r="E1154">
        <v>0.26</v>
      </c>
      <c r="F1154">
        <v>0.73</v>
      </c>
      <c r="G1154">
        <v>0.46</v>
      </c>
    </row>
    <row r="1155" spans="1:7" x14ac:dyDescent="0.25">
      <c r="A1155" t="s">
        <v>11</v>
      </c>
      <c r="B1155">
        <v>40244</v>
      </c>
      <c r="C1155">
        <v>20</v>
      </c>
      <c r="D1155" t="s">
        <v>10</v>
      </c>
      <c r="E1155">
        <v>0.62</v>
      </c>
      <c r="F1155">
        <v>1.07</v>
      </c>
      <c r="G1155">
        <v>0.74</v>
      </c>
    </row>
    <row r="1156" spans="1:7" x14ac:dyDescent="0.25">
      <c r="A1156" t="s">
        <v>22</v>
      </c>
      <c r="B1156">
        <v>116483</v>
      </c>
      <c r="C1156">
        <v>5</v>
      </c>
      <c r="D1156" t="s">
        <v>12</v>
      </c>
      <c r="E1156">
        <v>0.28999999999999998</v>
      </c>
      <c r="F1156">
        <v>0.66</v>
      </c>
      <c r="G1156">
        <v>0.57999999999999996</v>
      </c>
    </row>
    <row r="1157" spans="1:7" x14ac:dyDescent="0.25">
      <c r="A1157" t="s">
        <v>22</v>
      </c>
      <c r="B1157">
        <v>149346</v>
      </c>
      <c r="C1157">
        <v>28</v>
      </c>
      <c r="D1157" t="s">
        <v>12</v>
      </c>
      <c r="E1157">
        <v>0.32</v>
      </c>
      <c r="F1157">
        <v>1.1000000000000001</v>
      </c>
      <c r="G1157">
        <v>0.46</v>
      </c>
    </row>
    <row r="1158" spans="1:7" x14ac:dyDescent="0.25">
      <c r="A1158" t="s">
        <v>20</v>
      </c>
      <c r="B1158">
        <v>104399</v>
      </c>
      <c r="C1158">
        <v>19</v>
      </c>
      <c r="D1158" t="s">
        <v>10</v>
      </c>
      <c r="E1158">
        <v>0.66</v>
      </c>
      <c r="F1158">
        <v>1.1000000000000001</v>
      </c>
      <c r="G1158">
        <v>0.47</v>
      </c>
    </row>
    <row r="1159" spans="1:7" x14ac:dyDescent="0.25">
      <c r="A1159" t="s">
        <v>16</v>
      </c>
      <c r="B1159">
        <v>92327</v>
      </c>
      <c r="C1159">
        <v>4</v>
      </c>
      <c r="D1159" t="s">
        <v>12</v>
      </c>
      <c r="E1159">
        <v>0.53</v>
      </c>
      <c r="F1159">
        <v>0.68</v>
      </c>
      <c r="G1159">
        <v>0.55000000000000004</v>
      </c>
    </row>
    <row r="1160" spans="1:7" x14ac:dyDescent="0.25">
      <c r="A1160" t="s">
        <v>17</v>
      </c>
      <c r="B1160">
        <v>111399</v>
      </c>
      <c r="C1160">
        <v>1</v>
      </c>
      <c r="D1160" t="s">
        <v>10</v>
      </c>
      <c r="E1160">
        <v>0.2</v>
      </c>
      <c r="F1160">
        <v>1.31</v>
      </c>
      <c r="G1160">
        <v>0.26</v>
      </c>
    </row>
    <row r="1161" spans="1:7" x14ac:dyDescent="0.25">
      <c r="A1161" t="s">
        <v>17</v>
      </c>
      <c r="B1161">
        <v>114267</v>
      </c>
      <c r="C1161">
        <v>28</v>
      </c>
      <c r="D1161" t="s">
        <v>10</v>
      </c>
      <c r="E1161">
        <v>0.59</v>
      </c>
      <c r="F1161">
        <v>0.79</v>
      </c>
      <c r="G1161">
        <v>0.09</v>
      </c>
    </row>
    <row r="1162" spans="1:7" x14ac:dyDescent="0.25">
      <c r="A1162" t="s">
        <v>27</v>
      </c>
      <c r="B1162">
        <v>93537</v>
      </c>
      <c r="C1162">
        <v>18</v>
      </c>
      <c r="D1162" t="s">
        <v>12</v>
      </c>
      <c r="E1162">
        <v>0.95</v>
      </c>
      <c r="F1162">
        <v>1.3</v>
      </c>
      <c r="G1162">
        <v>0.75</v>
      </c>
    </row>
    <row r="1163" spans="1:7" x14ac:dyDescent="0.25">
      <c r="A1163" t="s">
        <v>28</v>
      </c>
      <c r="B1163">
        <v>144147</v>
      </c>
      <c r="C1163">
        <v>11</v>
      </c>
      <c r="D1163" t="s">
        <v>24</v>
      </c>
      <c r="E1163">
        <v>0.1</v>
      </c>
      <c r="F1163">
        <v>1.1000000000000001</v>
      </c>
      <c r="G1163">
        <v>0.42</v>
      </c>
    </row>
    <row r="1164" spans="1:7" x14ac:dyDescent="0.25">
      <c r="A1164" t="s">
        <v>11</v>
      </c>
      <c r="B1164">
        <v>126172</v>
      </c>
      <c r="C1164">
        <v>19</v>
      </c>
      <c r="D1164" t="s">
        <v>8</v>
      </c>
      <c r="E1164">
        <v>0.18</v>
      </c>
      <c r="F1164">
        <v>0.51</v>
      </c>
      <c r="G1164">
        <v>0.8</v>
      </c>
    </row>
    <row r="1165" spans="1:7" x14ac:dyDescent="0.25">
      <c r="A1165" t="s">
        <v>13</v>
      </c>
      <c r="B1165">
        <v>108267</v>
      </c>
      <c r="C1165">
        <v>16</v>
      </c>
      <c r="D1165" t="s">
        <v>24</v>
      </c>
      <c r="E1165">
        <v>0.03</v>
      </c>
      <c r="F1165">
        <v>0.86</v>
      </c>
      <c r="G1165">
        <v>0.6</v>
      </c>
    </row>
    <row r="1166" spans="1:7" x14ac:dyDescent="0.25">
      <c r="A1166" t="s">
        <v>25</v>
      </c>
      <c r="B1166">
        <v>56013</v>
      </c>
      <c r="C1166">
        <v>0</v>
      </c>
      <c r="D1166" t="s">
        <v>12</v>
      </c>
      <c r="E1166">
        <v>0.76</v>
      </c>
      <c r="F1166">
        <v>1.42</v>
      </c>
      <c r="G1166">
        <v>0.76</v>
      </c>
    </row>
    <row r="1167" spans="1:7" x14ac:dyDescent="0.25">
      <c r="A1167" t="s">
        <v>28</v>
      </c>
      <c r="B1167">
        <v>43829</v>
      </c>
      <c r="C1167">
        <v>14</v>
      </c>
      <c r="D1167" t="s">
        <v>24</v>
      </c>
      <c r="E1167">
        <v>0.14000000000000001</v>
      </c>
      <c r="F1167">
        <v>1.34</v>
      </c>
      <c r="G1167">
        <v>0.49</v>
      </c>
    </row>
    <row r="1168" spans="1:7" x14ac:dyDescent="0.25">
      <c r="A1168" t="s">
        <v>7</v>
      </c>
      <c r="B1168">
        <v>42391</v>
      </c>
      <c r="C1168">
        <v>10</v>
      </c>
      <c r="D1168" t="s">
        <v>12</v>
      </c>
      <c r="E1168">
        <v>0.87</v>
      </c>
      <c r="F1168">
        <v>1.03</v>
      </c>
      <c r="G1168">
        <v>0.79</v>
      </c>
    </row>
    <row r="1169" spans="1:7" x14ac:dyDescent="0.25">
      <c r="A1169" t="s">
        <v>17</v>
      </c>
      <c r="B1169">
        <v>55123</v>
      </c>
      <c r="C1169">
        <v>8</v>
      </c>
      <c r="D1169" t="s">
        <v>8</v>
      </c>
      <c r="E1169">
        <v>0.75</v>
      </c>
      <c r="F1169">
        <v>1.45</v>
      </c>
      <c r="G1169">
        <v>0.17</v>
      </c>
    </row>
    <row r="1170" spans="1:7" x14ac:dyDescent="0.25">
      <c r="A1170" t="s">
        <v>23</v>
      </c>
      <c r="B1170">
        <v>147420</v>
      </c>
      <c r="C1170">
        <v>27</v>
      </c>
      <c r="D1170" t="s">
        <v>10</v>
      </c>
      <c r="E1170">
        <v>0.59</v>
      </c>
      <c r="F1170">
        <v>1.03</v>
      </c>
      <c r="G1170">
        <v>0.68</v>
      </c>
    </row>
    <row r="1171" spans="1:7" x14ac:dyDescent="0.25">
      <c r="A1171" t="s">
        <v>22</v>
      </c>
      <c r="B1171">
        <v>120299</v>
      </c>
      <c r="C1171">
        <v>5</v>
      </c>
      <c r="D1171" t="s">
        <v>12</v>
      </c>
      <c r="E1171">
        <v>0.16</v>
      </c>
      <c r="F1171">
        <v>0.85</v>
      </c>
      <c r="G1171">
        <v>0.63</v>
      </c>
    </row>
    <row r="1172" spans="1:7" x14ac:dyDescent="0.25">
      <c r="A1172" t="s">
        <v>18</v>
      </c>
      <c r="B1172">
        <v>69140</v>
      </c>
      <c r="C1172">
        <v>2</v>
      </c>
      <c r="D1172" t="s">
        <v>10</v>
      </c>
      <c r="E1172">
        <v>0.59</v>
      </c>
      <c r="F1172">
        <v>0.88</v>
      </c>
      <c r="G1172">
        <v>0.43</v>
      </c>
    </row>
    <row r="1173" spans="1:7" x14ac:dyDescent="0.25">
      <c r="A1173" t="s">
        <v>25</v>
      </c>
      <c r="B1173">
        <v>113698</v>
      </c>
      <c r="C1173">
        <v>3</v>
      </c>
      <c r="D1173" t="s">
        <v>10</v>
      </c>
      <c r="E1173">
        <v>0.84</v>
      </c>
      <c r="F1173">
        <v>1.08</v>
      </c>
      <c r="G1173">
        <v>0.92</v>
      </c>
    </row>
    <row r="1174" spans="1:7" x14ac:dyDescent="0.25">
      <c r="A1174" t="s">
        <v>27</v>
      </c>
      <c r="B1174">
        <v>75939</v>
      </c>
      <c r="C1174">
        <v>26</v>
      </c>
      <c r="D1174" t="s">
        <v>12</v>
      </c>
      <c r="E1174">
        <v>7.0000000000000007E-2</v>
      </c>
      <c r="F1174">
        <v>1.1200000000000001</v>
      </c>
      <c r="G1174">
        <v>0.94</v>
      </c>
    </row>
    <row r="1175" spans="1:7" x14ac:dyDescent="0.25">
      <c r="A1175" t="s">
        <v>27</v>
      </c>
      <c r="B1175">
        <v>54180</v>
      </c>
      <c r="C1175">
        <v>13</v>
      </c>
      <c r="D1175" t="s">
        <v>24</v>
      </c>
      <c r="E1175">
        <v>0.06</v>
      </c>
      <c r="F1175">
        <v>1.41</v>
      </c>
      <c r="G1175">
        <v>0.84</v>
      </c>
    </row>
    <row r="1176" spans="1:7" x14ac:dyDescent="0.25">
      <c r="A1176" t="s">
        <v>29</v>
      </c>
      <c r="B1176">
        <v>125941</v>
      </c>
      <c r="C1176">
        <v>7</v>
      </c>
      <c r="D1176" t="s">
        <v>8</v>
      </c>
      <c r="E1176">
        <v>0.24</v>
      </c>
      <c r="F1176">
        <v>0.95</v>
      </c>
      <c r="G1176">
        <v>0.08</v>
      </c>
    </row>
    <row r="1177" spans="1:7" x14ac:dyDescent="0.25">
      <c r="A1177" t="s">
        <v>11</v>
      </c>
      <c r="B1177">
        <v>42003</v>
      </c>
      <c r="C1177">
        <v>4</v>
      </c>
      <c r="D1177" t="s">
        <v>8</v>
      </c>
      <c r="E1177">
        <v>0.63</v>
      </c>
      <c r="F1177">
        <v>1.31</v>
      </c>
      <c r="G1177">
        <v>0.91</v>
      </c>
    </row>
    <row r="1178" spans="1:7" x14ac:dyDescent="0.25">
      <c r="A1178" t="s">
        <v>15</v>
      </c>
      <c r="B1178">
        <v>46915</v>
      </c>
      <c r="C1178">
        <v>29</v>
      </c>
      <c r="D1178" t="s">
        <v>8</v>
      </c>
      <c r="E1178">
        <v>0.53</v>
      </c>
      <c r="F1178">
        <v>1.35</v>
      </c>
      <c r="G1178">
        <v>0.18</v>
      </c>
    </row>
    <row r="1179" spans="1:7" x14ac:dyDescent="0.25">
      <c r="A1179" t="s">
        <v>15</v>
      </c>
      <c r="B1179">
        <v>59179</v>
      </c>
      <c r="C1179">
        <v>21</v>
      </c>
      <c r="D1179" t="s">
        <v>12</v>
      </c>
      <c r="E1179">
        <v>0.19</v>
      </c>
      <c r="F1179">
        <v>1.37</v>
      </c>
      <c r="G1179">
        <v>0.08</v>
      </c>
    </row>
    <row r="1180" spans="1:7" x14ac:dyDescent="0.25">
      <c r="A1180" t="s">
        <v>14</v>
      </c>
      <c r="B1180">
        <v>119257</v>
      </c>
      <c r="C1180">
        <v>5</v>
      </c>
      <c r="D1180" t="s">
        <v>24</v>
      </c>
      <c r="E1180">
        <v>0.22</v>
      </c>
      <c r="F1180">
        <v>0.65</v>
      </c>
      <c r="G1180">
        <v>0.42</v>
      </c>
    </row>
    <row r="1181" spans="1:7" x14ac:dyDescent="0.25">
      <c r="A1181" t="s">
        <v>30</v>
      </c>
      <c r="B1181">
        <v>113994</v>
      </c>
      <c r="C1181">
        <v>8</v>
      </c>
      <c r="D1181" t="s">
        <v>12</v>
      </c>
      <c r="E1181">
        <v>0.85</v>
      </c>
      <c r="F1181">
        <v>1.1299999999999999</v>
      </c>
      <c r="G1181">
        <v>0.56000000000000005</v>
      </c>
    </row>
    <row r="1182" spans="1:7" x14ac:dyDescent="0.25">
      <c r="A1182" t="s">
        <v>26</v>
      </c>
      <c r="B1182">
        <v>88742</v>
      </c>
      <c r="C1182">
        <v>5</v>
      </c>
      <c r="D1182" t="s">
        <v>24</v>
      </c>
      <c r="E1182">
        <v>0.68</v>
      </c>
      <c r="F1182">
        <v>1.46</v>
      </c>
      <c r="G1182">
        <v>0.1</v>
      </c>
    </row>
    <row r="1183" spans="1:7" x14ac:dyDescent="0.25">
      <c r="A1183" t="s">
        <v>14</v>
      </c>
      <c r="B1183">
        <v>65963</v>
      </c>
      <c r="C1183">
        <v>15</v>
      </c>
      <c r="D1183" t="s">
        <v>8</v>
      </c>
      <c r="E1183">
        <v>0.18</v>
      </c>
      <c r="F1183">
        <v>0.82</v>
      </c>
      <c r="G1183">
        <v>0.32</v>
      </c>
    </row>
    <row r="1184" spans="1:7" x14ac:dyDescent="0.25">
      <c r="A1184" t="s">
        <v>18</v>
      </c>
      <c r="B1184">
        <v>128770</v>
      </c>
      <c r="C1184">
        <v>11</v>
      </c>
      <c r="D1184" t="s">
        <v>24</v>
      </c>
      <c r="E1184">
        <v>0.15</v>
      </c>
      <c r="F1184">
        <v>1.1100000000000001</v>
      </c>
      <c r="G1184">
        <v>0.5</v>
      </c>
    </row>
    <row r="1185" spans="1:7" x14ac:dyDescent="0.25">
      <c r="A1185" t="s">
        <v>28</v>
      </c>
      <c r="B1185">
        <v>61977</v>
      </c>
      <c r="C1185">
        <v>24</v>
      </c>
      <c r="D1185" t="s">
        <v>10</v>
      </c>
      <c r="E1185">
        <v>0.5</v>
      </c>
      <c r="F1185">
        <v>1.48</v>
      </c>
      <c r="G1185">
        <v>0.68</v>
      </c>
    </row>
    <row r="1186" spans="1:7" x14ac:dyDescent="0.25">
      <c r="A1186" t="s">
        <v>20</v>
      </c>
      <c r="B1186">
        <v>86195</v>
      </c>
      <c r="C1186">
        <v>10</v>
      </c>
      <c r="D1186" t="s">
        <v>24</v>
      </c>
      <c r="E1186">
        <v>0.22</v>
      </c>
      <c r="F1186">
        <v>0.52</v>
      </c>
      <c r="G1186">
        <v>0.6</v>
      </c>
    </row>
    <row r="1187" spans="1:7" x14ac:dyDescent="0.25">
      <c r="A1187" t="s">
        <v>23</v>
      </c>
      <c r="B1187">
        <v>35136</v>
      </c>
      <c r="C1187">
        <v>17</v>
      </c>
      <c r="D1187" t="s">
        <v>8</v>
      </c>
      <c r="E1187">
        <v>1</v>
      </c>
      <c r="F1187">
        <v>1.25</v>
      </c>
      <c r="G1187">
        <v>0.55000000000000004</v>
      </c>
    </row>
    <row r="1188" spans="1:7" x14ac:dyDescent="0.25">
      <c r="A1188" t="s">
        <v>16</v>
      </c>
      <c r="B1188">
        <v>139950</v>
      </c>
      <c r="C1188">
        <v>28</v>
      </c>
      <c r="D1188" t="s">
        <v>8</v>
      </c>
      <c r="E1188">
        <v>0.3</v>
      </c>
      <c r="F1188">
        <v>1.08</v>
      </c>
      <c r="G1188">
        <v>0.52</v>
      </c>
    </row>
    <row r="1189" spans="1:7" x14ac:dyDescent="0.25">
      <c r="A1189" t="s">
        <v>20</v>
      </c>
      <c r="B1189">
        <v>133488</v>
      </c>
      <c r="C1189">
        <v>28</v>
      </c>
      <c r="D1189" t="s">
        <v>10</v>
      </c>
      <c r="E1189">
        <v>0.85</v>
      </c>
      <c r="F1189">
        <v>0.56000000000000005</v>
      </c>
      <c r="G1189">
        <v>0.36</v>
      </c>
    </row>
    <row r="1190" spans="1:7" x14ac:dyDescent="0.25">
      <c r="A1190" t="s">
        <v>26</v>
      </c>
      <c r="B1190">
        <v>87251</v>
      </c>
      <c r="C1190">
        <v>29</v>
      </c>
      <c r="D1190" t="s">
        <v>10</v>
      </c>
      <c r="E1190">
        <v>0.96</v>
      </c>
      <c r="F1190">
        <v>1.43</v>
      </c>
      <c r="G1190">
        <v>0.12</v>
      </c>
    </row>
    <row r="1191" spans="1:7" x14ac:dyDescent="0.25">
      <c r="A1191" t="s">
        <v>27</v>
      </c>
      <c r="B1191">
        <v>48456</v>
      </c>
      <c r="C1191">
        <v>27</v>
      </c>
      <c r="D1191" t="s">
        <v>8</v>
      </c>
      <c r="E1191">
        <v>0.79</v>
      </c>
      <c r="F1191">
        <v>1.03</v>
      </c>
      <c r="G1191">
        <v>0.84</v>
      </c>
    </row>
    <row r="1192" spans="1:7" x14ac:dyDescent="0.25">
      <c r="A1192" t="s">
        <v>11</v>
      </c>
      <c r="B1192">
        <v>134042</v>
      </c>
      <c r="C1192">
        <v>12</v>
      </c>
      <c r="D1192" t="s">
        <v>12</v>
      </c>
      <c r="E1192">
        <v>0.79</v>
      </c>
      <c r="F1192">
        <v>1.41</v>
      </c>
      <c r="G1192">
        <v>0.75</v>
      </c>
    </row>
    <row r="1193" spans="1:7" x14ac:dyDescent="0.25">
      <c r="A1193" t="s">
        <v>13</v>
      </c>
      <c r="B1193">
        <v>42054</v>
      </c>
      <c r="C1193">
        <v>7</v>
      </c>
      <c r="D1193" t="s">
        <v>24</v>
      </c>
      <c r="E1193">
        <v>0.43</v>
      </c>
      <c r="F1193">
        <v>1.4</v>
      </c>
      <c r="G1193">
        <v>0.51</v>
      </c>
    </row>
    <row r="1194" spans="1:7" x14ac:dyDescent="0.25">
      <c r="A1194" t="s">
        <v>15</v>
      </c>
      <c r="B1194">
        <v>73441</v>
      </c>
      <c r="C1194">
        <v>18</v>
      </c>
      <c r="D1194" t="s">
        <v>10</v>
      </c>
      <c r="E1194">
        <v>0.86</v>
      </c>
      <c r="F1194">
        <v>1.39</v>
      </c>
      <c r="G1194">
        <v>0.21</v>
      </c>
    </row>
    <row r="1195" spans="1:7" x14ac:dyDescent="0.25">
      <c r="A1195" t="s">
        <v>30</v>
      </c>
      <c r="B1195">
        <v>80321</v>
      </c>
      <c r="C1195">
        <v>27</v>
      </c>
      <c r="D1195" t="s">
        <v>12</v>
      </c>
      <c r="E1195">
        <v>0.28999999999999998</v>
      </c>
      <c r="F1195">
        <v>1.1000000000000001</v>
      </c>
      <c r="G1195">
        <v>0.37</v>
      </c>
    </row>
    <row r="1196" spans="1:7" x14ac:dyDescent="0.25">
      <c r="A1196" t="s">
        <v>22</v>
      </c>
      <c r="B1196">
        <v>94566</v>
      </c>
      <c r="C1196">
        <v>27</v>
      </c>
      <c r="D1196" t="s">
        <v>24</v>
      </c>
      <c r="E1196">
        <v>0.31</v>
      </c>
      <c r="F1196">
        <v>1.01</v>
      </c>
      <c r="G1196">
        <v>0.53</v>
      </c>
    </row>
    <row r="1197" spans="1:7" x14ac:dyDescent="0.25">
      <c r="A1197" t="s">
        <v>18</v>
      </c>
      <c r="B1197">
        <v>42857</v>
      </c>
      <c r="C1197">
        <v>5</v>
      </c>
      <c r="D1197" t="s">
        <v>8</v>
      </c>
      <c r="E1197">
        <v>0.76</v>
      </c>
      <c r="F1197">
        <v>1.02</v>
      </c>
      <c r="G1197">
        <v>0.56000000000000005</v>
      </c>
    </row>
    <row r="1198" spans="1:7" x14ac:dyDescent="0.25">
      <c r="A1198" t="s">
        <v>26</v>
      </c>
      <c r="B1198">
        <v>114271</v>
      </c>
      <c r="C1198">
        <v>7</v>
      </c>
      <c r="D1198" t="s">
        <v>24</v>
      </c>
      <c r="E1198">
        <v>0.12</v>
      </c>
      <c r="F1198">
        <v>1.27</v>
      </c>
      <c r="G1198">
        <v>7.0000000000000007E-2</v>
      </c>
    </row>
    <row r="1199" spans="1:7" x14ac:dyDescent="0.25">
      <c r="A1199" t="s">
        <v>20</v>
      </c>
      <c r="B1199">
        <v>104745</v>
      </c>
      <c r="C1199">
        <v>20</v>
      </c>
      <c r="D1199" t="s">
        <v>12</v>
      </c>
      <c r="E1199">
        <v>0.85</v>
      </c>
      <c r="F1199">
        <v>1.32</v>
      </c>
      <c r="G1199">
        <v>0.6</v>
      </c>
    </row>
    <row r="1200" spans="1:7" x14ac:dyDescent="0.25">
      <c r="A1200" t="s">
        <v>14</v>
      </c>
      <c r="B1200">
        <v>119729</v>
      </c>
      <c r="C1200">
        <v>24</v>
      </c>
      <c r="D1200" t="s">
        <v>8</v>
      </c>
      <c r="E1200">
        <v>0.99</v>
      </c>
      <c r="F1200">
        <v>1.19</v>
      </c>
      <c r="G1200">
        <v>0.31</v>
      </c>
    </row>
    <row r="1201" spans="1:7" x14ac:dyDescent="0.25">
      <c r="A1201" t="s">
        <v>21</v>
      </c>
      <c r="B1201">
        <v>58134</v>
      </c>
      <c r="C1201">
        <v>20</v>
      </c>
      <c r="D1201" t="s">
        <v>24</v>
      </c>
      <c r="E1201">
        <v>0.67</v>
      </c>
      <c r="F1201">
        <v>1.17</v>
      </c>
      <c r="G1201">
        <v>0.66</v>
      </c>
    </row>
    <row r="1202" spans="1:7" x14ac:dyDescent="0.25">
      <c r="A1202" t="s">
        <v>27</v>
      </c>
      <c r="B1202">
        <v>57987</v>
      </c>
      <c r="C1202">
        <v>28</v>
      </c>
      <c r="D1202" t="s">
        <v>12</v>
      </c>
      <c r="E1202">
        <v>0.59</v>
      </c>
      <c r="F1202">
        <v>1.04</v>
      </c>
      <c r="G1202">
        <v>0.81</v>
      </c>
    </row>
    <row r="1203" spans="1:7" x14ac:dyDescent="0.25">
      <c r="A1203" t="s">
        <v>20</v>
      </c>
      <c r="B1203">
        <v>135454</v>
      </c>
      <c r="C1203">
        <v>1</v>
      </c>
      <c r="D1203" t="s">
        <v>10</v>
      </c>
      <c r="E1203">
        <v>0.36</v>
      </c>
      <c r="F1203">
        <v>1.44</v>
      </c>
      <c r="G1203">
        <v>0.65</v>
      </c>
    </row>
    <row r="1204" spans="1:7" x14ac:dyDescent="0.25">
      <c r="A1204" t="s">
        <v>14</v>
      </c>
      <c r="B1204">
        <v>60539</v>
      </c>
      <c r="C1204">
        <v>3</v>
      </c>
      <c r="D1204" t="s">
        <v>10</v>
      </c>
      <c r="E1204">
        <v>0.66</v>
      </c>
      <c r="F1204">
        <v>1.44</v>
      </c>
      <c r="G1204">
        <v>0.38</v>
      </c>
    </row>
    <row r="1205" spans="1:7" x14ac:dyDescent="0.25">
      <c r="A1205" t="s">
        <v>21</v>
      </c>
      <c r="B1205">
        <v>113081</v>
      </c>
      <c r="C1205">
        <v>17</v>
      </c>
      <c r="D1205" t="s">
        <v>10</v>
      </c>
      <c r="E1205">
        <v>0.92</v>
      </c>
      <c r="F1205">
        <v>0.67</v>
      </c>
      <c r="G1205">
        <v>0.41</v>
      </c>
    </row>
    <row r="1206" spans="1:7" x14ac:dyDescent="0.25">
      <c r="A1206" t="s">
        <v>18</v>
      </c>
      <c r="B1206">
        <v>146180</v>
      </c>
      <c r="C1206">
        <v>1</v>
      </c>
      <c r="D1206" t="s">
        <v>12</v>
      </c>
      <c r="E1206">
        <v>0.52</v>
      </c>
      <c r="F1206">
        <v>1.23</v>
      </c>
      <c r="G1206">
        <v>0.31</v>
      </c>
    </row>
    <row r="1207" spans="1:7" x14ac:dyDescent="0.25">
      <c r="A1207" t="s">
        <v>17</v>
      </c>
      <c r="B1207">
        <v>140164</v>
      </c>
      <c r="C1207">
        <v>17</v>
      </c>
      <c r="D1207" t="s">
        <v>10</v>
      </c>
      <c r="E1207">
        <v>0.97</v>
      </c>
      <c r="F1207">
        <v>1.48</v>
      </c>
      <c r="G1207">
        <v>0.17</v>
      </c>
    </row>
    <row r="1208" spans="1:7" x14ac:dyDescent="0.25">
      <c r="A1208" t="s">
        <v>21</v>
      </c>
      <c r="B1208">
        <v>54599</v>
      </c>
      <c r="C1208">
        <v>27</v>
      </c>
      <c r="D1208" t="s">
        <v>8</v>
      </c>
      <c r="E1208">
        <v>0.24</v>
      </c>
      <c r="F1208">
        <v>1.24</v>
      </c>
      <c r="G1208">
        <v>0.49</v>
      </c>
    </row>
    <row r="1209" spans="1:7" x14ac:dyDescent="0.25">
      <c r="A1209" t="s">
        <v>13</v>
      </c>
      <c r="B1209">
        <v>68921</v>
      </c>
      <c r="C1209">
        <v>19</v>
      </c>
      <c r="D1209" t="s">
        <v>8</v>
      </c>
      <c r="E1209">
        <v>0.35</v>
      </c>
      <c r="F1209">
        <v>1.45</v>
      </c>
      <c r="G1209">
        <v>0.64</v>
      </c>
    </row>
    <row r="1210" spans="1:7" x14ac:dyDescent="0.25">
      <c r="A1210" t="s">
        <v>30</v>
      </c>
      <c r="B1210">
        <v>140747</v>
      </c>
      <c r="C1210">
        <v>11</v>
      </c>
      <c r="D1210" t="s">
        <v>10</v>
      </c>
      <c r="E1210">
        <v>0.65</v>
      </c>
      <c r="F1210">
        <v>1.46</v>
      </c>
      <c r="G1210">
        <v>0.43</v>
      </c>
    </row>
    <row r="1211" spans="1:7" x14ac:dyDescent="0.25">
      <c r="A1211" t="s">
        <v>14</v>
      </c>
      <c r="B1211">
        <v>138809</v>
      </c>
      <c r="C1211">
        <v>19</v>
      </c>
      <c r="D1211" t="s">
        <v>24</v>
      </c>
      <c r="E1211">
        <v>0.82</v>
      </c>
      <c r="F1211">
        <v>0.93</v>
      </c>
      <c r="G1211">
        <v>0.34</v>
      </c>
    </row>
    <row r="1212" spans="1:7" x14ac:dyDescent="0.25">
      <c r="A1212" t="s">
        <v>16</v>
      </c>
      <c r="B1212">
        <v>35983</v>
      </c>
      <c r="C1212">
        <v>19</v>
      </c>
      <c r="D1212" t="s">
        <v>24</v>
      </c>
      <c r="E1212">
        <v>0.33</v>
      </c>
      <c r="F1212">
        <v>0.61</v>
      </c>
      <c r="G1212">
        <v>0.54</v>
      </c>
    </row>
    <row r="1213" spans="1:7" x14ac:dyDescent="0.25">
      <c r="A1213" t="s">
        <v>7</v>
      </c>
      <c r="B1213">
        <v>47946</v>
      </c>
      <c r="C1213">
        <v>7</v>
      </c>
      <c r="D1213" t="s">
        <v>12</v>
      </c>
      <c r="E1213">
        <v>0.72</v>
      </c>
      <c r="F1213">
        <v>1.38</v>
      </c>
      <c r="G1213">
        <v>0.86</v>
      </c>
    </row>
    <row r="1214" spans="1:7" x14ac:dyDescent="0.25">
      <c r="A1214" t="s">
        <v>27</v>
      </c>
      <c r="B1214">
        <v>138295</v>
      </c>
      <c r="C1214">
        <v>29</v>
      </c>
      <c r="D1214" t="s">
        <v>8</v>
      </c>
      <c r="E1214">
        <v>0.2</v>
      </c>
      <c r="F1214">
        <v>0.53</v>
      </c>
      <c r="G1214">
        <v>0.83</v>
      </c>
    </row>
    <row r="1215" spans="1:7" x14ac:dyDescent="0.25">
      <c r="A1215" t="s">
        <v>29</v>
      </c>
      <c r="B1215">
        <v>97806</v>
      </c>
      <c r="C1215">
        <v>11</v>
      </c>
      <c r="D1215" t="s">
        <v>8</v>
      </c>
      <c r="E1215">
        <v>0.55000000000000004</v>
      </c>
      <c r="F1215">
        <v>1.46</v>
      </c>
      <c r="G1215">
        <v>0.24</v>
      </c>
    </row>
    <row r="1216" spans="1:7" x14ac:dyDescent="0.25">
      <c r="A1216" t="s">
        <v>22</v>
      </c>
      <c r="B1216">
        <v>111339</v>
      </c>
      <c r="C1216">
        <v>0</v>
      </c>
      <c r="D1216" t="s">
        <v>24</v>
      </c>
      <c r="E1216">
        <v>0.46</v>
      </c>
      <c r="F1216">
        <v>1.1399999999999999</v>
      </c>
      <c r="G1216">
        <v>0.34</v>
      </c>
    </row>
    <row r="1217" spans="1:7" x14ac:dyDescent="0.25">
      <c r="A1217" t="s">
        <v>22</v>
      </c>
      <c r="B1217">
        <v>70720</v>
      </c>
      <c r="C1217">
        <v>17</v>
      </c>
      <c r="D1217" t="s">
        <v>24</v>
      </c>
      <c r="E1217">
        <v>0.86</v>
      </c>
      <c r="F1217">
        <v>1.43</v>
      </c>
      <c r="G1217">
        <v>0.6</v>
      </c>
    </row>
    <row r="1218" spans="1:7" x14ac:dyDescent="0.25">
      <c r="A1218" t="s">
        <v>18</v>
      </c>
      <c r="B1218">
        <v>50914</v>
      </c>
      <c r="C1218">
        <v>19</v>
      </c>
      <c r="D1218" t="s">
        <v>24</v>
      </c>
      <c r="E1218">
        <v>0.73</v>
      </c>
      <c r="F1218">
        <v>1.33</v>
      </c>
      <c r="G1218">
        <v>0.6</v>
      </c>
    </row>
    <row r="1219" spans="1:7" x14ac:dyDescent="0.25">
      <c r="A1219" t="s">
        <v>14</v>
      </c>
      <c r="B1219">
        <v>112684</v>
      </c>
      <c r="C1219">
        <v>28</v>
      </c>
      <c r="D1219" t="s">
        <v>24</v>
      </c>
      <c r="E1219">
        <v>0.17</v>
      </c>
      <c r="F1219">
        <v>1.3</v>
      </c>
      <c r="G1219">
        <v>0.49</v>
      </c>
    </row>
    <row r="1220" spans="1:7" x14ac:dyDescent="0.25">
      <c r="A1220" t="s">
        <v>18</v>
      </c>
      <c r="B1220">
        <v>55568</v>
      </c>
      <c r="C1220">
        <v>19</v>
      </c>
      <c r="D1220" t="s">
        <v>10</v>
      </c>
      <c r="E1220">
        <v>0.56000000000000005</v>
      </c>
      <c r="F1220">
        <v>1.2</v>
      </c>
      <c r="G1220">
        <v>0.62</v>
      </c>
    </row>
    <row r="1221" spans="1:7" x14ac:dyDescent="0.25">
      <c r="A1221" t="s">
        <v>23</v>
      </c>
      <c r="B1221">
        <v>130965</v>
      </c>
      <c r="C1221">
        <v>29</v>
      </c>
      <c r="D1221" t="s">
        <v>12</v>
      </c>
      <c r="E1221">
        <v>0.51</v>
      </c>
      <c r="F1221">
        <v>0.96</v>
      </c>
      <c r="G1221">
        <v>0.7</v>
      </c>
    </row>
    <row r="1222" spans="1:7" x14ac:dyDescent="0.25">
      <c r="A1222" t="s">
        <v>26</v>
      </c>
      <c r="B1222">
        <v>38861</v>
      </c>
      <c r="C1222">
        <v>29</v>
      </c>
      <c r="D1222" t="s">
        <v>24</v>
      </c>
      <c r="E1222">
        <v>0.9</v>
      </c>
      <c r="F1222">
        <v>1.47</v>
      </c>
      <c r="G1222">
        <v>0.22</v>
      </c>
    </row>
    <row r="1223" spans="1:7" x14ac:dyDescent="0.25">
      <c r="A1223" t="s">
        <v>17</v>
      </c>
      <c r="B1223">
        <v>88812</v>
      </c>
      <c r="C1223">
        <v>18</v>
      </c>
      <c r="D1223" t="s">
        <v>24</v>
      </c>
      <c r="E1223">
        <v>0.76</v>
      </c>
      <c r="F1223">
        <v>1.33</v>
      </c>
      <c r="G1223">
        <v>0.28999999999999998</v>
      </c>
    </row>
    <row r="1224" spans="1:7" x14ac:dyDescent="0.25">
      <c r="A1224" t="s">
        <v>14</v>
      </c>
      <c r="B1224">
        <v>104900</v>
      </c>
      <c r="C1224">
        <v>16</v>
      </c>
      <c r="D1224" t="s">
        <v>10</v>
      </c>
      <c r="E1224">
        <v>0.35</v>
      </c>
      <c r="F1224">
        <v>0.96</v>
      </c>
      <c r="G1224">
        <v>0.36</v>
      </c>
    </row>
    <row r="1225" spans="1:7" x14ac:dyDescent="0.25">
      <c r="A1225" t="s">
        <v>15</v>
      </c>
      <c r="B1225">
        <v>121814</v>
      </c>
      <c r="C1225">
        <v>0</v>
      </c>
      <c r="D1225" t="s">
        <v>12</v>
      </c>
      <c r="E1225">
        <v>0.51</v>
      </c>
      <c r="F1225">
        <v>0.97</v>
      </c>
      <c r="G1225">
        <v>0.24</v>
      </c>
    </row>
    <row r="1226" spans="1:7" x14ac:dyDescent="0.25">
      <c r="A1226" t="s">
        <v>25</v>
      </c>
      <c r="B1226">
        <v>112283</v>
      </c>
      <c r="C1226">
        <v>22</v>
      </c>
      <c r="D1226" t="s">
        <v>10</v>
      </c>
      <c r="E1226">
        <v>0.03</v>
      </c>
      <c r="F1226">
        <v>1.04</v>
      </c>
      <c r="G1226">
        <v>0.93</v>
      </c>
    </row>
    <row r="1227" spans="1:7" x14ac:dyDescent="0.25">
      <c r="A1227" t="s">
        <v>15</v>
      </c>
      <c r="B1227">
        <v>79678</v>
      </c>
      <c r="C1227">
        <v>0</v>
      </c>
      <c r="D1227" t="s">
        <v>24</v>
      </c>
      <c r="E1227">
        <v>0.77</v>
      </c>
      <c r="F1227">
        <v>1.1599999999999999</v>
      </c>
      <c r="G1227">
        <v>0.1</v>
      </c>
    </row>
    <row r="1228" spans="1:7" x14ac:dyDescent="0.25">
      <c r="A1228" t="s">
        <v>29</v>
      </c>
      <c r="B1228">
        <v>136020</v>
      </c>
      <c r="C1228">
        <v>27</v>
      </c>
      <c r="D1228" t="s">
        <v>24</v>
      </c>
      <c r="E1228">
        <v>0.82</v>
      </c>
      <c r="F1228">
        <v>1.47</v>
      </c>
      <c r="G1228">
        <v>0.1</v>
      </c>
    </row>
    <row r="1229" spans="1:7" x14ac:dyDescent="0.25">
      <c r="A1229" t="s">
        <v>13</v>
      </c>
      <c r="B1229">
        <v>127155</v>
      </c>
      <c r="C1229">
        <v>3</v>
      </c>
      <c r="D1229" t="s">
        <v>10</v>
      </c>
      <c r="E1229">
        <v>0.75</v>
      </c>
      <c r="F1229">
        <v>0.89</v>
      </c>
      <c r="G1229">
        <v>0.66</v>
      </c>
    </row>
    <row r="1230" spans="1:7" x14ac:dyDescent="0.25">
      <c r="A1230" t="s">
        <v>17</v>
      </c>
      <c r="B1230">
        <v>94813</v>
      </c>
      <c r="C1230">
        <v>15</v>
      </c>
      <c r="D1230" t="s">
        <v>24</v>
      </c>
      <c r="E1230">
        <v>0.52</v>
      </c>
      <c r="F1230">
        <v>1.25</v>
      </c>
      <c r="G1230">
        <v>0.08</v>
      </c>
    </row>
    <row r="1231" spans="1:7" x14ac:dyDescent="0.25">
      <c r="A1231" t="s">
        <v>13</v>
      </c>
      <c r="B1231">
        <v>127501</v>
      </c>
      <c r="C1231">
        <v>7</v>
      </c>
      <c r="D1231" t="s">
        <v>10</v>
      </c>
      <c r="E1231">
        <v>0.45</v>
      </c>
      <c r="F1231">
        <v>1.31</v>
      </c>
      <c r="G1231">
        <v>0.4</v>
      </c>
    </row>
    <row r="1232" spans="1:7" x14ac:dyDescent="0.25">
      <c r="A1232" t="s">
        <v>11</v>
      </c>
      <c r="B1232">
        <v>90843</v>
      </c>
      <c r="C1232">
        <v>27</v>
      </c>
      <c r="D1232" t="s">
        <v>8</v>
      </c>
      <c r="E1232">
        <v>0.83</v>
      </c>
      <c r="F1232">
        <v>0.56000000000000005</v>
      </c>
      <c r="G1232">
        <v>0.74</v>
      </c>
    </row>
    <row r="1233" spans="1:7" x14ac:dyDescent="0.25">
      <c r="A1233" t="s">
        <v>14</v>
      </c>
      <c r="B1233">
        <v>34715</v>
      </c>
      <c r="C1233">
        <v>6</v>
      </c>
      <c r="D1233" t="s">
        <v>10</v>
      </c>
      <c r="E1233">
        <v>0.9</v>
      </c>
      <c r="F1233">
        <v>0.9</v>
      </c>
      <c r="G1233">
        <v>0.45</v>
      </c>
    </row>
    <row r="1234" spans="1:7" x14ac:dyDescent="0.25">
      <c r="A1234" t="s">
        <v>22</v>
      </c>
      <c r="B1234">
        <v>44870</v>
      </c>
      <c r="C1234">
        <v>15</v>
      </c>
      <c r="D1234" t="s">
        <v>10</v>
      </c>
      <c r="E1234">
        <v>0.72</v>
      </c>
      <c r="F1234">
        <v>0.72</v>
      </c>
      <c r="G1234">
        <v>0.41</v>
      </c>
    </row>
    <row r="1235" spans="1:7" x14ac:dyDescent="0.25">
      <c r="A1235" t="s">
        <v>25</v>
      </c>
      <c r="B1235">
        <v>45432</v>
      </c>
      <c r="C1235">
        <v>11</v>
      </c>
      <c r="D1235" t="s">
        <v>12</v>
      </c>
      <c r="E1235">
        <v>0.44</v>
      </c>
      <c r="F1235">
        <v>1.07</v>
      </c>
      <c r="G1235">
        <v>0.82</v>
      </c>
    </row>
    <row r="1236" spans="1:7" x14ac:dyDescent="0.25">
      <c r="A1236" t="s">
        <v>16</v>
      </c>
      <c r="B1236">
        <v>102964</v>
      </c>
      <c r="C1236">
        <v>5</v>
      </c>
      <c r="D1236" t="s">
        <v>12</v>
      </c>
      <c r="E1236">
        <v>0.74</v>
      </c>
      <c r="F1236">
        <v>0.99</v>
      </c>
      <c r="G1236">
        <v>0.43</v>
      </c>
    </row>
    <row r="1237" spans="1:7" x14ac:dyDescent="0.25">
      <c r="A1237" t="s">
        <v>22</v>
      </c>
      <c r="B1237">
        <v>127677</v>
      </c>
      <c r="C1237">
        <v>13</v>
      </c>
      <c r="D1237" t="s">
        <v>24</v>
      </c>
      <c r="E1237">
        <v>0.64</v>
      </c>
      <c r="F1237">
        <v>0.84</v>
      </c>
      <c r="G1237">
        <v>0.35</v>
      </c>
    </row>
    <row r="1238" spans="1:7" x14ac:dyDescent="0.25">
      <c r="A1238" t="s">
        <v>25</v>
      </c>
      <c r="B1238">
        <v>36918</v>
      </c>
      <c r="C1238">
        <v>16</v>
      </c>
      <c r="D1238" t="s">
        <v>24</v>
      </c>
      <c r="E1238">
        <v>0.24</v>
      </c>
      <c r="F1238">
        <v>1.25</v>
      </c>
      <c r="G1238">
        <v>0.92</v>
      </c>
    </row>
    <row r="1239" spans="1:7" x14ac:dyDescent="0.25">
      <c r="A1239" t="s">
        <v>28</v>
      </c>
      <c r="B1239">
        <v>78634</v>
      </c>
      <c r="C1239">
        <v>1</v>
      </c>
      <c r="D1239" t="s">
        <v>12</v>
      </c>
      <c r="E1239">
        <v>0.76</v>
      </c>
      <c r="F1239">
        <v>1.27</v>
      </c>
      <c r="G1239">
        <v>0.56999999999999995</v>
      </c>
    </row>
    <row r="1240" spans="1:7" x14ac:dyDescent="0.25">
      <c r="A1240" t="s">
        <v>7</v>
      </c>
      <c r="B1240">
        <v>95199</v>
      </c>
      <c r="C1240">
        <v>20</v>
      </c>
      <c r="D1240" t="s">
        <v>10</v>
      </c>
      <c r="E1240">
        <v>0.4</v>
      </c>
      <c r="F1240">
        <v>1.04</v>
      </c>
      <c r="G1240">
        <v>0.86</v>
      </c>
    </row>
    <row r="1241" spans="1:7" x14ac:dyDescent="0.25">
      <c r="A1241" t="s">
        <v>7</v>
      </c>
      <c r="B1241">
        <v>115062</v>
      </c>
      <c r="C1241">
        <v>6</v>
      </c>
      <c r="D1241" t="s">
        <v>24</v>
      </c>
      <c r="E1241">
        <v>1</v>
      </c>
      <c r="F1241">
        <v>1.1000000000000001</v>
      </c>
      <c r="G1241">
        <v>0.71</v>
      </c>
    </row>
    <row r="1242" spans="1:7" x14ac:dyDescent="0.25">
      <c r="A1242" t="s">
        <v>21</v>
      </c>
      <c r="B1242">
        <v>119007</v>
      </c>
      <c r="C1242">
        <v>17</v>
      </c>
      <c r="D1242" t="s">
        <v>24</v>
      </c>
      <c r="E1242">
        <v>0.78</v>
      </c>
      <c r="F1242">
        <v>1.19</v>
      </c>
      <c r="G1242">
        <v>0.48</v>
      </c>
    </row>
    <row r="1243" spans="1:7" x14ac:dyDescent="0.25">
      <c r="A1243" t="s">
        <v>29</v>
      </c>
      <c r="B1243">
        <v>58333</v>
      </c>
      <c r="C1243">
        <v>13</v>
      </c>
      <c r="D1243" t="s">
        <v>10</v>
      </c>
      <c r="E1243">
        <v>0.64</v>
      </c>
      <c r="F1243">
        <v>1</v>
      </c>
      <c r="G1243">
        <v>0.14000000000000001</v>
      </c>
    </row>
    <row r="1244" spans="1:7" x14ac:dyDescent="0.25">
      <c r="A1244" t="s">
        <v>22</v>
      </c>
      <c r="B1244">
        <v>140415</v>
      </c>
      <c r="C1244">
        <v>12</v>
      </c>
      <c r="D1244" t="s">
        <v>10</v>
      </c>
      <c r="E1244">
        <v>0.52</v>
      </c>
      <c r="F1244">
        <v>0.64</v>
      </c>
      <c r="G1244">
        <v>0.38</v>
      </c>
    </row>
    <row r="1245" spans="1:7" x14ac:dyDescent="0.25">
      <c r="A1245" t="s">
        <v>21</v>
      </c>
      <c r="B1245">
        <v>89151</v>
      </c>
      <c r="C1245">
        <v>21</v>
      </c>
      <c r="D1245" t="s">
        <v>10</v>
      </c>
      <c r="E1245">
        <v>0.81</v>
      </c>
      <c r="F1245">
        <v>0.59</v>
      </c>
      <c r="G1245">
        <v>0.45</v>
      </c>
    </row>
    <row r="1246" spans="1:7" x14ac:dyDescent="0.25">
      <c r="A1246" t="s">
        <v>27</v>
      </c>
      <c r="B1246">
        <v>62784</v>
      </c>
      <c r="C1246">
        <v>17</v>
      </c>
      <c r="D1246" t="s">
        <v>8</v>
      </c>
      <c r="E1246">
        <v>0.85</v>
      </c>
      <c r="F1246">
        <v>1.31</v>
      </c>
      <c r="G1246">
        <v>0.75</v>
      </c>
    </row>
    <row r="1247" spans="1:7" x14ac:dyDescent="0.25">
      <c r="A1247" t="s">
        <v>21</v>
      </c>
      <c r="B1247">
        <v>143268</v>
      </c>
      <c r="C1247">
        <v>17</v>
      </c>
      <c r="D1247" t="s">
        <v>8</v>
      </c>
      <c r="E1247">
        <v>0.41</v>
      </c>
      <c r="F1247">
        <v>0.94</v>
      </c>
      <c r="G1247">
        <v>0.32</v>
      </c>
    </row>
    <row r="1248" spans="1:7" x14ac:dyDescent="0.25">
      <c r="A1248" t="s">
        <v>27</v>
      </c>
      <c r="B1248">
        <v>85134</v>
      </c>
      <c r="C1248">
        <v>17</v>
      </c>
      <c r="D1248" t="s">
        <v>24</v>
      </c>
      <c r="E1248">
        <v>0.79</v>
      </c>
      <c r="F1248">
        <v>1.21</v>
      </c>
      <c r="G1248">
        <v>0.76</v>
      </c>
    </row>
    <row r="1249" spans="1:7" x14ac:dyDescent="0.25">
      <c r="A1249" t="s">
        <v>28</v>
      </c>
      <c r="B1249">
        <v>87109</v>
      </c>
      <c r="C1249">
        <v>10</v>
      </c>
      <c r="D1249" t="s">
        <v>8</v>
      </c>
      <c r="E1249">
        <v>0.09</v>
      </c>
      <c r="F1249">
        <v>0.99</v>
      </c>
      <c r="G1249">
        <v>0.55000000000000004</v>
      </c>
    </row>
    <row r="1250" spans="1:7" x14ac:dyDescent="0.25">
      <c r="A1250" t="s">
        <v>13</v>
      </c>
      <c r="B1250">
        <v>114116</v>
      </c>
      <c r="C1250">
        <v>1</v>
      </c>
      <c r="D1250" t="s">
        <v>8</v>
      </c>
      <c r="E1250">
        <v>0.83</v>
      </c>
      <c r="F1250">
        <v>1.04</v>
      </c>
      <c r="G1250">
        <v>0.51</v>
      </c>
    </row>
    <row r="1251" spans="1:7" x14ac:dyDescent="0.25">
      <c r="A1251" t="s">
        <v>9</v>
      </c>
      <c r="B1251">
        <v>39495</v>
      </c>
      <c r="C1251">
        <v>3</v>
      </c>
      <c r="D1251" t="s">
        <v>8</v>
      </c>
      <c r="E1251">
        <v>0.05</v>
      </c>
      <c r="F1251">
        <v>1.1100000000000001</v>
      </c>
      <c r="G1251">
        <v>0.08</v>
      </c>
    </row>
    <row r="1252" spans="1:7" x14ac:dyDescent="0.25">
      <c r="A1252" t="s">
        <v>22</v>
      </c>
      <c r="B1252">
        <v>115380</v>
      </c>
      <c r="C1252">
        <v>12</v>
      </c>
      <c r="D1252" t="s">
        <v>10</v>
      </c>
      <c r="E1252">
        <v>0.87</v>
      </c>
      <c r="F1252">
        <v>0.66</v>
      </c>
      <c r="G1252">
        <v>0.67</v>
      </c>
    </row>
    <row r="1253" spans="1:7" x14ac:dyDescent="0.25">
      <c r="A1253" t="s">
        <v>28</v>
      </c>
      <c r="B1253">
        <v>117843</v>
      </c>
      <c r="C1253">
        <v>5</v>
      </c>
      <c r="D1253" t="s">
        <v>8</v>
      </c>
      <c r="E1253">
        <v>0.85</v>
      </c>
      <c r="F1253">
        <v>0.67</v>
      </c>
      <c r="G1253">
        <v>0.57999999999999996</v>
      </c>
    </row>
    <row r="1254" spans="1:7" x14ac:dyDescent="0.25">
      <c r="A1254" t="s">
        <v>14</v>
      </c>
      <c r="B1254">
        <v>84104</v>
      </c>
      <c r="C1254">
        <v>12</v>
      </c>
      <c r="D1254" t="s">
        <v>24</v>
      </c>
      <c r="E1254">
        <v>0.02</v>
      </c>
      <c r="F1254">
        <v>1.1100000000000001</v>
      </c>
      <c r="G1254">
        <v>0.63</v>
      </c>
    </row>
    <row r="1255" spans="1:7" x14ac:dyDescent="0.25">
      <c r="A1255" t="s">
        <v>13</v>
      </c>
      <c r="B1255">
        <v>81179</v>
      </c>
      <c r="C1255">
        <v>29</v>
      </c>
      <c r="D1255" t="s">
        <v>8</v>
      </c>
      <c r="E1255">
        <v>0.71</v>
      </c>
      <c r="F1255">
        <v>0.94</v>
      </c>
      <c r="G1255">
        <v>0.37</v>
      </c>
    </row>
    <row r="1256" spans="1:7" x14ac:dyDescent="0.25">
      <c r="A1256" t="s">
        <v>29</v>
      </c>
      <c r="B1256">
        <v>120404</v>
      </c>
      <c r="C1256">
        <v>26</v>
      </c>
      <c r="D1256" t="s">
        <v>24</v>
      </c>
      <c r="E1256">
        <v>0.15</v>
      </c>
      <c r="F1256">
        <v>0.76</v>
      </c>
      <c r="G1256">
        <v>0.14000000000000001</v>
      </c>
    </row>
    <row r="1257" spans="1:7" x14ac:dyDescent="0.25">
      <c r="A1257" t="s">
        <v>9</v>
      </c>
      <c r="B1257">
        <v>127119</v>
      </c>
      <c r="C1257">
        <v>25</v>
      </c>
      <c r="D1257" t="s">
        <v>12</v>
      </c>
      <c r="E1257">
        <v>0.99</v>
      </c>
      <c r="F1257">
        <v>0.56999999999999995</v>
      </c>
      <c r="G1257">
        <v>0.15</v>
      </c>
    </row>
    <row r="1258" spans="1:7" x14ac:dyDescent="0.25">
      <c r="A1258" t="s">
        <v>13</v>
      </c>
      <c r="B1258">
        <v>84232</v>
      </c>
      <c r="C1258">
        <v>19</v>
      </c>
      <c r="D1258" t="s">
        <v>8</v>
      </c>
      <c r="E1258">
        <v>0.68</v>
      </c>
      <c r="F1258">
        <v>1.04</v>
      </c>
      <c r="G1258">
        <v>0.62</v>
      </c>
    </row>
    <row r="1259" spans="1:7" x14ac:dyDescent="0.25">
      <c r="A1259" t="s">
        <v>11</v>
      </c>
      <c r="B1259">
        <v>38689</v>
      </c>
      <c r="C1259">
        <v>14</v>
      </c>
      <c r="D1259" t="s">
        <v>24</v>
      </c>
      <c r="E1259">
        <v>0.59</v>
      </c>
      <c r="F1259">
        <v>1.47</v>
      </c>
      <c r="G1259">
        <v>0.74</v>
      </c>
    </row>
    <row r="1260" spans="1:7" x14ac:dyDescent="0.25">
      <c r="A1260" t="s">
        <v>25</v>
      </c>
      <c r="B1260">
        <v>143466</v>
      </c>
      <c r="C1260">
        <v>16</v>
      </c>
      <c r="D1260" t="s">
        <v>12</v>
      </c>
      <c r="E1260">
        <v>0.64</v>
      </c>
      <c r="F1260">
        <v>1.37</v>
      </c>
      <c r="G1260">
        <v>0.9</v>
      </c>
    </row>
    <row r="1261" spans="1:7" x14ac:dyDescent="0.25">
      <c r="A1261" t="s">
        <v>20</v>
      </c>
      <c r="B1261">
        <v>141038</v>
      </c>
      <c r="C1261">
        <v>14</v>
      </c>
      <c r="D1261" t="s">
        <v>10</v>
      </c>
      <c r="E1261">
        <v>0.86</v>
      </c>
      <c r="F1261">
        <v>1.04</v>
      </c>
      <c r="G1261">
        <v>0.42</v>
      </c>
    </row>
    <row r="1262" spans="1:7" x14ac:dyDescent="0.25">
      <c r="A1262" t="s">
        <v>19</v>
      </c>
      <c r="B1262">
        <v>117526</v>
      </c>
      <c r="C1262">
        <v>20</v>
      </c>
      <c r="D1262" t="s">
        <v>8</v>
      </c>
      <c r="E1262">
        <v>0.17</v>
      </c>
      <c r="F1262">
        <v>0.64</v>
      </c>
      <c r="G1262">
        <v>0.84</v>
      </c>
    </row>
    <row r="1263" spans="1:7" x14ac:dyDescent="0.25">
      <c r="A1263" t="s">
        <v>21</v>
      </c>
      <c r="B1263">
        <v>99503</v>
      </c>
      <c r="C1263">
        <v>19</v>
      </c>
      <c r="D1263" t="s">
        <v>24</v>
      </c>
      <c r="E1263">
        <v>0.41</v>
      </c>
      <c r="F1263">
        <v>0.52</v>
      </c>
      <c r="G1263">
        <v>0.56999999999999995</v>
      </c>
    </row>
    <row r="1264" spans="1:7" x14ac:dyDescent="0.25">
      <c r="A1264" t="s">
        <v>17</v>
      </c>
      <c r="B1264">
        <v>39157</v>
      </c>
      <c r="C1264">
        <v>6</v>
      </c>
      <c r="D1264" t="s">
        <v>8</v>
      </c>
      <c r="E1264">
        <v>0.12</v>
      </c>
      <c r="F1264">
        <v>0.83</v>
      </c>
      <c r="G1264">
        <v>0.23</v>
      </c>
    </row>
    <row r="1265" spans="1:7" x14ac:dyDescent="0.25">
      <c r="A1265" t="s">
        <v>23</v>
      </c>
      <c r="B1265">
        <v>143565</v>
      </c>
      <c r="C1265">
        <v>6</v>
      </c>
      <c r="D1265" t="s">
        <v>10</v>
      </c>
      <c r="E1265">
        <v>0.4</v>
      </c>
      <c r="F1265">
        <v>1.32</v>
      </c>
      <c r="G1265">
        <v>0.57999999999999996</v>
      </c>
    </row>
    <row r="1266" spans="1:7" x14ac:dyDescent="0.25">
      <c r="A1266" t="s">
        <v>9</v>
      </c>
      <c r="B1266">
        <v>107952</v>
      </c>
      <c r="C1266">
        <v>16</v>
      </c>
      <c r="D1266" t="s">
        <v>8</v>
      </c>
      <c r="E1266">
        <v>0.43</v>
      </c>
      <c r="F1266">
        <v>0.52</v>
      </c>
      <c r="G1266">
        <v>0.11</v>
      </c>
    </row>
    <row r="1267" spans="1:7" x14ac:dyDescent="0.25">
      <c r="A1267" t="s">
        <v>16</v>
      </c>
      <c r="B1267">
        <v>81224</v>
      </c>
      <c r="C1267">
        <v>2</v>
      </c>
      <c r="D1267" t="s">
        <v>10</v>
      </c>
      <c r="E1267">
        <v>0.45</v>
      </c>
      <c r="F1267">
        <v>1.1100000000000001</v>
      </c>
      <c r="G1267">
        <v>0.43</v>
      </c>
    </row>
    <row r="1268" spans="1:7" x14ac:dyDescent="0.25">
      <c r="A1268" t="s">
        <v>22</v>
      </c>
      <c r="B1268">
        <v>49517</v>
      </c>
      <c r="C1268">
        <v>21</v>
      </c>
      <c r="D1268" t="s">
        <v>24</v>
      </c>
      <c r="E1268">
        <v>0.88</v>
      </c>
      <c r="F1268">
        <v>0.66</v>
      </c>
      <c r="G1268">
        <v>0.33</v>
      </c>
    </row>
    <row r="1269" spans="1:7" x14ac:dyDescent="0.25">
      <c r="A1269" t="s">
        <v>28</v>
      </c>
      <c r="B1269">
        <v>70849</v>
      </c>
      <c r="C1269">
        <v>22</v>
      </c>
      <c r="D1269" t="s">
        <v>24</v>
      </c>
      <c r="E1269">
        <v>0.11</v>
      </c>
      <c r="F1269">
        <v>1.21</v>
      </c>
      <c r="G1269">
        <v>0.39</v>
      </c>
    </row>
    <row r="1270" spans="1:7" x14ac:dyDescent="0.25">
      <c r="A1270" t="s">
        <v>18</v>
      </c>
      <c r="B1270">
        <v>142277</v>
      </c>
      <c r="C1270">
        <v>24</v>
      </c>
      <c r="D1270" t="s">
        <v>8</v>
      </c>
      <c r="E1270">
        <v>0.79</v>
      </c>
      <c r="F1270">
        <v>1.22</v>
      </c>
      <c r="G1270">
        <v>0.64</v>
      </c>
    </row>
    <row r="1271" spans="1:7" x14ac:dyDescent="0.25">
      <c r="A1271" t="s">
        <v>7</v>
      </c>
      <c r="B1271">
        <v>137251</v>
      </c>
      <c r="C1271">
        <v>25</v>
      </c>
      <c r="D1271" t="s">
        <v>12</v>
      </c>
      <c r="E1271">
        <v>0.61</v>
      </c>
      <c r="F1271">
        <v>0.96</v>
      </c>
      <c r="G1271">
        <v>0.72</v>
      </c>
    </row>
    <row r="1272" spans="1:7" x14ac:dyDescent="0.25">
      <c r="A1272" t="s">
        <v>16</v>
      </c>
      <c r="B1272">
        <v>42979</v>
      </c>
      <c r="C1272">
        <v>1</v>
      </c>
      <c r="D1272" t="s">
        <v>24</v>
      </c>
      <c r="E1272">
        <v>0.08</v>
      </c>
      <c r="F1272">
        <v>0.8</v>
      </c>
      <c r="G1272">
        <v>0.51</v>
      </c>
    </row>
    <row r="1273" spans="1:7" x14ac:dyDescent="0.25">
      <c r="A1273" t="s">
        <v>15</v>
      </c>
      <c r="B1273">
        <v>102868</v>
      </c>
      <c r="C1273">
        <v>7</v>
      </c>
      <c r="D1273" t="s">
        <v>24</v>
      </c>
      <c r="E1273">
        <v>0.28999999999999998</v>
      </c>
      <c r="F1273">
        <v>1.31</v>
      </c>
      <c r="G1273">
        <v>0.17</v>
      </c>
    </row>
    <row r="1274" spans="1:7" x14ac:dyDescent="0.25">
      <c r="A1274" t="s">
        <v>19</v>
      </c>
      <c r="B1274">
        <v>31649</v>
      </c>
      <c r="C1274">
        <v>0</v>
      </c>
      <c r="D1274" t="s">
        <v>24</v>
      </c>
      <c r="E1274">
        <v>0.56999999999999995</v>
      </c>
      <c r="F1274">
        <v>1.42</v>
      </c>
      <c r="G1274">
        <v>0.8</v>
      </c>
    </row>
    <row r="1275" spans="1:7" x14ac:dyDescent="0.25">
      <c r="A1275" t="s">
        <v>23</v>
      </c>
      <c r="B1275">
        <v>91305</v>
      </c>
      <c r="C1275">
        <v>20</v>
      </c>
      <c r="D1275" t="s">
        <v>12</v>
      </c>
      <c r="E1275">
        <v>0.12</v>
      </c>
      <c r="F1275">
        <v>0.62</v>
      </c>
      <c r="G1275">
        <v>0.67</v>
      </c>
    </row>
    <row r="1276" spans="1:7" x14ac:dyDescent="0.25">
      <c r="A1276" t="s">
        <v>20</v>
      </c>
      <c r="B1276">
        <v>38738</v>
      </c>
      <c r="C1276">
        <v>16</v>
      </c>
      <c r="D1276" t="s">
        <v>12</v>
      </c>
      <c r="E1276">
        <v>0.77</v>
      </c>
      <c r="F1276">
        <v>0.76</v>
      </c>
      <c r="G1276">
        <v>0.43</v>
      </c>
    </row>
    <row r="1277" spans="1:7" x14ac:dyDescent="0.25">
      <c r="A1277" t="s">
        <v>14</v>
      </c>
      <c r="B1277">
        <v>55775</v>
      </c>
      <c r="C1277">
        <v>24</v>
      </c>
      <c r="D1277" t="s">
        <v>12</v>
      </c>
      <c r="E1277">
        <v>0.77</v>
      </c>
      <c r="F1277">
        <v>1.21</v>
      </c>
      <c r="G1277">
        <v>0.59</v>
      </c>
    </row>
    <row r="1278" spans="1:7" x14ac:dyDescent="0.25">
      <c r="A1278" t="s">
        <v>16</v>
      </c>
      <c r="B1278">
        <v>45569</v>
      </c>
      <c r="C1278">
        <v>3</v>
      </c>
      <c r="D1278" t="s">
        <v>10</v>
      </c>
      <c r="E1278">
        <v>0.6</v>
      </c>
      <c r="F1278">
        <v>1.31</v>
      </c>
      <c r="G1278">
        <v>0.56000000000000005</v>
      </c>
    </row>
    <row r="1279" spans="1:7" x14ac:dyDescent="0.25">
      <c r="A1279" t="s">
        <v>26</v>
      </c>
      <c r="B1279">
        <v>89327</v>
      </c>
      <c r="C1279">
        <v>3</v>
      </c>
      <c r="D1279" t="s">
        <v>24</v>
      </c>
      <c r="E1279">
        <v>0.47</v>
      </c>
      <c r="F1279">
        <v>0.57999999999999996</v>
      </c>
      <c r="G1279">
        <v>0.12</v>
      </c>
    </row>
    <row r="1280" spans="1:7" x14ac:dyDescent="0.25">
      <c r="A1280" t="s">
        <v>20</v>
      </c>
      <c r="B1280">
        <v>142674</v>
      </c>
      <c r="C1280">
        <v>24</v>
      </c>
      <c r="D1280" t="s">
        <v>24</v>
      </c>
      <c r="E1280">
        <v>0.18</v>
      </c>
      <c r="F1280">
        <v>0.54</v>
      </c>
      <c r="G1280">
        <v>0.33</v>
      </c>
    </row>
    <row r="1281" spans="1:7" x14ac:dyDescent="0.25">
      <c r="A1281" t="s">
        <v>11</v>
      </c>
      <c r="B1281">
        <v>67602</v>
      </c>
      <c r="C1281">
        <v>10</v>
      </c>
      <c r="D1281" t="s">
        <v>24</v>
      </c>
      <c r="E1281">
        <v>0.71</v>
      </c>
      <c r="F1281">
        <v>1.24</v>
      </c>
      <c r="G1281">
        <v>0.87</v>
      </c>
    </row>
    <row r="1282" spans="1:7" x14ac:dyDescent="0.25">
      <c r="A1282" t="s">
        <v>16</v>
      </c>
      <c r="B1282">
        <v>68057</v>
      </c>
      <c r="C1282">
        <v>12</v>
      </c>
      <c r="D1282" t="s">
        <v>24</v>
      </c>
      <c r="E1282">
        <v>0.36</v>
      </c>
      <c r="F1282">
        <v>0.64</v>
      </c>
      <c r="G1282">
        <v>0.46</v>
      </c>
    </row>
    <row r="1283" spans="1:7" x14ac:dyDescent="0.25">
      <c r="A1283" t="s">
        <v>14</v>
      </c>
      <c r="B1283">
        <v>108104</v>
      </c>
      <c r="C1283">
        <v>26</v>
      </c>
      <c r="D1283" t="s">
        <v>8</v>
      </c>
      <c r="E1283">
        <v>0.1</v>
      </c>
      <c r="F1283">
        <v>0.75</v>
      </c>
      <c r="G1283">
        <v>0.41</v>
      </c>
    </row>
    <row r="1284" spans="1:7" x14ac:dyDescent="0.25">
      <c r="A1284" t="s">
        <v>26</v>
      </c>
      <c r="B1284">
        <v>139418</v>
      </c>
      <c r="C1284">
        <v>27</v>
      </c>
      <c r="D1284" t="s">
        <v>24</v>
      </c>
      <c r="E1284">
        <v>0.04</v>
      </c>
      <c r="F1284">
        <v>0.98</v>
      </c>
      <c r="G1284">
        <v>0.26</v>
      </c>
    </row>
    <row r="1285" spans="1:7" x14ac:dyDescent="0.25">
      <c r="A1285" t="s">
        <v>23</v>
      </c>
      <c r="B1285">
        <v>65411</v>
      </c>
      <c r="C1285">
        <v>11</v>
      </c>
      <c r="D1285" t="s">
        <v>12</v>
      </c>
      <c r="E1285">
        <v>0.8</v>
      </c>
      <c r="F1285">
        <v>1.41</v>
      </c>
      <c r="G1285">
        <v>0.53</v>
      </c>
    </row>
    <row r="1286" spans="1:7" x14ac:dyDescent="0.25">
      <c r="A1286" t="s">
        <v>14</v>
      </c>
      <c r="B1286">
        <v>139497</v>
      </c>
      <c r="C1286">
        <v>2</v>
      </c>
      <c r="D1286" t="s">
        <v>24</v>
      </c>
      <c r="E1286">
        <v>0.22</v>
      </c>
      <c r="F1286">
        <v>1.42</v>
      </c>
      <c r="G1286">
        <v>0.59</v>
      </c>
    </row>
    <row r="1287" spans="1:7" x14ac:dyDescent="0.25">
      <c r="A1287" t="s">
        <v>15</v>
      </c>
      <c r="B1287">
        <v>53043</v>
      </c>
      <c r="C1287">
        <v>0</v>
      </c>
      <c r="D1287" t="s">
        <v>12</v>
      </c>
      <c r="E1287">
        <v>0.92</v>
      </c>
      <c r="F1287">
        <v>1.45</v>
      </c>
      <c r="G1287">
        <v>0.17</v>
      </c>
    </row>
    <row r="1288" spans="1:7" x14ac:dyDescent="0.25">
      <c r="A1288" t="s">
        <v>14</v>
      </c>
      <c r="B1288">
        <v>139732</v>
      </c>
      <c r="C1288">
        <v>15</v>
      </c>
      <c r="D1288" t="s">
        <v>10</v>
      </c>
      <c r="E1288">
        <v>0.98</v>
      </c>
      <c r="F1288">
        <v>0.89</v>
      </c>
      <c r="G1288">
        <v>0.64</v>
      </c>
    </row>
    <row r="1289" spans="1:7" x14ac:dyDescent="0.25">
      <c r="A1289" t="s">
        <v>21</v>
      </c>
      <c r="B1289">
        <v>146332</v>
      </c>
      <c r="C1289">
        <v>27</v>
      </c>
      <c r="D1289" t="s">
        <v>8</v>
      </c>
      <c r="E1289">
        <v>0.81</v>
      </c>
      <c r="F1289">
        <v>0.82</v>
      </c>
      <c r="G1289">
        <v>0.5</v>
      </c>
    </row>
    <row r="1290" spans="1:7" x14ac:dyDescent="0.25">
      <c r="A1290" t="s">
        <v>25</v>
      </c>
      <c r="B1290">
        <v>110314</v>
      </c>
      <c r="C1290">
        <v>5</v>
      </c>
      <c r="D1290" t="s">
        <v>24</v>
      </c>
      <c r="E1290">
        <v>0.82</v>
      </c>
      <c r="F1290">
        <v>0.57999999999999996</v>
      </c>
      <c r="G1290">
        <v>0.85</v>
      </c>
    </row>
    <row r="1291" spans="1:7" x14ac:dyDescent="0.25">
      <c r="A1291" t="s">
        <v>18</v>
      </c>
      <c r="B1291">
        <v>147230</v>
      </c>
      <c r="C1291">
        <v>13</v>
      </c>
      <c r="D1291" t="s">
        <v>10</v>
      </c>
      <c r="E1291">
        <v>0.5</v>
      </c>
      <c r="F1291">
        <v>0.87</v>
      </c>
      <c r="G1291">
        <v>0.6</v>
      </c>
    </row>
    <row r="1292" spans="1:7" x14ac:dyDescent="0.25">
      <c r="A1292" t="s">
        <v>9</v>
      </c>
      <c r="B1292">
        <v>107271</v>
      </c>
      <c r="C1292">
        <v>15</v>
      </c>
      <c r="D1292" t="s">
        <v>8</v>
      </c>
      <c r="E1292">
        <v>0.32</v>
      </c>
      <c r="F1292">
        <v>0.64</v>
      </c>
      <c r="G1292">
        <v>0.05</v>
      </c>
    </row>
    <row r="1293" spans="1:7" x14ac:dyDescent="0.25">
      <c r="A1293" t="s">
        <v>25</v>
      </c>
      <c r="B1293">
        <v>135812</v>
      </c>
      <c r="C1293">
        <v>28</v>
      </c>
      <c r="D1293" t="s">
        <v>10</v>
      </c>
      <c r="E1293">
        <v>0.74</v>
      </c>
      <c r="F1293">
        <v>0.54</v>
      </c>
      <c r="G1293">
        <v>0.87</v>
      </c>
    </row>
    <row r="1294" spans="1:7" x14ac:dyDescent="0.25">
      <c r="A1294" t="s">
        <v>23</v>
      </c>
      <c r="B1294">
        <v>138613</v>
      </c>
      <c r="C1294">
        <v>9</v>
      </c>
      <c r="D1294" t="s">
        <v>10</v>
      </c>
      <c r="E1294">
        <v>0.28000000000000003</v>
      </c>
      <c r="F1294">
        <v>0.88</v>
      </c>
      <c r="G1294">
        <v>0.56000000000000005</v>
      </c>
    </row>
    <row r="1295" spans="1:7" x14ac:dyDescent="0.25">
      <c r="A1295" t="s">
        <v>29</v>
      </c>
      <c r="B1295">
        <v>82774</v>
      </c>
      <c r="C1295">
        <v>4</v>
      </c>
      <c r="D1295" t="s">
        <v>8</v>
      </c>
      <c r="E1295">
        <v>0.37</v>
      </c>
      <c r="F1295">
        <v>1.17</v>
      </c>
      <c r="G1295">
        <v>0.11</v>
      </c>
    </row>
    <row r="1296" spans="1:7" x14ac:dyDescent="0.25">
      <c r="A1296" t="s">
        <v>27</v>
      </c>
      <c r="B1296">
        <v>44436</v>
      </c>
      <c r="C1296">
        <v>10</v>
      </c>
      <c r="D1296" t="s">
        <v>24</v>
      </c>
      <c r="E1296">
        <v>0.04</v>
      </c>
      <c r="F1296">
        <v>0.82</v>
      </c>
      <c r="G1296">
        <v>0.84</v>
      </c>
    </row>
    <row r="1297" spans="1:7" x14ac:dyDescent="0.25">
      <c r="A1297" t="s">
        <v>27</v>
      </c>
      <c r="B1297">
        <v>41573</v>
      </c>
      <c r="C1297">
        <v>6</v>
      </c>
      <c r="D1297" t="s">
        <v>12</v>
      </c>
      <c r="E1297">
        <v>0.1</v>
      </c>
      <c r="F1297">
        <v>1.2</v>
      </c>
      <c r="G1297">
        <v>0.79</v>
      </c>
    </row>
    <row r="1298" spans="1:7" x14ac:dyDescent="0.25">
      <c r="A1298" t="s">
        <v>9</v>
      </c>
      <c r="B1298">
        <v>99269</v>
      </c>
      <c r="C1298">
        <v>3</v>
      </c>
      <c r="D1298" t="s">
        <v>24</v>
      </c>
      <c r="E1298">
        <v>0.74</v>
      </c>
      <c r="F1298">
        <v>0.82</v>
      </c>
      <c r="G1298">
        <v>0.08</v>
      </c>
    </row>
    <row r="1299" spans="1:7" x14ac:dyDescent="0.25">
      <c r="A1299" t="s">
        <v>22</v>
      </c>
      <c r="B1299">
        <v>55734</v>
      </c>
      <c r="C1299">
        <v>17</v>
      </c>
      <c r="D1299" t="s">
        <v>10</v>
      </c>
      <c r="E1299">
        <v>0.1</v>
      </c>
      <c r="F1299">
        <v>1.06</v>
      </c>
      <c r="G1299">
        <v>0.35</v>
      </c>
    </row>
    <row r="1300" spans="1:7" x14ac:dyDescent="0.25">
      <c r="A1300" t="s">
        <v>28</v>
      </c>
      <c r="B1300">
        <v>43764</v>
      </c>
      <c r="C1300">
        <v>25</v>
      </c>
      <c r="D1300" t="s">
        <v>24</v>
      </c>
      <c r="E1300">
        <v>0.41</v>
      </c>
      <c r="F1300">
        <v>0.8</v>
      </c>
      <c r="G1300">
        <v>0.33</v>
      </c>
    </row>
    <row r="1301" spans="1:7" x14ac:dyDescent="0.25">
      <c r="A1301" t="s">
        <v>27</v>
      </c>
      <c r="B1301">
        <v>40485</v>
      </c>
      <c r="C1301">
        <v>2</v>
      </c>
      <c r="D1301" t="s">
        <v>12</v>
      </c>
      <c r="E1301">
        <v>0.69</v>
      </c>
      <c r="F1301">
        <v>1.17</v>
      </c>
      <c r="G1301">
        <v>0.74</v>
      </c>
    </row>
    <row r="1302" spans="1:7" x14ac:dyDescent="0.25">
      <c r="A1302" t="s">
        <v>7</v>
      </c>
      <c r="B1302">
        <v>83804</v>
      </c>
      <c r="C1302">
        <v>21</v>
      </c>
      <c r="D1302" t="s">
        <v>24</v>
      </c>
      <c r="E1302">
        <v>0.22</v>
      </c>
      <c r="F1302">
        <v>0.54</v>
      </c>
      <c r="G1302">
        <v>0.84</v>
      </c>
    </row>
    <row r="1303" spans="1:7" x14ac:dyDescent="0.25">
      <c r="A1303" t="s">
        <v>14</v>
      </c>
      <c r="B1303">
        <v>97635</v>
      </c>
      <c r="C1303">
        <v>18</v>
      </c>
      <c r="D1303" t="s">
        <v>12</v>
      </c>
      <c r="E1303">
        <v>0.35</v>
      </c>
      <c r="F1303">
        <v>0.74</v>
      </c>
      <c r="G1303">
        <v>0.33</v>
      </c>
    </row>
    <row r="1304" spans="1:7" x14ac:dyDescent="0.25">
      <c r="A1304" t="s">
        <v>7</v>
      </c>
      <c r="B1304">
        <v>100880</v>
      </c>
      <c r="C1304">
        <v>19</v>
      </c>
      <c r="D1304" t="s">
        <v>24</v>
      </c>
      <c r="E1304">
        <v>0.65</v>
      </c>
      <c r="F1304">
        <v>1.26</v>
      </c>
      <c r="G1304">
        <v>0.78</v>
      </c>
    </row>
    <row r="1305" spans="1:7" x14ac:dyDescent="0.25">
      <c r="A1305" t="s">
        <v>29</v>
      </c>
      <c r="B1305">
        <v>74344</v>
      </c>
      <c r="C1305">
        <v>20</v>
      </c>
      <c r="D1305" t="s">
        <v>24</v>
      </c>
      <c r="E1305">
        <v>0.37</v>
      </c>
      <c r="F1305">
        <v>1.05</v>
      </c>
      <c r="G1305">
        <v>0.24</v>
      </c>
    </row>
    <row r="1306" spans="1:7" x14ac:dyDescent="0.25">
      <c r="A1306" t="s">
        <v>21</v>
      </c>
      <c r="B1306">
        <v>122424</v>
      </c>
      <c r="C1306">
        <v>26</v>
      </c>
      <c r="D1306" t="s">
        <v>8</v>
      </c>
      <c r="E1306">
        <v>0.12</v>
      </c>
      <c r="F1306">
        <v>0.53</v>
      </c>
      <c r="G1306">
        <v>0.42</v>
      </c>
    </row>
    <row r="1307" spans="1:7" x14ac:dyDescent="0.25">
      <c r="A1307" t="s">
        <v>18</v>
      </c>
      <c r="B1307">
        <v>131388</v>
      </c>
      <c r="C1307">
        <v>29</v>
      </c>
      <c r="D1307" t="s">
        <v>24</v>
      </c>
      <c r="E1307">
        <v>0.34</v>
      </c>
      <c r="F1307">
        <v>0.98</v>
      </c>
      <c r="G1307">
        <v>0.56999999999999995</v>
      </c>
    </row>
    <row r="1308" spans="1:7" x14ac:dyDescent="0.25">
      <c r="A1308" t="s">
        <v>26</v>
      </c>
      <c r="B1308">
        <v>146649</v>
      </c>
      <c r="C1308">
        <v>9</v>
      </c>
      <c r="D1308" t="s">
        <v>12</v>
      </c>
      <c r="E1308">
        <v>0.14000000000000001</v>
      </c>
      <c r="F1308">
        <v>0.97</v>
      </c>
      <c r="G1308">
        <v>0.13</v>
      </c>
    </row>
    <row r="1309" spans="1:7" x14ac:dyDescent="0.25">
      <c r="A1309" t="s">
        <v>22</v>
      </c>
      <c r="B1309">
        <v>79117</v>
      </c>
      <c r="C1309">
        <v>3</v>
      </c>
      <c r="D1309" t="s">
        <v>10</v>
      </c>
      <c r="E1309">
        <v>0.01</v>
      </c>
      <c r="F1309">
        <v>1.24</v>
      </c>
      <c r="G1309">
        <v>0.59</v>
      </c>
    </row>
    <row r="1310" spans="1:7" x14ac:dyDescent="0.25">
      <c r="A1310" t="s">
        <v>27</v>
      </c>
      <c r="B1310">
        <v>45685</v>
      </c>
      <c r="C1310">
        <v>27</v>
      </c>
      <c r="D1310" t="s">
        <v>12</v>
      </c>
      <c r="E1310">
        <v>0.56999999999999995</v>
      </c>
      <c r="F1310">
        <v>1.49</v>
      </c>
      <c r="G1310">
        <v>0.85</v>
      </c>
    </row>
    <row r="1311" spans="1:7" x14ac:dyDescent="0.25">
      <c r="A1311" t="s">
        <v>25</v>
      </c>
      <c r="B1311">
        <v>134031</v>
      </c>
      <c r="C1311">
        <v>16</v>
      </c>
      <c r="D1311" t="s">
        <v>8</v>
      </c>
      <c r="E1311">
        <v>0.91</v>
      </c>
      <c r="F1311">
        <v>0.72</v>
      </c>
      <c r="G1311">
        <v>0.91</v>
      </c>
    </row>
    <row r="1312" spans="1:7" x14ac:dyDescent="0.25">
      <c r="A1312" t="s">
        <v>29</v>
      </c>
      <c r="B1312">
        <v>67595</v>
      </c>
      <c r="C1312">
        <v>16</v>
      </c>
      <c r="D1312" t="s">
        <v>12</v>
      </c>
      <c r="E1312">
        <v>0.13</v>
      </c>
      <c r="F1312">
        <v>1.44</v>
      </c>
      <c r="G1312">
        <v>0.24</v>
      </c>
    </row>
    <row r="1313" spans="1:7" x14ac:dyDescent="0.25">
      <c r="A1313" t="s">
        <v>30</v>
      </c>
      <c r="B1313">
        <v>54541</v>
      </c>
      <c r="C1313">
        <v>1</v>
      </c>
      <c r="D1313" t="s">
        <v>8</v>
      </c>
      <c r="E1313">
        <v>0.24</v>
      </c>
      <c r="F1313">
        <v>1.22</v>
      </c>
      <c r="G1313">
        <v>0.36</v>
      </c>
    </row>
    <row r="1314" spans="1:7" x14ac:dyDescent="0.25">
      <c r="A1314" t="s">
        <v>11</v>
      </c>
      <c r="B1314">
        <v>118598</v>
      </c>
      <c r="C1314">
        <v>7</v>
      </c>
      <c r="D1314" t="s">
        <v>24</v>
      </c>
      <c r="E1314">
        <v>0.66</v>
      </c>
      <c r="F1314">
        <v>0.97</v>
      </c>
      <c r="G1314">
        <v>0.82</v>
      </c>
    </row>
    <row r="1315" spans="1:7" x14ac:dyDescent="0.25">
      <c r="A1315" t="s">
        <v>18</v>
      </c>
      <c r="B1315">
        <v>70785</v>
      </c>
      <c r="C1315">
        <v>10</v>
      </c>
      <c r="D1315" t="s">
        <v>12</v>
      </c>
      <c r="E1315">
        <v>0.6</v>
      </c>
      <c r="F1315">
        <v>1.1299999999999999</v>
      </c>
      <c r="G1315">
        <v>0.61</v>
      </c>
    </row>
    <row r="1316" spans="1:7" x14ac:dyDescent="0.25">
      <c r="A1316" t="s">
        <v>30</v>
      </c>
      <c r="B1316">
        <v>131633</v>
      </c>
      <c r="C1316">
        <v>28</v>
      </c>
      <c r="D1316" t="s">
        <v>12</v>
      </c>
      <c r="E1316">
        <v>0.18</v>
      </c>
      <c r="F1316">
        <v>0.81</v>
      </c>
      <c r="G1316">
        <v>0.61</v>
      </c>
    </row>
    <row r="1317" spans="1:7" x14ac:dyDescent="0.25">
      <c r="A1317" t="s">
        <v>20</v>
      </c>
      <c r="B1317">
        <v>90359</v>
      </c>
      <c r="C1317">
        <v>15</v>
      </c>
      <c r="D1317" t="s">
        <v>8</v>
      </c>
      <c r="E1317">
        <v>0.68</v>
      </c>
      <c r="F1317">
        <v>0.87</v>
      </c>
      <c r="G1317">
        <v>0.59</v>
      </c>
    </row>
    <row r="1318" spans="1:7" x14ac:dyDescent="0.25">
      <c r="A1318" t="s">
        <v>29</v>
      </c>
      <c r="B1318">
        <v>55642</v>
      </c>
      <c r="C1318">
        <v>3</v>
      </c>
      <c r="D1318" t="s">
        <v>24</v>
      </c>
      <c r="E1318">
        <v>0.82</v>
      </c>
      <c r="F1318">
        <v>0.88</v>
      </c>
      <c r="G1318">
        <v>0.23</v>
      </c>
    </row>
    <row r="1319" spans="1:7" x14ac:dyDescent="0.25">
      <c r="A1319" t="s">
        <v>18</v>
      </c>
      <c r="B1319">
        <v>117657</v>
      </c>
      <c r="C1319">
        <v>0</v>
      </c>
      <c r="D1319" t="s">
        <v>8</v>
      </c>
      <c r="E1319">
        <v>0.52</v>
      </c>
      <c r="F1319">
        <v>1.17</v>
      </c>
      <c r="G1319">
        <v>0.32</v>
      </c>
    </row>
    <row r="1320" spans="1:7" x14ac:dyDescent="0.25">
      <c r="A1320" t="s">
        <v>18</v>
      </c>
      <c r="B1320">
        <v>128525</v>
      </c>
      <c r="C1320">
        <v>0</v>
      </c>
      <c r="D1320" t="s">
        <v>12</v>
      </c>
      <c r="E1320">
        <v>0.5</v>
      </c>
      <c r="F1320">
        <v>1.1200000000000001</v>
      </c>
      <c r="G1320">
        <v>0.43</v>
      </c>
    </row>
    <row r="1321" spans="1:7" x14ac:dyDescent="0.25">
      <c r="A1321" t="s">
        <v>16</v>
      </c>
      <c r="B1321">
        <v>41360</v>
      </c>
      <c r="C1321">
        <v>18</v>
      </c>
      <c r="D1321" t="s">
        <v>24</v>
      </c>
      <c r="E1321">
        <v>0.11</v>
      </c>
      <c r="F1321">
        <v>1.0900000000000001</v>
      </c>
      <c r="G1321">
        <v>0.56999999999999995</v>
      </c>
    </row>
    <row r="1322" spans="1:7" x14ac:dyDescent="0.25">
      <c r="A1322" t="s">
        <v>11</v>
      </c>
      <c r="B1322">
        <v>135190</v>
      </c>
      <c r="C1322">
        <v>10</v>
      </c>
      <c r="D1322" t="s">
        <v>8</v>
      </c>
      <c r="E1322">
        <v>0.15</v>
      </c>
      <c r="F1322">
        <v>0.83</v>
      </c>
      <c r="G1322">
        <v>0.73</v>
      </c>
    </row>
    <row r="1323" spans="1:7" x14ac:dyDescent="0.25">
      <c r="A1323" t="s">
        <v>21</v>
      </c>
      <c r="B1323">
        <v>81747</v>
      </c>
      <c r="C1323">
        <v>21</v>
      </c>
      <c r="D1323" t="s">
        <v>12</v>
      </c>
      <c r="E1323">
        <v>0.48</v>
      </c>
      <c r="F1323">
        <v>0.77</v>
      </c>
      <c r="G1323">
        <v>0.45</v>
      </c>
    </row>
    <row r="1324" spans="1:7" x14ac:dyDescent="0.25">
      <c r="A1324" t="s">
        <v>19</v>
      </c>
      <c r="B1324">
        <v>131809</v>
      </c>
      <c r="C1324">
        <v>2</v>
      </c>
      <c r="D1324" t="s">
        <v>12</v>
      </c>
      <c r="E1324">
        <v>0.28000000000000003</v>
      </c>
      <c r="F1324">
        <v>0.64</v>
      </c>
      <c r="G1324">
        <v>0.78</v>
      </c>
    </row>
    <row r="1325" spans="1:7" x14ac:dyDescent="0.25">
      <c r="A1325" t="s">
        <v>25</v>
      </c>
      <c r="B1325">
        <v>145070</v>
      </c>
      <c r="C1325">
        <v>14</v>
      </c>
      <c r="D1325" t="s">
        <v>8</v>
      </c>
      <c r="E1325">
        <v>0.28000000000000003</v>
      </c>
      <c r="F1325">
        <v>0.76</v>
      </c>
      <c r="G1325">
        <v>0.82</v>
      </c>
    </row>
    <row r="1326" spans="1:7" x14ac:dyDescent="0.25">
      <c r="A1326" t="s">
        <v>7</v>
      </c>
      <c r="B1326">
        <v>98688</v>
      </c>
      <c r="C1326">
        <v>8</v>
      </c>
      <c r="D1326" t="s">
        <v>8</v>
      </c>
      <c r="E1326">
        <v>0.8</v>
      </c>
      <c r="F1326">
        <v>0.65</v>
      </c>
      <c r="G1326">
        <v>0.79</v>
      </c>
    </row>
    <row r="1327" spans="1:7" x14ac:dyDescent="0.25">
      <c r="A1327" t="s">
        <v>7</v>
      </c>
      <c r="B1327">
        <v>53545</v>
      </c>
      <c r="C1327">
        <v>7</v>
      </c>
      <c r="D1327" t="s">
        <v>24</v>
      </c>
      <c r="E1327">
        <v>0.03</v>
      </c>
      <c r="F1327">
        <v>0.56999999999999995</v>
      </c>
      <c r="G1327">
        <v>0.8</v>
      </c>
    </row>
    <row r="1328" spans="1:7" x14ac:dyDescent="0.25">
      <c r="A1328" t="s">
        <v>13</v>
      </c>
      <c r="B1328">
        <v>138322</v>
      </c>
      <c r="C1328">
        <v>14</v>
      </c>
      <c r="D1328" t="s">
        <v>10</v>
      </c>
      <c r="E1328">
        <v>0.43</v>
      </c>
      <c r="F1328">
        <v>1.1200000000000001</v>
      </c>
      <c r="G1328">
        <v>0.31</v>
      </c>
    </row>
    <row r="1329" spans="1:7" x14ac:dyDescent="0.25">
      <c r="A1329" t="s">
        <v>30</v>
      </c>
      <c r="B1329">
        <v>37965</v>
      </c>
      <c r="C1329">
        <v>2</v>
      </c>
      <c r="D1329" t="s">
        <v>10</v>
      </c>
      <c r="E1329">
        <v>0.78</v>
      </c>
      <c r="F1329">
        <v>1.36</v>
      </c>
      <c r="G1329">
        <v>0.66</v>
      </c>
    </row>
    <row r="1330" spans="1:7" x14ac:dyDescent="0.25">
      <c r="A1330" t="s">
        <v>16</v>
      </c>
      <c r="B1330">
        <v>52546</v>
      </c>
      <c r="C1330">
        <v>18</v>
      </c>
      <c r="D1330" t="s">
        <v>10</v>
      </c>
      <c r="E1330">
        <v>0.28000000000000003</v>
      </c>
      <c r="F1330">
        <v>1.47</v>
      </c>
      <c r="G1330">
        <v>0.61</v>
      </c>
    </row>
    <row r="1331" spans="1:7" x14ac:dyDescent="0.25">
      <c r="A1331" t="s">
        <v>9</v>
      </c>
      <c r="B1331">
        <v>57774</v>
      </c>
      <c r="C1331">
        <v>12</v>
      </c>
      <c r="D1331" t="s">
        <v>24</v>
      </c>
      <c r="E1331">
        <v>0</v>
      </c>
      <c r="F1331">
        <v>1.05</v>
      </c>
      <c r="G1331">
        <v>0.11</v>
      </c>
    </row>
    <row r="1332" spans="1:7" x14ac:dyDescent="0.25">
      <c r="A1332" t="s">
        <v>29</v>
      </c>
      <c r="B1332">
        <v>113394</v>
      </c>
      <c r="C1332">
        <v>0</v>
      </c>
      <c r="D1332" t="s">
        <v>24</v>
      </c>
      <c r="E1332">
        <v>0.09</v>
      </c>
      <c r="F1332">
        <v>0.56000000000000005</v>
      </c>
      <c r="G1332">
        <v>0.14000000000000001</v>
      </c>
    </row>
    <row r="1333" spans="1:7" x14ac:dyDescent="0.25">
      <c r="A1333" t="s">
        <v>29</v>
      </c>
      <c r="B1333">
        <v>40002</v>
      </c>
      <c r="C1333">
        <v>10</v>
      </c>
      <c r="D1333" t="s">
        <v>10</v>
      </c>
      <c r="E1333">
        <v>0.83</v>
      </c>
      <c r="F1333">
        <v>0.7</v>
      </c>
      <c r="G1333">
        <v>0.09</v>
      </c>
    </row>
    <row r="1334" spans="1:7" x14ac:dyDescent="0.25">
      <c r="A1334" t="s">
        <v>9</v>
      </c>
      <c r="B1334">
        <v>107365</v>
      </c>
      <c r="C1334">
        <v>22</v>
      </c>
      <c r="D1334" t="s">
        <v>10</v>
      </c>
      <c r="E1334">
        <v>0.78</v>
      </c>
      <c r="F1334">
        <v>0.97</v>
      </c>
      <c r="G1334">
        <v>0.24</v>
      </c>
    </row>
    <row r="1335" spans="1:7" x14ac:dyDescent="0.25">
      <c r="A1335" t="s">
        <v>25</v>
      </c>
      <c r="B1335">
        <v>44833</v>
      </c>
      <c r="C1335">
        <v>18</v>
      </c>
      <c r="D1335" t="s">
        <v>24</v>
      </c>
      <c r="E1335">
        <v>0.61</v>
      </c>
      <c r="F1335">
        <v>0.6</v>
      </c>
      <c r="G1335">
        <v>0.91</v>
      </c>
    </row>
    <row r="1336" spans="1:7" x14ac:dyDescent="0.25">
      <c r="A1336" t="s">
        <v>20</v>
      </c>
      <c r="B1336">
        <v>52844</v>
      </c>
      <c r="C1336">
        <v>24</v>
      </c>
      <c r="D1336" t="s">
        <v>8</v>
      </c>
      <c r="E1336">
        <v>0.71</v>
      </c>
      <c r="F1336">
        <v>0.54</v>
      </c>
      <c r="G1336">
        <v>0.38</v>
      </c>
    </row>
    <row r="1337" spans="1:7" x14ac:dyDescent="0.25">
      <c r="A1337" t="s">
        <v>18</v>
      </c>
      <c r="B1337">
        <v>95265</v>
      </c>
      <c r="C1337">
        <v>6</v>
      </c>
      <c r="D1337" t="s">
        <v>12</v>
      </c>
      <c r="E1337">
        <v>0.16</v>
      </c>
      <c r="F1337">
        <v>0.83</v>
      </c>
      <c r="G1337">
        <v>0.31</v>
      </c>
    </row>
    <row r="1338" spans="1:7" x14ac:dyDescent="0.25">
      <c r="A1338" t="s">
        <v>22</v>
      </c>
      <c r="B1338">
        <v>35725</v>
      </c>
      <c r="C1338">
        <v>9</v>
      </c>
      <c r="D1338" t="s">
        <v>8</v>
      </c>
      <c r="E1338">
        <v>0.47</v>
      </c>
      <c r="F1338">
        <v>0.63</v>
      </c>
      <c r="G1338">
        <v>0.33</v>
      </c>
    </row>
    <row r="1339" spans="1:7" x14ac:dyDescent="0.25">
      <c r="A1339" t="s">
        <v>7</v>
      </c>
      <c r="B1339">
        <v>33573</v>
      </c>
      <c r="C1339">
        <v>21</v>
      </c>
      <c r="D1339" t="s">
        <v>24</v>
      </c>
      <c r="E1339">
        <v>0.21</v>
      </c>
      <c r="F1339">
        <v>0.54</v>
      </c>
      <c r="G1339">
        <v>0.82</v>
      </c>
    </row>
    <row r="1340" spans="1:7" x14ac:dyDescent="0.25">
      <c r="A1340" t="s">
        <v>25</v>
      </c>
      <c r="B1340">
        <v>65744</v>
      </c>
      <c r="C1340">
        <v>19</v>
      </c>
      <c r="D1340" t="s">
        <v>24</v>
      </c>
      <c r="E1340">
        <v>0.9</v>
      </c>
      <c r="F1340">
        <v>1.18</v>
      </c>
      <c r="G1340">
        <v>0.85</v>
      </c>
    </row>
    <row r="1341" spans="1:7" x14ac:dyDescent="0.25">
      <c r="A1341" t="s">
        <v>25</v>
      </c>
      <c r="B1341">
        <v>58672</v>
      </c>
      <c r="C1341">
        <v>12</v>
      </c>
      <c r="D1341" t="s">
        <v>24</v>
      </c>
      <c r="E1341">
        <v>0.4</v>
      </c>
      <c r="F1341">
        <v>1.45</v>
      </c>
      <c r="G1341">
        <v>0.76</v>
      </c>
    </row>
    <row r="1342" spans="1:7" x14ac:dyDescent="0.25">
      <c r="A1342" t="s">
        <v>13</v>
      </c>
      <c r="B1342">
        <v>107831</v>
      </c>
      <c r="C1342">
        <v>23</v>
      </c>
      <c r="D1342" t="s">
        <v>8</v>
      </c>
      <c r="E1342">
        <v>0.06</v>
      </c>
      <c r="F1342">
        <v>0.64</v>
      </c>
      <c r="G1342">
        <v>0.48</v>
      </c>
    </row>
    <row r="1343" spans="1:7" x14ac:dyDescent="0.25">
      <c r="A1343" t="s">
        <v>17</v>
      </c>
      <c r="B1343">
        <v>69215</v>
      </c>
      <c r="C1343">
        <v>7</v>
      </c>
      <c r="D1343" t="s">
        <v>8</v>
      </c>
      <c r="E1343">
        <v>0.19</v>
      </c>
      <c r="F1343">
        <v>0.74</v>
      </c>
      <c r="G1343">
        <v>0.25</v>
      </c>
    </row>
    <row r="1344" spans="1:7" x14ac:dyDescent="0.25">
      <c r="A1344" t="s">
        <v>9</v>
      </c>
      <c r="B1344">
        <v>88769</v>
      </c>
      <c r="C1344">
        <v>5</v>
      </c>
      <c r="D1344" t="s">
        <v>8</v>
      </c>
      <c r="E1344">
        <v>0.08</v>
      </c>
      <c r="F1344">
        <v>0.51</v>
      </c>
      <c r="G1344">
        <v>0.15</v>
      </c>
    </row>
    <row r="1345" spans="1:7" x14ac:dyDescent="0.25">
      <c r="A1345" t="s">
        <v>29</v>
      </c>
      <c r="B1345">
        <v>48408</v>
      </c>
      <c r="C1345">
        <v>9</v>
      </c>
      <c r="D1345" t="s">
        <v>12</v>
      </c>
      <c r="E1345">
        <v>0.54</v>
      </c>
      <c r="F1345">
        <v>0.8</v>
      </c>
      <c r="G1345">
        <v>0.22</v>
      </c>
    </row>
    <row r="1346" spans="1:7" x14ac:dyDescent="0.25">
      <c r="A1346" t="s">
        <v>18</v>
      </c>
      <c r="B1346">
        <v>34286</v>
      </c>
      <c r="C1346">
        <v>3</v>
      </c>
      <c r="D1346" t="s">
        <v>10</v>
      </c>
      <c r="E1346">
        <v>0.82</v>
      </c>
      <c r="F1346">
        <v>0.75</v>
      </c>
      <c r="G1346">
        <v>0.47</v>
      </c>
    </row>
    <row r="1347" spans="1:7" x14ac:dyDescent="0.25">
      <c r="A1347" t="s">
        <v>19</v>
      </c>
      <c r="B1347">
        <v>86153</v>
      </c>
      <c r="C1347">
        <v>11</v>
      </c>
      <c r="D1347" t="s">
        <v>8</v>
      </c>
      <c r="E1347">
        <v>0.56999999999999995</v>
      </c>
      <c r="F1347">
        <v>1.24</v>
      </c>
      <c r="G1347">
        <v>0.84</v>
      </c>
    </row>
    <row r="1348" spans="1:7" x14ac:dyDescent="0.25">
      <c r="A1348" t="s">
        <v>26</v>
      </c>
      <c r="B1348">
        <v>102944</v>
      </c>
      <c r="C1348">
        <v>6</v>
      </c>
      <c r="D1348" t="s">
        <v>12</v>
      </c>
      <c r="E1348">
        <v>0.9</v>
      </c>
      <c r="F1348">
        <v>1.26</v>
      </c>
      <c r="G1348">
        <v>0.26</v>
      </c>
    </row>
    <row r="1349" spans="1:7" x14ac:dyDescent="0.25">
      <c r="A1349" t="s">
        <v>26</v>
      </c>
      <c r="B1349">
        <v>92845</v>
      </c>
      <c r="C1349">
        <v>22</v>
      </c>
      <c r="D1349" t="s">
        <v>12</v>
      </c>
      <c r="E1349">
        <v>0.24</v>
      </c>
      <c r="F1349">
        <v>0.96</v>
      </c>
      <c r="G1349">
        <v>0.1</v>
      </c>
    </row>
    <row r="1350" spans="1:7" x14ac:dyDescent="0.25">
      <c r="A1350" t="s">
        <v>26</v>
      </c>
      <c r="B1350">
        <v>145429</v>
      </c>
      <c r="C1350">
        <v>14</v>
      </c>
      <c r="D1350" t="s">
        <v>24</v>
      </c>
      <c r="E1350">
        <v>0.17</v>
      </c>
      <c r="F1350">
        <v>0.52</v>
      </c>
      <c r="G1350">
        <v>0.1</v>
      </c>
    </row>
    <row r="1351" spans="1:7" x14ac:dyDescent="0.25">
      <c r="A1351" t="s">
        <v>17</v>
      </c>
      <c r="B1351">
        <v>144621</v>
      </c>
      <c r="C1351">
        <v>5</v>
      </c>
      <c r="D1351" t="s">
        <v>12</v>
      </c>
      <c r="E1351">
        <v>0</v>
      </c>
      <c r="F1351">
        <v>1.37</v>
      </c>
      <c r="G1351">
        <v>0.26</v>
      </c>
    </row>
    <row r="1352" spans="1:7" x14ac:dyDescent="0.25">
      <c r="A1352" t="s">
        <v>11</v>
      </c>
      <c r="B1352">
        <v>110174</v>
      </c>
      <c r="C1352">
        <v>4</v>
      </c>
      <c r="D1352" t="s">
        <v>24</v>
      </c>
      <c r="E1352">
        <v>0.53</v>
      </c>
      <c r="F1352">
        <v>1.35</v>
      </c>
      <c r="G1352">
        <v>0.71</v>
      </c>
    </row>
    <row r="1353" spans="1:7" x14ac:dyDescent="0.25">
      <c r="A1353" t="s">
        <v>18</v>
      </c>
      <c r="B1353">
        <v>95951</v>
      </c>
      <c r="C1353">
        <v>3</v>
      </c>
      <c r="D1353" t="s">
        <v>12</v>
      </c>
      <c r="E1353">
        <v>0.68</v>
      </c>
      <c r="F1353">
        <v>0.64</v>
      </c>
      <c r="G1353">
        <v>0.36</v>
      </c>
    </row>
    <row r="1354" spans="1:7" x14ac:dyDescent="0.25">
      <c r="A1354" t="s">
        <v>14</v>
      </c>
      <c r="B1354">
        <v>132255</v>
      </c>
      <c r="C1354">
        <v>20</v>
      </c>
      <c r="D1354" t="s">
        <v>24</v>
      </c>
      <c r="E1354">
        <v>0.92</v>
      </c>
      <c r="F1354">
        <v>0.61</v>
      </c>
      <c r="G1354">
        <v>0.38</v>
      </c>
    </row>
    <row r="1355" spans="1:7" x14ac:dyDescent="0.25">
      <c r="A1355" t="s">
        <v>17</v>
      </c>
      <c r="B1355">
        <v>77052</v>
      </c>
      <c r="C1355">
        <v>22</v>
      </c>
      <c r="D1355" t="s">
        <v>12</v>
      </c>
      <c r="E1355">
        <v>0.05</v>
      </c>
      <c r="F1355">
        <v>1.24</v>
      </c>
      <c r="G1355">
        <v>0.14000000000000001</v>
      </c>
    </row>
    <row r="1356" spans="1:7" x14ac:dyDescent="0.25">
      <c r="A1356" t="s">
        <v>27</v>
      </c>
      <c r="B1356">
        <v>98324</v>
      </c>
      <c r="C1356">
        <v>21</v>
      </c>
      <c r="D1356" t="s">
        <v>10</v>
      </c>
      <c r="E1356">
        <v>0.01</v>
      </c>
      <c r="F1356">
        <v>1.24</v>
      </c>
      <c r="G1356">
        <v>0.77</v>
      </c>
    </row>
    <row r="1357" spans="1:7" x14ac:dyDescent="0.25">
      <c r="A1357" t="s">
        <v>13</v>
      </c>
      <c r="B1357">
        <v>127204</v>
      </c>
      <c r="C1357">
        <v>15</v>
      </c>
      <c r="D1357" t="s">
        <v>24</v>
      </c>
      <c r="E1357">
        <v>0.03</v>
      </c>
      <c r="F1357">
        <v>1.47</v>
      </c>
      <c r="G1357">
        <v>0.56000000000000005</v>
      </c>
    </row>
    <row r="1358" spans="1:7" x14ac:dyDescent="0.25">
      <c r="A1358" t="s">
        <v>22</v>
      </c>
      <c r="B1358">
        <v>106489</v>
      </c>
      <c r="C1358">
        <v>11</v>
      </c>
      <c r="D1358" t="s">
        <v>12</v>
      </c>
      <c r="E1358">
        <v>0.44</v>
      </c>
      <c r="F1358">
        <v>1.22</v>
      </c>
      <c r="G1358">
        <v>0.56000000000000005</v>
      </c>
    </row>
    <row r="1359" spans="1:7" x14ac:dyDescent="0.25">
      <c r="A1359" t="s">
        <v>28</v>
      </c>
      <c r="B1359">
        <v>138906</v>
      </c>
      <c r="C1359">
        <v>2</v>
      </c>
      <c r="D1359" t="s">
        <v>10</v>
      </c>
      <c r="E1359">
        <v>0.9</v>
      </c>
      <c r="F1359">
        <v>0.7</v>
      </c>
      <c r="G1359">
        <v>0.42</v>
      </c>
    </row>
    <row r="1360" spans="1:7" x14ac:dyDescent="0.25">
      <c r="A1360" t="s">
        <v>19</v>
      </c>
      <c r="B1360">
        <v>105477</v>
      </c>
      <c r="C1360">
        <v>19</v>
      </c>
      <c r="D1360" t="s">
        <v>24</v>
      </c>
      <c r="E1360">
        <v>0.97</v>
      </c>
      <c r="F1360">
        <v>0.93</v>
      </c>
      <c r="G1360">
        <v>0.76</v>
      </c>
    </row>
    <row r="1361" spans="1:7" x14ac:dyDescent="0.25">
      <c r="A1361" t="s">
        <v>23</v>
      </c>
      <c r="B1361">
        <v>128103</v>
      </c>
      <c r="C1361">
        <v>21</v>
      </c>
      <c r="D1361" t="s">
        <v>24</v>
      </c>
      <c r="E1361">
        <v>0.08</v>
      </c>
      <c r="F1361">
        <v>1.29</v>
      </c>
      <c r="G1361">
        <v>0.63</v>
      </c>
    </row>
    <row r="1362" spans="1:7" x14ac:dyDescent="0.25">
      <c r="A1362" t="s">
        <v>21</v>
      </c>
      <c r="B1362">
        <v>58401</v>
      </c>
      <c r="C1362">
        <v>4</v>
      </c>
      <c r="D1362" t="s">
        <v>12</v>
      </c>
      <c r="E1362">
        <v>0.94</v>
      </c>
      <c r="F1362">
        <v>1.02</v>
      </c>
      <c r="G1362">
        <v>0.51</v>
      </c>
    </row>
    <row r="1363" spans="1:7" x14ac:dyDescent="0.25">
      <c r="A1363" t="s">
        <v>7</v>
      </c>
      <c r="B1363">
        <v>109870</v>
      </c>
      <c r="C1363">
        <v>14</v>
      </c>
      <c r="D1363" t="s">
        <v>8</v>
      </c>
      <c r="E1363">
        <v>0.55000000000000004</v>
      </c>
      <c r="F1363">
        <v>1.1100000000000001</v>
      </c>
      <c r="G1363">
        <v>0.88</v>
      </c>
    </row>
    <row r="1364" spans="1:7" x14ac:dyDescent="0.25">
      <c r="A1364" t="s">
        <v>15</v>
      </c>
      <c r="B1364">
        <v>93560</v>
      </c>
      <c r="C1364">
        <v>21</v>
      </c>
      <c r="D1364" t="s">
        <v>10</v>
      </c>
      <c r="E1364">
        <v>0.6</v>
      </c>
      <c r="F1364">
        <v>0.72</v>
      </c>
      <c r="G1364">
        <v>0.13</v>
      </c>
    </row>
    <row r="1365" spans="1:7" x14ac:dyDescent="0.25">
      <c r="A1365" t="s">
        <v>17</v>
      </c>
      <c r="B1365">
        <v>143114</v>
      </c>
      <c r="C1365">
        <v>15</v>
      </c>
      <c r="D1365" t="s">
        <v>12</v>
      </c>
      <c r="E1365">
        <v>0.46</v>
      </c>
      <c r="F1365">
        <v>1.19</v>
      </c>
      <c r="G1365">
        <v>0.16</v>
      </c>
    </row>
    <row r="1366" spans="1:7" x14ac:dyDescent="0.25">
      <c r="A1366" t="s">
        <v>18</v>
      </c>
      <c r="B1366">
        <v>128960</v>
      </c>
      <c r="C1366">
        <v>7</v>
      </c>
      <c r="D1366" t="s">
        <v>8</v>
      </c>
      <c r="E1366">
        <v>0.52</v>
      </c>
      <c r="F1366">
        <v>1.06</v>
      </c>
      <c r="G1366">
        <v>0.59</v>
      </c>
    </row>
    <row r="1367" spans="1:7" x14ac:dyDescent="0.25">
      <c r="A1367" t="s">
        <v>28</v>
      </c>
      <c r="B1367">
        <v>30125</v>
      </c>
      <c r="C1367">
        <v>14</v>
      </c>
      <c r="D1367" t="s">
        <v>10</v>
      </c>
      <c r="E1367">
        <v>0.8</v>
      </c>
      <c r="F1367">
        <v>1.27</v>
      </c>
      <c r="G1367">
        <v>0.31</v>
      </c>
    </row>
    <row r="1368" spans="1:7" x14ac:dyDescent="0.25">
      <c r="A1368" t="s">
        <v>13</v>
      </c>
      <c r="B1368">
        <v>121703</v>
      </c>
      <c r="C1368">
        <v>15</v>
      </c>
      <c r="D1368" t="s">
        <v>8</v>
      </c>
      <c r="E1368">
        <v>0.9</v>
      </c>
      <c r="F1368">
        <v>0.95</v>
      </c>
      <c r="G1368">
        <v>0.46</v>
      </c>
    </row>
    <row r="1369" spans="1:7" x14ac:dyDescent="0.25">
      <c r="A1369" t="s">
        <v>28</v>
      </c>
      <c r="B1369">
        <v>40736</v>
      </c>
      <c r="C1369">
        <v>25</v>
      </c>
      <c r="D1369" t="s">
        <v>24</v>
      </c>
      <c r="E1369">
        <v>0.87</v>
      </c>
      <c r="F1369">
        <v>1.45</v>
      </c>
      <c r="G1369">
        <v>0.31</v>
      </c>
    </row>
    <row r="1370" spans="1:7" x14ac:dyDescent="0.25">
      <c r="A1370" t="s">
        <v>21</v>
      </c>
      <c r="B1370">
        <v>131709</v>
      </c>
      <c r="C1370">
        <v>25</v>
      </c>
      <c r="D1370" t="s">
        <v>12</v>
      </c>
      <c r="E1370">
        <v>0.66</v>
      </c>
      <c r="F1370">
        <v>1.01</v>
      </c>
      <c r="G1370">
        <v>0.59</v>
      </c>
    </row>
    <row r="1371" spans="1:7" x14ac:dyDescent="0.25">
      <c r="A1371" t="s">
        <v>22</v>
      </c>
      <c r="B1371">
        <v>48050</v>
      </c>
      <c r="C1371">
        <v>29</v>
      </c>
      <c r="D1371" t="s">
        <v>24</v>
      </c>
      <c r="E1371">
        <v>0.68</v>
      </c>
      <c r="F1371">
        <v>1.05</v>
      </c>
      <c r="G1371">
        <v>0.56999999999999995</v>
      </c>
    </row>
    <row r="1372" spans="1:7" x14ac:dyDescent="0.25">
      <c r="A1372" t="s">
        <v>26</v>
      </c>
      <c r="B1372">
        <v>38338</v>
      </c>
      <c r="C1372">
        <v>20</v>
      </c>
      <c r="D1372" t="s">
        <v>10</v>
      </c>
      <c r="E1372">
        <v>0.83</v>
      </c>
      <c r="F1372">
        <v>0.92</v>
      </c>
      <c r="G1372">
        <v>0.16</v>
      </c>
    </row>
    <row r="1373" spans="1:7" x14ac:dyDescent="0.25">
      <c r="A1373" t="s">
        <v>18</v>
      </c>
      <c r="B1373">
        <v>80382</v>
      </c>
      <c r="C1373">
        <v>22</v>
      </c>
      <c r="D1373" t="s">
        <v>12</v>
      </c>
      <c r="E1373">
        <v>0.87</v>
      </c>
      <c r="F1373">
        <v>1.23</v>
      </c>
      <c r="G1373">
        <v>0.6</v>
      </c>
    </row>
    <row r="1374" spans="1:7" x14ac:dyDescent="0.25">
      <c r="A1374" t="s">
        <v>22</v>
      </c>
      <c r="B1374">
        <v>147511</v>
      </c>
      <c r="C1374">
        <v>0</v>
      </c>
      <c r="D1374" t="s">
        <v>12</v>
      </c>
      <c r="E1374">
        <v>1</v>
      </c>
      <c r="F1374">
        <v>0.76</v>
      </c>
      <c r="G1374">
        <v>0.59</v>
      </c>
    </row>
    <row r="1375" spans="1:7" x14ac:dyDescent="0.25">
      <c r="A1375" t="s">
        <v>13</v>
      </c>
      <c r="B1375">
        <v>46791</v>
      </c>
      <c r="C1375">
        <v>4</v>
      </c>
      <c r="D1375" t="s">
        <v>24</v>
      </c>
      <c r="E1375">
        <v>0.01</v>
      </c>
      <c r="F1375">
        <v>1.49</v>
      </c>
      <c r="G1375">
        <v>0.69</v>
      </c>
    </row>
    <row r="1376" spans="1:7" x14ac:dyDescent="0.25">
      <c r="A1376" t="s">
        <v>20</v>
      </c>
      <c r="B1376">
        <v>114300</v>
      </c>
      <c r="C1376">
        <v>16</v>
      </c>
      <c r="D1376" t="s">
        <v>8</v>
      </c>
      <c r="E1376">
        <v>0.09</v>
      </c>
      <c r="F1376">
        <v>1.36</v>
      </c>
      <c r="G1376">
        <v>0.54</v>
      </c>
    </row>
    <row r="1377" spans="1:7" x14ac:dyDescent="0.25">
      <c r="A1377" t="s">
        <v>7</v>
      </c>
      <c r="B1377">
        <v>105165</v>
      </c>
      <c r="C1377">
        <v>6</v>
      </c>
      <c r="D1377" t="s">
        <v>24</v>
      </c>
      <c r="E1377">
        <v>0.41</v>
      </c>
      <c r="F1377">
        <v>0.66</v>
      </c>
      <c r="G1377">
        <v>0.83</v>
      </c>
    </row>
    <row r="1378" spans="1:7" x14ac:dyDescent="0.25">
      <c r="A1378" t="s">
        <v>19</v>
      </c>
      <c r="B1378">
        <v>68180</v>
      </c>
      <c r="C1378">
        <v>29</v>
      </c>
      <c r="D1378" t="s">
        <v>12</v>
      </c>
      <c r="E1378">
        <v>0.17</v>
      </c>
      <c r="F1378">
        <v>0.56000000000000005</v>
      </c>
      <c r="G1378">
        <v>0.77</v>
      </c>
    </row>
    <row r="1379" spans="1:7" x14ac:dyDescent="0.25">
      <c r="A1379" t="s">
        <v>29</v>
      </c>
      <c r="B1379">
        <v>72019</v>
      </c>
      <c r="C1379">
        <v>16</v>
      </c>
      <c r="D1379" t="s">
        <v>24</v>
      </c>
      <c r="E1379">
        <v>0.72</v>
      </c>
      <c r="F1379">
        <v>1.21</v>
      </c>
      <c r="G1379">
        <v>0.18</v>
      </c>
    </row>
    <row r="1380" spans="1:7" x14ac:dyDescent="0.25">
      <c r="A1380" t="s">
        <v>21</v>
      </c>
      <c r="B1380">
        <v>117464</v>
      </c>
      <c r="C1380">
        <v>9</v>
      </c>
      <c r="D1380" t="s">
        <v>12</v>
      </c>
      <c r="E1380">
        <v>0.51</v>
      </c>
      <c r="F1380">
        <v>0.92</v>
      </c>
      <c r="G1380">
        <v>0.48</v>
      </c>
    </row>
    <row r="1381" spans="1:7" x14ac:dyDescent="0.25">
      <c r="A1381" t="s">
        <v>11</v>
      </c>
      <c r="B1381">
        <v>100278</v>
      </c>
      <c r="C1381">
        <v>28</v>
      </c>
      <c r="D1381" t="s">
        <v>8</v>
      </c>
      <c r="E1381">
        <v>0.5</v>
      </c>
      <c r="F1381">
        <v>1.07</v>
      </c>
      <c r="G1381">
        <v>0.88</v>
      </c>
    </row>
    <row r="1382" spans="1:7" x14ac:dyDescent="0.25">
      <c r="A1382" t="s">
        <v>20</v>
      </c>
      <c r="B1382">
        <v>105073</v>
      </c>
      <c r="C1382">
        <v>1</v>
      </c>
      <c r="D1382" t="s">
        <v>8</v>
      </c>
      <c r="E1382">
        <v>0.28000000000000003</v>
      </c>
      <c r="F1382">
        <v>1.4</v>
      </c>
      <c r="G1382">
        <v>0.37</v>
      </c>
    </row>
    <row r="1383" spans="1:7" x14ac:dyDescent="0.25">
      <c r="A1383" t="s">
        <v>20</v>
      </c>
      <c r="B1383">
        <v>35922</v>
      </c>
      <c r="C1383">
        <v>23</v>
      </c>
      <c r="D1383" t="s">
        <v>24</v>
      </c>
      <c r="E1383">
        <v>1</v>
      </c>
      <c r="F1383">
        <v>1.45</v>
      </c>
      <c r="G1383">
        <v>0.54</v>
      </c>
    </row>
    <row r="1384" spans="1:7" x14ac:dyDescent="0.25">
      <c r="A1384" t="s">
        <v>14</v>
      </c>
      <c r="B1384">
        <v>99915</v>
      </c>
      <c r="C1384">
        <v>13</v>
      </c>
      <c r="D1384" t="s">
        <v>12</v>
      </c>
      <c r="E1384">
        <v>0.19</v>
      </c>
      <c r="F1384">
        <v>0.72</v>
      </c>
      <c r="G1384">
        <v>0.62</v>
      </c>
    </row>
    <row r="1385" spans="1:7" x14ac:dyDescent="0.25">
      <c r="A1385" t="s">
        <v>20</v>
      </c>
      <c r="B1385">
        <v>143868</v>
      </c>
      <c r="C1385">
        <v>27</v>
      </c>
      <c r="D1385" t="s">
        <v>8</v>
      </c>
      <c r="E1385">
        <v>0.06</v>
      </c>
      <c r="F1385">
        <v>1.23</v>
      </c>
      <c r="G1385">
        <v>0.43</v>
      </c>
    </row>
    <row r="1386" spans="1:7" x14ac:dyDescent="0.25">
      <c r="A1386" t="s">
        <v>16</v>
      </c>
      <c r="B1386">
        <v>30318</v>
      </c>
      <c r="C1386">
        <v>10</v>
      </c>
      <c r="D1386" t="s">
        <v>24</v>
      </c>
      <c r="E1386">
        <v>0.03</v>
      </c>
      <c r="F1386">
        <v>0.95</v>
      </c>
      <c r="G1386">
        <v>0.52</v>
      </c>
    </row>
    <row r="1387" spans="1:7" x14ac:dyDescent="0.25">
      <c r="A1387" t="s">
        <v>21</v>
      </c>
      <c r="B1387">
        <v>144148</v>
      </c>
      <c r="C1387">
        <v>19</v>
      </c>
      <c r="D1387" t="s">
        <v>10</v>
      </c>
      <c r="E1387">
        <v>0.59</v>
      </c>
      <c r="F1387">
        <v>0.64</v>
      </c>
      <c r="G1387">
        <v>0.56000000000000005</v>
      </c>
    </row>
    <row r="1388" spans="1:7" x14ac:dyDescent="0.25">
      <c r="A1388" t="s">
        <v>14</v>
      </c>
      <c r="B1388">
        <v>68790</v>
      </c>
      <c r="C1388">
        <v>3</v>
      </c>
      <c r="D1388" t="s">
        <v>10</v>
      </c>
      <c r="E1388">
        <v>0.65</v>
      </c>
      <c r="F1388">
        <v>0.87</v>
      </c>
      <c r="G1388">
        <v>0.43</v>
      </c>
    </row>
    <row r="1389" spans="1:7" x14ac:dyDescent="0.25">
      <c r="A1389" t="s">
        <v>14</v>
      </c>
      <c r="B1389">
        <v>102353</v>
      </c>
      <c r="C1389">
        <v>6</v>
      </c>
      <c r="D1389" t="s">
        <v>24</v>
      </c>
      <c r="E1389">
        <v>0.01</v>
      </c>
      <c r="F1389">
        <v>1.1299999999999999</v>
      </c>
      <c r="G1389">
        <v>0.55000000000000004</v>
      </c>
    </row>
    <row r="1390" spans="1:7" x14ac:dyDescent="0.25">
      <c r="A1390" t="s">
        <v>19</v>
      </c>
      <c r="B1390">
        <v>50810</v>
      </c>
      <c r="C1390">
        <v>16</v>
      </c>
      <c r="D1390" t="s">
        <v>12</v>
      </c>
      <c r="E1390">
        <v>0.77</v>
      </c>
      <c r="F1390">
        <v>1.46</v>
      </c>
      <c r="G1390">
        <v>0.71</v>
      </c>
    </row>
    <row r="1391" spans="1:7" x14ac:dyDescent="0.25">
      <c r="A1391" t="s">
        <v>9</v>
      </c>
      <c r="B1391">
        <v>83565</v>
      </c>
      <c r="C1391">
        <v>2</v>
      </c>
      <c r="D1391" t="s">
        <v>12</v>
      </c>
      <c r="E1391">
        <v>0</v>
      </c>
      <c r="F1391">
        <v>0.61</v>
      </c>
      <c r="G1391">
        <v>0.14000000000000001</v>
      </c>
    </row>
    <row r="1392" spans="1:7" x14ac:dyDescent="0.25">
      <c r="A1392" t="s">
        <v>9</v>
      </c>
      <c r="B1392">
        <v>74555</v>
      </c>
      <c r="C1392">
        <v>2</v>
      </c>
      <c r="D1392" t="s">
        <v>24</v>
      </c>
      <c r="E1392">
        <v>0.66</v>
      </c>
      <c r="F1392">
        <v>1.48</v>
      </c>
      <c r="G1392">
        <v>0.28999999999999998</v>
      </c>
    </row>
    <row r="1393" spans="1:7" x14ac:dyDescent="0.25">
      <c r="A1393" t="s">
        <v>25</v>
      </c>
      <c r="B1393">
        <v>110196</v>
      </c>
      <c r="C1393">
        <v>17</v>
      </c>
      <c r="D1393" t="s">
        <v>8</v>
      </c>
      <c r="E1393">
        <v>0.98</v>
      </c>
      <c r="F1393">
        <v>1.35</v>
      </c>
      <c r="G1393">
        <v>0.81</v>
      </c>
    </row>
    <row r="1394" spans="1:7" x14ac:dyDescent="0.25">
      <c r="A1394" t="s">
        <v>30</v>
      </c>
      <c r="B1394">
        <v>133501</v>
      </c>
      <c r="C1394">
        <v>10</v>
      </c>
      <c r="D1394" t="s">
        <v>24</v>
      </c>
      <c r="E1394">
        <v>0.19</v>
      </c>
      <c r="F1394">
        <v>1.22</v>
      </c>
      <c r="G1394">
        <v>0.43</v>
      </c>
    </row>
    <row r="1395" spans="1:7" x14ac:dyDescent="0.25">
      <c r="A1395" t="s">
        <v>18</v>
      </c>
      <c r="B1395">
        <v>60639</v>
      </c>
      <c r="C1395">
        <v>10</v>
      </c>
      <c r="D1395" t="s">
        <v>24</v>
      </c>
      <c r="E1395">
        <v>0.2</v>
      </c>
      <c r="F1395">
        <v>0.56000000000000005</v>
      </c>
      <c r="G1395">
        <v>0.52</v>
      </c>
    </row>
    <row r="1396" spans="1:7" x14ac:dyDescent="0.25">
      <c r="A1396" t="s">
        <v>25</v>
      </c>
      <c r="B1396">
        <v>94414</v>
      </c>
      <c r="C1396">
        <v>21</v>
      </c>
      <c r="D1396" t="s">
        <v>10</v>
      </c>
      <c r="E1396">
        <v>0.75</v>
      </c>
      <c r="F1396">
        <v>0.67</v>
      </c>
      <c r="G1396">
        <v>0.85</v>
      </c>
    </row>
    <row r="1397" spans="1:7" x14ac:dyDescent="0.25">
      <c r="A1397" t="s">
        <v>17</v>
      </c>
      <c r="B1397">
        <v>97963</v>
      </c>
      <c r="C1397">
        <v>25</v>
      </c>
      <c r="D1397" t="s">
        <v>24</v>
      </c>
      <c r="E1397">
        <v>0.69</v>
      </c>
      <c r="F1397">
        <v>1.1499999999999999</v>
      </c>
      <c r="G1397">
        <v>0.15</v>
      </c>
    </row>
    <row r="1398" spans="1:7" x14ac:dyDescent="0.25">
      <c r="A1398" t="s">
        <v>9</v>
      </c>
      <c r="B1398">
        <v>137020</v>
      </c>
      <c r="C1398">
        <v>23</v>
      </c>
      <c r="D1398" t="s">
        <v>10</v>
      </c>
      <c r="E1398">
        <v>0.53</v>
      </c>
      <c r="F1398">
        <v>0.98</v>
      </c>
      <c r="G1398">
        <v>0.22</v>
      </c>
    </row>
    <row r="1399" spans="1:7" x14ac:dyDescent="0.25">
      <c r="A1399" t="s">
        <v>27</v>
      </c>
      <c r="B1399">
        <v>71941</v>
      </c>
      <c r="C1399">
        <v>22</v>
      </c>
      <c r="D1399" t="s">
        <v>12</v>
      </c>
      <c r="E1399">
        <v>0.45</v>
      </c>
      <c r="F1399">
        <v>1.36</v>
      </c>
      <c r="G1399">
        <v>0.92</v>
      </c>
    </row>
    <row r="1400" spans="1:7" x14ac:dyDescent="0.25">
      <c r="A1400" t="s">
        <v>25</v>
      </c>
      <c r="B1400">
        <v>54269</v>
      </c>
      <c r="C1400">
        <v>1</v>
      </c>
      <c r="D1400" t="s">
        <v>10</v>
      </c>
      <c r="E1400">
        <v>0.87</v>
      </c>
      <c r="F1400">
        <v>1.17</v>
      </c>
      <c r="G1400">
        <v>0.87</v>
      </c>
    </row>
    <row r="1401" spans="1:7" x14ac:dyDescent="0.25">
      <c r="A1401" t="s">
        <v>7</v>
      </c>
      <c r="B1401">
        <v>122816</v>
      </c>
      <c r="C1401">
        <v>15</v>
      </c>
      <c r="D1401" t="s">
        <v>8</v>
      </c>
      <c r="E1401">
        <v>0.1</v>
      </c>
      <c r="F1401">
        <v>1</v>
      </c>
      <c r="G1401">
        <v>0.81</v>
      </c>
    </row>
    <row r="1402" spans="1:7" x14ac:dyDescent="0.25">
      <c r="A1402" t="s">
        <v>22</v>
      </c>
      <c r="B1402">
        <v>97500</v>
      </c>
      <c r="C1402">
        <v>23</v>
      </c>
      <c r="D1402" t="s">
        <v>8</v>
      </c>
      <c r="E1402">
        <v>0.26</v>
      </c>
      <c r="F1402">
        <v>1.1000000000000001</v>
      </c>
      <c r="G1402">
        <v>0.56999999999999995</v>
      </c>
    </row>
    <row r="1403" spans="1:7" x14ac:dyDescent="0.25">
      <c r="A1403" t="s">
        <v>21</v>
      </c>
      <c r="B1403">
        <v>129626</v>
      </c>
      <c r="C1403">
        <v>11</v>
      </c>
      <c r="D1403" t="s">
        <v>24</v>
      </c>
      <c r="E1403">
        <v>0.47</v>
      </c>
      <c r="F1403">
        <v>0.5</v>
      </c>
      <c r="G1403">
        <v>0.46</v>
      </c>
    </row>
    <row r="1404" spans="1:7" x14ac:dyDescent="0.25">
      <c r="A1404" t="s">
        <v>14</v>
      </c>
      <c r="B1404">
        <v>95107</v>
      </c>
      <c r="C1404">
        <v>9</v>
      </c>
      <c r="D1404" t="s">
        <v>24</v>
      </c>
      <c r="E1404">
        <v>0.13</v>
      </c>
      <c r="F1404">
        <v>0.55000000000000004</v>
      </c>
      <c r="G1404">
        <v>0.61</v>
      </c>
    </row>
    <row r="1405" spans="1:7" x14ac:dyDescent="0.25">
      <c r="A1405" t="s">
        <v>7</v>
      </c>
      <c r="B1405">
        <v>49638</v>
      </c>
      <c r="C1405">
        <v>16</v>
      </c>
      <c r="D1405" t="s">
        <v>12</v>
      </c>
      <c r="E1405">
        <v>0.41</v>
      </c>
      <c r="F1405">
        <v>0.87</v>
      </c>
      <c r="G1405">
        <v>0.83</v>
      </c>
    </row>
    <row r="1406" spans="1:7" x14ac:dyDescent="0.25">
      <c r="A1406" t="s">
        <v>22</v>
      </c>
      <c r="B1406">
        <v>131471</v>
      </c>
      <c r="C1406">
        <v>4</v>
      </c>
      <c r="D1406" t="s">
        <v>8</v>
      </c>
      <c r="E1406">
        <v>0.98</v>
      </c>
      <c r="F1406">
        <v>0.92</v>
      </c>
      <c r="G1406">
        <v>0.38</v>
      </c>
    </row>
    <row r="1407" spans="1:7" x14ac:dyDescent="0.25">
      <c r="A1407" t="s">
        <v>22</v>
      </c>
      <c r="B1407">
        <v>65319</v>
      </c>
      <c r="C1407">
        <v>25</v>
      </c>
      <c r="D1407" t="s">
        <v>12</v>
      </c>
      <c r="E1407">
        <v>0.76</v>
      </c>
      <c r="F1407">
        <v>0.87</v>
      </c>
      <c r="G1407">
        <v>0.65</v>
      </c>
    </row>
    <row r="1408" spans="1:7" x14ac:dyDescent="0.25">
      <c r="A1408" t="s">
        <v>7</v>
      </c>
      <c r="B1408">
        <v>46029</v>
      </c>
      <c r="C1408">
        <v>14</v>
      </c>
      <c r="D1408" t="s">
        <v>8</v>
      </c>
      <c r="E1408">
        <v>0.2</v>
      </c>
      <c r="F1408">
        <v>1.19</v>
      </c>
      <c r="G1408">
        <v>0.75</v>
      </c>
    </row>
    <row r="1409" spans="1:7" x14ac:dyDescent="0.25">
      <c r="A1409" t="s">
        <v>15</v>
      </c>
      <c r="B1409">
        <v>62380</v>
      </c>
      <c r="C1409">
        <v>2</v>
      </c>
      <c r="D1409" t="s">
        <v>8</v>
      </c>
      <c r="E1409">
        <v>0.28999999999999998</v>
      </c>
      <c r="F1409">
        <v>1.1200000000000001</v>
      </c>
      <c r="G1409">
        <v>0.1</v>
      </c>
    </row>
    <row r="1410" spans="1:7" x14ac:dyDescent="0.25">
      <c r="A1410" t="s">
        <v>18</v>
      </c>
      <c r="B1410">
        <v>108966</v>
      </c>
      <c r="C1410">
        <v>4</v>
      </c>
      <c r="D1410" t="s">
        <v>24</v>
      </c>
      <c r="E1410">
        <v>7.0000000000000007E-2</v>
      </c>
      <c r="F1410">
        <v>1.2</v>
      </c>
      <c r="G1410">
        <v>0.47</v>
      </c>
    </row>
    <row r="1411" spans="1:7" x14ac:dyDescent="0.25">
      <c r="A1411" t="s">
        <v>14</v>
      </c>
      <c r="B1411">
        <v>142692</v>
      </c>
      <c r="C1411">
        <v>27</v>
      </c>
      <c r="D1411" t="s">
        <v>10</v>
      </c>
      <c r="E1411">
        <v>0.39</v>
      </c>
      <c r="F1411">
        <v>1.1599999999999999</v>
      </c>
      <c r="G1411">
        <v>0.67</v>
      </c>
    </row>
    <row r="1412" spans="1:7" x14ac:dyDescent="0.25">
      <c r="A1412" t="s">
        <v>19</v>
      </c>
      <c r="B1412">
        <v>33518</v>
      </c>
      <c r="C1412">
        <v>6</v>
      </c>
      <c r="D1412" t="s">
        <v>10</v>
      </c>
      <c r="E1412">
        <v>0.89</v>
      </c>
      <c r="F1412">
        <v>1.49</v>
      </c>
      <c r="G1412">
        <v>0.84</v>
      </c>
    </row>
    <row r="1413" spans="1:7" x14ac:dyDescent="0.25">
      <c r="A1413" t="s">
        <v>13</v>
      </c>
      <c r="B1413">
        <v>49098</v>
      </c>
      <c r="C1413">
        <v>6</v>
      </c>
      <c r="D1413" t="s">
        <v>8</v>
      </c>
      <c r="E1413">
        <v>0.2</v>
      </c>
      <c r="F1413">
        <v>0.64</v>
      </c>
      <c r="G1413">
        <v>0.43</v>
      </c>
    </row>
    <row r="1414" spans="1:7" x14ac:dyDescent="0.25">
      <c r="A1414" t="s">
        <v>11</v>
      </c>
      <c r="B1414">
        <v>130992</v>
      </c>
      <c r="C1414">
        <v>4</v>
      </c>
      <c r="D1414" t="s">
        <v>10</v>
      </c>
      <c r="E1414">
        <v>0.08</v>
      </c>
      <c r="F1414">
        <v>1.34</v>
      </c>
      <c r="G1414">
        <v>0.81</v>
      </c>
    </row>
    <row r="1415" spans="1:7" x14ac:dyDescent="0.25">
      <c r="A1415" t="s">
        <v>13</v>
      </c>
      <c r="B1415">
        <v>43950</v>
      </c>
      <c r="C1415">
        <v>2</v>
      </c>
      <c r="D1415" t="s">
        <v>10</v>
      </c>
      <c r="E1415">
        <v>0.16</v>
      </c>
      <c r="F1415">
        <v>1</v>
      </c>
      <c r="G1415">
        <v>0.67</v>
      </c>
    </row>
    <row r="1416" spans="1:7" x14ac:dyDescent="0.25">
      <c r="A1416" t="s">
        <v>14</v>
      </c>
      <c r="B1416">
        <v>96603</v>
      </c>
      <c r="C1416">
        <v>24</v>
      </c>
      <c r="D1416" t="s">
        <v>12</v>
      </c>
      <c r="E1416">
        <v>0.19</v>
      </c>
      <c r="F1416">
        <v>0.62</v>
      </c>
      <c r="G1416">
        <v>0.5</v>
      </c>
    </row>
    <row r="1417" spans="1:7" x14ac:dyDescent="0.25">
      <c r="A1417" t="s">
        <v>29</v>
      </c>
      <c r="B1417">
        <v>106831</v>
      </c>
      <c r="C1417">
        <v>23</v>
      </c>
      <c r="D1417" t="s">
        <v>8</v>
      </c>
      <c r="E1417">
        <v>0.32</v>
      </c>
      <c r="F1417">
        <v>1.48</v>
      </c>
      <c r="G1417">
        <v>7.0000000000000007E-2</v>
      </c>
    </row>
    <row r="1418" spans="1:7" x14ac:dyDescent="0.25">
      <c r="A1418" t="s">
        <v>25</v>
      </c>
      <c r="B1418">
        <v>81850</v>
      </c>
      <c r="C1418">
        <v>22</v>
      </c>
      <c r="D1418" t="s">
        <v>12</v>
      </c>
      <c r="E1418">
        <v>0.92</v>
      </c>
      <c r="F1418">
        <v>0.9</v>
      </c>
      <c r="G1418">
        <v>0.85</v>
      </c>
    </row>
    <row r="1419" spans="1:7" x14ac:dyDescent="0.25">
      <c r="A1419" t="s">
        <v>29</v>
      </c>
      <c r="B1419">
        <v>142697</v>
      </c>
      <c r="C1419">
        <v>16</v>
      </c>
      <c r="D1419" t="s">
        <v>10</v>
      </c>
      <c r="E1419">
        <v>0.1</v>
      </c>
      <c r="F1419">
        <v>1.02</v>
      </c>
      <c r="G1419">
        <v>0.19</v>
      </c>
    </row>
    <row r="1420" spans="1:7" x14ac:dyDescent="0.25">
      <c r="A1420" t="s">
        <v>30</v>
      </c>
      <c r="B1420">
        <v>63158</v>
      </c>
      <c r="C1420">
        <v>18</v>
      </c>
      <c r="D1420" t="s">
        <v>12</v>
      </c>
      <c r="E1420">
        <v>0.7</v>
      </c>
      <c r="F1420">
        <v>0.64</v>
      </c>
      <c r="G1420">
        <v>0.54</v>
      </c>
    </row>
    <row r="1421" spans="1:7" x14ac:dyDescent="0.25">
      <c r="A1421" t="s">
        <v>27</v>
      </c>
      <c r="B1421">
        <v>43065</v>
      </c>
      <c r="C1421">
        <v>18</v>
      </c>
      <c r="D1421" t="s">
        <v>10</v>
      </c>
      <c r="E1421">
        <v>0.55000000000000004</v>
      </c>
      <c r="F1421">
        <v>0.77</v>
      </c>
      <c r="G1421">
        <v>0.73</v>
      </c>
    </row>
    <row r="1422" spans="1:7" x14ac:dyDescent="0.25">
      <c r="A1422" t="s">
        <v>11</v>
      </c>
      <c r="B1422">
        <v>53115</v>
      </c>
      <c r="C1422">
        <v>16</v>
      </c>
      <c r="D1422" t="s">
        <v>8</v>
      </c>
      <c r="E1422">
        <v>0.89</v>
      </c>
      <c r="F1422">
        <v>0.97</v>
      </c>
      <c r="G1422">
        <v>0.91</v>
      </c>
    </row>
    <row r="1423" spans="1:7" x14ac:dyDescent="0.25">
      <c r="A1423" t="s">
        <v>14</v>
      </c>
      <c r="B1423">
        <v>111462</v>
      </c>
      <c r="C1423">
        <v>0</v>
      </c>
      <c r="D1423" t="s">
        <v>24</v>
      </c>
      <c r="E1423">
        <v>0.9</v>
      </c>
      <c r="F1423">
        <v>1.38</v>
      </c>
      <c r="G1423">
        <v>0.32</v>
      </c>
    </row>
    <row r="1424" spans="1:7" x14ac:dyDescent="0.25">
      <c r="A1424" t="s">
        <v>25</v>
      </c>
      <c r="B1424">
        <v>30234</v>
      </c>
      <c r="C1424">
        <v>18</v>
      </c>
      <c r="D1424" t="s">
        <v>10</v>
      </c>
      <c r="E1424">
        <v>0.71</v>
      </c>
      <c r="F1424">
        <v>0.73</v>
      </c>
      <c r="G1424">
        <v>0.8</v>
      </c>
    </row>
    <row r="1425" spans="1:7" x14ac:dyDescent="0.25">
      <c r="A1425" t="s">
        <v>13</v>
      </c>
      <c r="B1425">
        <v>80262</v>
      </c>
      <c r="C1425">
        <v>17</v>
      </c>
      <c r="D1425" t="s">
        <v>12</v>
      </c>
      <c r="E1425">
        <v>0.33</v>
      </c>
      <c r="F1425">
        <v>1.17</v>
      </c>
      <c r="G1425">
        <v>0.51</v>
      </c>
    </row>
    <row r="1426" spans="1:7" x14ac:dyDescent="0.25">
      <c r="A1426" t="s">
        <v>15</v>
      </c>
      <c r="B1426">
        <v>100529</v>
      </c>
      <c r="C1426">
        <v>27</v>
      </c>
      <c r="D1426" t="s">
        <v>24</v>
      </c>
      <c r="E1426">
        <v>0.57999999999999996</v>
      </c>
      <c r="F1426">
        <v>0.74</v>
      </c>
      <c r="G1426">
        <v>0.27</v>
      </c>
    </row>
    <row r="1427" spans="1:7" x14ac:dyDescent="0.25">
      <c r="A1427" t="s">
        <v>28</v>
      </c>
      <c r="B1427">
        <v>72563</v>
      </c>
      <c r="C1427">
        <v>6</v>
      </c>
      <c r="D1427" t="s">
        <v>10</v>
      </c>
      <c r="E1427">
        <v>0.04</v>
      </c>
      <c r="F1427">
        <v>1.27</v>
      </c>
      <c r="G1427">
        <v>0.53</v>
      </c>
    </row>
    <row r="1428" spans="1:7" x14ac:dyDescent="0.25">
      <c r="A1428" t="s">
        <v>21</v>
      </c>
      <c r="B1428">
        <v>122983</v>
      </c>
      <c r="C1428">
        <v>27</v>
      </c>
      <c r="D1428" t="s">
        <v>8</v>
      </c>
      <c r="E1428">
        <v>0.92</v>
      </c>
      <c r="F1428">
        <v>0.93</v>
      </c>
      <c r="G1428">
        <v>0.42</v>
      </c>
    </row>
    <row r="1429" spans="1:7" x14ac:dyDescent="0.25">
      <c r="A1429" t="s">
        <v>15</v>
      </c>
      <c r="B1429">
        <v>93815</v>
      </c>
      <c r="C1429">
        <v>3</v>
      </c>
      <c r="D1429" t="s">
        <v>12</v>
      </c>
      <c r="E1429">
        <v>0.79</v>
      </c>
      <c r="F1429">
        <v>0.91</v>
      </c>
      <c r="G1429">
        <v>0.22</v>
      </c>
    </row>
    <row r="1430" spans="1:7" x14ac:dyDescent="0.25">
      <c r="A1430" t="s">
        <v>23</v>
      </c>
      <c r="B1430">
        <v>58385</v>
      </c>
      <c r="C1430">
        <v>3</v>
      </c>
      <c r="D1430" t="s">
        <v>12</v>
      </c>
      <c r="E1430">
        <v>7.0000000000000007E-2</v>
      </c>
      <c r="F1430">
        <v>1.1100000000000001</v>
      </c>
      <c r="G1430">
        <v>0.32</v>
      </c>
    </row>
    <row r="1431" spans="1:7" x14ac:dyDescent="0.25">
      <c r="A1431" t="s">
        <v>13</v>
      </c>
      <c r="B1431">
        <v>148297</v>
      </c>
      <c r="C1431">
        <v>29</v>
      </c>
      <c r="D1431" t="s">
        <v>24</v>
      </c>
      <c r="E1431">
        <v>0.77</v>
      </c>
      <c r="F1431">
        <v>1.08</v>
      </c>
      <c r="G1431">
        <v>0.63</v>
      </c>
    </row>
    <row r="1432" spans="1:7" x14ac:dyDescent="0.25">
      <c r="A1432" t="s">
        <v>30</v>
      </c>
      <c r="B1432">
        <v>35289</v>
      </c>
      <c r="C1432">
        <v>19</v>
      </c>
      <c r="D1432" t="s">
        <v>12</v>
      </c>
      <c r="E1432">
        <v>0.41</v>
      </c>
      <c r="F1432">
        <v>1.41</v>
      </c>
      <c r="G1432">
        <v>0.35</v>
      </c>
    </row>
    <row r="1433" spans="1:7" x14ac:dyDescent="0.25">
      <c r="A1433" t="s">
        <v>11</v>
      </c>
      <c r="B1433">
        <v>35877</v>
      </c>
      <c r="C1433">
        <v>0</v>
      </c>
      <c r="D1433" t="s">
        <v>8</v>
      </c>
      <c r="E1433">
        <v>0.91</v>
      </c>
      <c r="F1433">
        <v>1.02</v>
      </c>
      <c r="G1433">
        <v>0.94</v>
      </c>
    </row>
    <row r="1434" spans="1:7" x14ac:dyDescent="0.25">
      <c r="A1434" t="s">
        <v>22</v>
      </c>
      <c r="B1434">
        <v>52761</v>
      </c>
      <c r="C1434">
        <v>0</v>
      </c>
      <c r="D1434" t="s">
        <v>8</v>
      </c>
      <c r="E1434">
        <v>0.89</v>
      </c>
      <c r="F1434">
        <v>1.1399999999999999</v>
      </c>
      <c r="G1434">
        <v>0.4</v>
      </c>
    </row>
    <row r="1435" spans="1:7" x14ac:dyDescent="0.25">
      <c r="A1435" t="s">
        <v>25</v>
      </c>
      <c r="B1435">
        <v>123758</v>
      </c>
      <c r="C1435">
        <v>18</v>
      </c>
      <c r="D1435" t="s">
        <v>8</v>
      </c>
      <c r="E1435">
        <v>0.64</v>
      </c>
      <c r="F1435">
        <v>0.89</v>
      </c>
      <c r="G1435">
        <v>0.83</v>
      </c>
    </row>
    <row r="1436" spans="1:7" x14ac:dyDescent="0.25">
      <c r="A1436" t="s">
        <v>23</v>
      </c>
      <c r="B1436">
        <v>86366</v>
      </c>
      <c r="C1436">
        <v>2</v>
      </c>
      <c r="D1436" t="s">
        <v>12</v>
      </c>
      <c r="E1436">
        <v>0.04</v>
      </c>
      <c r="F1436">
        <v>0.72</v>
      </c>
      <c r="G1436">
        <v>0.66</v>
      </c>
    </row>
    <row r="1437" spans="1:7" x14ac:dyDescent="0.25">
      <c r="A1437" t="s">
        <v>20</v>
      </c>
      <c r="B1437">
        <v>85652</v>
      </c>
      <c r="C1437">
        <v>22</v>
      </c>
      <c r="D1437" t="s">
        <v>8</v>
      </c>
      <c r="E1437">
        <v>0.53</v>
      </c>
      <c r="F1437">
        <v>0.53</v>
      </c>
      <c r="G1437">
        <v>0.49</v>
      </c>
    </row>
    <row r="1438" spans="1:7" x14ac:dyDescent="0.25">
      <c r="A1438" t="s">
        <v>13</v>
      </c>
      <c r="B1438">
        <v>55286</v>
      </c>
      <c r="C1438">
        <v>23</v>
      </c>
      <c r="D1438" t="s">
        <v>10</v>
      </c>
      <c r="E1438">
        <v>0.28000000000000003</v>
      </c>
      <c r="F1438">
        <v>1.28</v>
      </c>
      <c r="G1438">
        <v>0.56999999999999995</v>
      </c>
    </row>
    <row r="1439" spans="1:7" x14ac:dyDescent="0.25">
      <c r="A1439" t="s">
        <v>23</v>
      </c>
      <c r="B1439">
        <v>104041</v>
      </c>
      <c r="C1439">
        <v>19</v>
      </c>
      <c r="D1439" t="s">
        <v>12</v>
      </c>
      <c r="E1439">
        <v>0.98</v>
      </c>
      <c r="F1439">
        <v>0.74</v>
      </c>
      <c r="G1439">
        <v>0.64</v>
      </c>
    </row>
    <row r="1440" spans="1:7" x14ac:dyDescent="0.25">
      <c r="A1440" t="s">
        <v>26</v>
      </c>
      <c r="B1440">
        <v>140998</v>
      </c>
      <c r="C1440">
        <v>9</v>
      </c>
      <c r="D1440" t="s">
        <v>12</v>
      </c>
      <c r="E1440">
        <v>0.77</v>
      </c>
      <c r="F1440">
        <v>0.78</v>
      </c>
      <c r="G1440">
        <v>0.05</v>
      </c>
    </row>
    <row r="1441" spans="1:7" x14ac:dyDescent="0.25">
      <c r="A1441" t="s">
        <v>18</v>
      </c>
      <c r="B1441">
        <v>122743</v>
      </c>
      <c r="C1441">
        <v>20</v>
      </c>
      <c r="D1441" t="s">
        <v>8</v>
      </c>
      <c r="E1441">
        <v>0.23</v>
      </c>
      <c r="F1441">
        <v>1.31</v>
      </c>
      <c r="G1441">
        <v>0.45</v>
      </c>
    </row>
    <row r="1442" spans="1:7" x14ac:dyDescent="0.25">
      <c r="A1442" t="s">
        <v>29</v>
      </c>
      <c r="B1442">
        <v>64303</v>
      </c>
      <c r="C1442">
        <v>17</v>
      </c>
      <c r="D1442" t="s">
        <v>24</v>
      </c>
      <c r="E1442">
        <v>0.87</v>
      </c>
      <c r="F1442">
        <v>1.02</v>
      </c>
      <c r="G1442">
        <v>0.28000000000000003</v>
      </c>
    </row>
    <row r="1443" spans="1:7" x14ac:dyDescent="0.25">
      <c r="A1443" t="s">
        <v>15</v>
      </c>
      <c r="B1443">
        <v>89977</v>
      </c>
      <c r="C1443">
        <v>3</v>
      </c>
      <c r="D1443" t="s">
        <v>8</v>
      </c>
      <c r="E1443">
        <v>0.27</v>
      </c>
      <c r="F1443">
        <v>0.76</v>
      </c>
      <c r="G1443">
        <v>0.13</v>
      </c>
    </row>
    <row r="1444" spans="1:7" x14ac:dyDescent="0.25">
      <c r="A1444" t="s">
        <v>13</v>
      </c>
      <c r="B1444">
        <v>67133</v>
      </c>
      <c r="C1444">
        <v>19</v>
      </c>
      <c r="D1444" t="s">
        <v>24</v>
      </c>
      <c r="E1444">
        <v>0.83</v>
      </c>
      <c r="F1444">
        <v>1.27</v>
      </c>
      <c r="G1444">
        <v>0.63</v>
      </c>
    </row>
    <row r="1445" spans="1:7" x14ac:dyDescent="0.25">
      <c r="A1445" t="s">
        <v>23</v>
      </c>
      <c r="B1445">
        <v>70680</v>
      </c>
      <c r="C1445">
        <v>19</v>
      </c>
      <c r="D1445" t="s">
        <v>8</v>
      </c>
      <c r="E1445">
        <v>0.04</v>
      </c>
      <c r="F1445">
        <v>1.1100000000000001</v>
      </c>
      <c r="G1445">
        <v>0.59</v>
      </c>
    </row>
    <row r="1446" spans="1:7" x14ac:dyDescent="0.25">
      <c r="A1446" t="s">
        <v>11</v>
      </c>
      <c r="B1446">
        <v>47013</v>
      </c>
      <c r="C1446">
        <v>16</v>
      </c>
      <c r="D1446" t="s">
        <v>12</v>
      </c>
      <c r="E1446">
        <v>0.7</v>
      </c>
      <c r="F1446">
        <v>0.63</v>
      </c>
      <c r="G1446">
        <v>0.95</v>
      </c>
    </row>
    <row r="1447" spans="1:7" x14ac:dyDescent="0.25">
      <c r="A1447" t="s">
        <v>23</v>
      </c>
      <c r="B1447">
        <v>139982</v>
      </c>
      <c r="C1447">
        <v>26</v>
      </c>
      <c r="D1447" t="s">
        <v>24</v>
      </c>
      <c r="E1447">
        <v>0.65</v>
      </c>
      <c r="F1447">
        <v>1.27</v>
      </c>
      <c r="G1447">
        <v>0.44</v>
      </c>
    </row>
    <row r="1448" spans="1:7" x14ac:dyDescent="0.25">
      <c r="A1448" t="s">
        <v>21</v>
      </c>
      <c r="B1448">
        <v>114935</v>
      </c>
      <c r="C1448">
        <v>22</v>
      </c>
      <c r="D1448" t="s">
        <v>10</v>
      </c>
      <c r="E1448">
        <v>0.6</v>
      </c>
      <c r="F1448">
        <v>0.68</v>
      </c>
      <c r="G1448">
        <v>0.36</v>
      </c>
    </row>
    <row r="1449" spans="1:7" x14ac:dyDescent="0.25">
      <c r="A1449" t="s">
        <v>19</v>
      </c>
      <c r="B1449">
        <v>74741</v>
      </c>
      <c r="C1449">
        <v>12</v>
      </c>
      <c r="D1449" t="s">
        <v>10</v>
      </c>
      <c r="E1449">
        <v>0.19</v>
      </c>
      <c r="F1449">
        <v>0.95</v>
      </c>
      <c r="G1449">
        <v>0.94</v>
      </c>
    </row>
    <row r="1450" spans="1:7" x14ac:dyDescent="0.25">
      <c r="A1450" t="s">
        <v>26</v>
      </c>
      <c r="B1450">
        <v>114153</v>
      </c>
      <c r="C1450">
        <v>20</v>
      </c>
      <c r="D1450" t="s">
        <v>12</v>
      </c>
      <c r="E1450">
        <v>0.34</v>
      </c>
      <c r="F1450">
        <v>0.95</v>
      </c>
      <c r="G1450">
        <v>0.19</v>
      </c>
    </row>
    <row r="1451" spans="1:7" x14ac:dyDescent="0.25">
      <c r="A1451" t="s">
        <v>11</v>
      </c>
      <c r="B1451">
        <v>113110</v>
      </c>
      <c r="C1451">
        <v>11</v>
      </c>
      <c r="D1451" t="s">
        <v>12</v>
      </c>
      <c r="E1451">
        <v>0.85</v>
      </c>
      <c r="F1451">
        <v>0.81</v>
      </c>
      <c r="G1451">
        <v>0.84</v>
      </c>
    </row>
    <row r="1452" spans="1:7" x14ac:dyDescent="0.25">
      <c r="A1452" t="s">
        <v>27</v>
      </c>
      <c r="B1452">
        <v>108596</v>
      </c>
      <c r="C1452">
        <v>9</v>
      </c>
      <c r="D1452" t="s">
        <v>24</v>
      </c>
      <c r="E1452">
        <v>0.21</v>
      </c>
      <c r="F1452">
        <v>1.45</v>
      </c>
      <c r="G1452">
        <v>0.9</v>
      </c>
    </row>
    <row r="1453" spans="1:7" x14ac:dyDescent="0.25">
      <c r="A1453" t="s">
        <v>30</v>
      </c>
      <c r="B1453">
        <v>94274</v>
      </c>
      <c r="C1453">
        <v>10</v>
      </c>
      <c r="D1453" t="s">
        <v>10</v>
      </c>
      <c r="E1453">
        <v>0.14000000000000001</v>
      </c>
      <c r="F1453">
        <v>0.86</v>
      </c>
      <c r="G1453">
        <v>0.49</v>
      </c>
    </row>
    <row r="1454" spans="1:7" x14ac:dyDescent="0.25">
      <c r="A1454" t="s">
        <v>30</v>
      </c>
      <c r="B1454">
        <v>135649</v>
      </c>
      <c r="C1454">
        <v>11</v>
      </c>
      <c r="D1454" t="s">
        <v>10</v>
      </c>
      <c r="E1454">
        <v>0.86</v>
      </c>
      <c r="F1454">
        <v>0.59</v>
      </c>
      <c r="G1454">
        <v>0.56000000000000005</v>
      </c>
    </row>
    <row r="1455" spans="1:7" x14ac:dyDescent="0.25">
      <c r="A1455" t="s">
        <v>26</v>
      </c>
      <c r="B1455">
        <v>131433</v>
      </c>
      <c r="C1455">
        <v>10</v>
      </c>
      <c r="D1455" t="s">
        <v>12</v>
      </c>
      <c r="E1455">
        <v>0.8</v>
      </c>
      <c r="F1455">
        <v>0.71</v>
      </c>
      <c r="G1455">
        <v>0.12</v>
      </c>
    </row>
    <row r="1456" spans="1:7" x14ac:dyDescent="0.25">
      <c r="A1456" t="s">
        <v>28</v>
      </c>
      <c r="B1456">
        <v>148962</v>
      </c>
      <c r="C1456">
        <v>27</v>
      </c>
      <c r="D1456" t="s">
        <v>24</v>
      </c>
      <c r="E1456">
        <v>0.32</v>
      </c>
      <c r="F1456">
        <v>1.38</v>
      </c>
      <c r="G1456">
        <v>0.56000000000000005</v>
      </c>
    </row>
    <row r="1457" spans="1:7" x14ac:dyDescent="0.25">
      <c r="A1457" t="s">
        <v>11</v>
      </c>
      <c r="B1457">
        <v>104901</v>
      </c>
      <c r="C1457">
        <v>5</v>
      </c>
      <c r="D1457" t="s">
        <v>8</v>
      </c>
      <c r="E1457">
        <v>0.93</v>
      </c>
      <c r="F1457">
        <v>0.74</v>
      </c>
      <c r="G1457">
        <v>0.91</v>
      </c>
    </row>
    <row r="1458" spans="1:7" x14ac:dyDescent="0.25">
      <c r="A1458" t="s">
        <v>17</v>
      </c>
      <c r="B1458">
        <v>44133</v>
      </c>
      <c r="C1458">
        <v>27</v>
      </c>
      <c r="D1458" t="s">
        <v>24</v>
      </c>
      <c r="E1458">
        <v>0.1</v>
      </c>
      <c r="F1458">
        <v>0.61</v>
      </c>
      <c r="G1458">
        <v>0.25</v>
      </c>
    </row>
    <row r="1459" spans="1:7" x14ac:dyDescent="0.25">
      <c r="A1459" t="s">
        <v>9</v>
      </c>
      <c r="B1459">
        <v>114293</v>
      </c>
      <c r="C1459">
        <v>11</v>
      </c>
      <c r="D1459" t="s">
        <v>12</v>
      </c>
      <c r="E1459">
        <v>0.7</v>
      </c>
      <c r="F1459">
        <v>1.45</v>
      </c>
      <c r="G1459">
        <v>0.08</v>
      </c>
    </row>
    <row r="1460" spans="1:7" x14ac:dyDescent="0.25">
      <c r="A1460" t="s">
        <v>15</v>
      </c>
      <c r="B1460">
        <v>66155</v>
      </c>
      <c r="C1460">
        <v>9</v>
      </c>
      <c r="D1460" t="s">
        <v>10</v>
      </c>
      <c r="E1460">
        <v>0.87</v>
      </c>
      <c r="F1460">
        <v>1.25</v>
      </c>
      <c r="G1460">
        <v>0.26</v>
      </c>
    </row>
    <row r="1461" spans="1:7" x14ac:dyDescent="0.25">
      <c r="A1461" t="s">
        <v>20</v>
      </c>
      <c r="B1461">
        <v>116070</v>
      </c>
      <c r="C1461">
        <v>24</v>
      </c>
      <c r="D1461" t="s">
        <v>10</v>
      </c>
      <c r="E1461">
        <v>0.53</v>
      </c>
      <c r="F1461">
        <v>0.79</v>
      </c>
      <c r="G1461">
        <v>0.35</v>
      </c>
    </row>
    <row r="1462" spans="1:7" x14ac:dyDescent="0.25">
      <c r="A1462" t="s">
        <v>29</v>
      </c>
      <c r="B1462">
        <v>86439</v>
      </c>
      <c r="C1462">
        <v>20</v>
      </c>
      <c r="D1462" t="s">
        <v>24</v>
      </c>
      <c r="E1462">
        <v>0.53</v>
      </c>
      <c r="F1462">
        <v>0.87</v>
      </c>
      <c r="G1462">
        <v>0.05</v>
      </c>
    </row>
    <row r="1463" spans="1:7" x14ac:dyDescent="0.25">
      <c r="A1463" t="s">
        <v>15</v>
      </c>
      <c r="B1463">
        <v>98500</v>
      </c>
      <c r="C1463">
        <v>6</v>
      </c>
      <c r="D1463" t="s">
        <v>24</v>
      </c>
      <c r="E1463">
        <v>0.19</v>
      </c>
      <c r="F1463">
        <v>1.22</v>
      </c>
      <c r="G1463">
        <v>0.14000000000000001</v>
      </c>
    </row>
    <row r="1464" spans="1:7" x14ac:dyDescent="0.25">
      <c r="A1464" t="s">
        <v>9</v>
      </c>
      <c r="B1464">
        <v>79887</v>
      </c>
      <c r="C1464">
        <v>19</v>
      </c>
      <c r="D1464" t="s">
        <v>10</v>
      </c>
      <c r="E1464">
        <v>0.56000000000000005</v>
      </c>
      <c r="F1464">
        <v>0.56000000000000005</v>
      </c>
      <c r="G1464">
        <v>0.2</v>
      </c>
    </row>
    <row r="1465" spans="1:7" x14ac:dyDescent="0.25">
      <c r="A1465" t="s">
        <v>9</v>
      </c>
      <c r="B1465">
        <v>109880</v>
      </c>
      <c r="C1465">
        <v>14</v>
      </c>
      <c r="D1465" t="s">
        <v>8</v>
      </c>
      <c r="E1465">
        <v>0.51</v>
      </c>
      <c r="F1465">
        <v>1.26</v>
      </c>
      <c r="G1465">
        <v>0.09</v>
      </c>
    </row>
    <row r="1466" spans="1:7" x14ac:dyDescent="0.25">
      <c r="A1466" t="s">
        <v>23</v>
      </c>
      <c r="B1466">
        <v>105352</v>
      </c>
      <c r="C1466">
        <v>4</v>
      </c>
      <c r="D1466" t="s">
        <v>8</v>
      </c>
      <c r="E1466">
        <v>0.41</v>
      </c>
      <c r="F1466">
        <v>0.73</v>
      </c>
      <c r="G1466">
        <v>0.65</v>
      </c>
    </row>
    <row r="1467" spans="1:7" x14ac:dyDescent="0.25">
      <c r="A1467" t="s">
        <v>27</v>
      </c>
      <c r="B1467">
        <v>73781</v>
      </c>
      <c r="C1467">
        <v>17</v>
      </c>
      <c r="D1467" t="s">
        <v>10</v>
      </c>
      <c r="E1467">
        <v>0.94</v>
      </c>
      <c r="F1467">
        <v>1.34</v>
      </c>
      <c r="G1467">
        <v>0.93</v>
      </c>
    </row>
    <row r="1468" spans="1:7" x14ac:dyDescent="0.25">
      <c r="A1468" t="s">
        <v>17</v>
      </c>
      <c r="B1468">
        <v>126492</v>
      </c>
      <c r="C1468">
        <v>12</v>
      </c>
      <c r="D1468" t="s">
        <v>12</v>
      </c>
      <c r="E1468">
        <v>0.08</v>
      </c>
      <c r="F1468">
        <v>0.88</v>
      </c>
      <c r="G1468">
        <v>0.28000000000000003</v>
      </c>
    </row>
    <row r="1469" spans="1:7" x14ac:dyDescent="0.25">
      <c r="A1469" t="s">
        <v>30</v>
      </c>
      <c r="B1469">
        <v>149635</v>
      </c>
      <c r="C1469">
        <v>19</v>
      </c>
      <c r="D1469" t="s">
        <v>10</v>
      </c>
      <c r="E1469">
        <v>0.83</v>
      </c>
      <c r="F1469">
        <v>0.56000000000000005</v>
      </c>
      <c r="G1469">
        <v>0.65</v>
      </c>
    </row>
    <row r="1470" spans="1:7" x14ac:dyDescent="0.25">
      <c r="A1470" t="s">
        <v>26</v>
      </c>
      <c r="B1470">
        <v>99368</v>
      </c>
      <c r="C1470">
        <v>19</v>
      </c>
      <c r="D1470" t="s">
        <v>8</v>
      </c>
      <c r="E1470">
        <v>0.79</v>
      </c>
      <c r="F1470">
        <v>0.96</v>
      </c>
      <c r="G1470">
        <v>0.05</v>
      </c>
    </row>
    <row r="1471" spans="1:7" x14ac:dyDescent="0.25">
      <c r="A1471" t="s">
        <v>7</v>
      </c>
      <c r="B1471">
        <v>94344</v>
      </c>
      <c r="C1471">
        <v>0</v>
      </c>
      <c r="D1471" t="s">
        <v>24</v>
      </c>
      <c r="E1471">
        <v>0.52</v>
      </c>
      <c r="F1471">
        <v>1.17</v>
      </c>
      <c r="G1471">
        <v>0.72</v>
      </c>
    </row>
    <row r="1472" spans="1:7" x14ac:dyDescent="0.25">
      <c r="A1472" t="s">
        <v>23</v>
      </c>
      <c r="B1472">
        <v>79223</v>
      </c>
      <c r="C1472">
        <v>1</v>
      </c>
      <c r="D1472" t="s">
        <v>12</v>
      </c>
      <c r="E1472">
        <v>0.47</v>
      </c>
      <c r="F1472">
        <v>1.17</v>
      </c>
      <c r="G1472">
        <v>0.68</v>
      </c>
    </row>
    <row r="1473" spans="1:7" x14ac:dyDescent="0.25">
      <c r="A1473" t="s">
        <v>11</v>
      </c>
      <c r="B1473">
        <v>68907</v>
      </c>
      <c r="C1473">
        <v>8</v>
      </c>
      <c r="D1473" t="s">
        <v>24</v>
      </c>
      <c r="E1473">
        <v>0.05</v>
      </c>
      <c r="F1473">
        <v>1.07</v>
      </c>
      <c r="G1473">
        <v>0.93</v>
      </c>
    </row>
    <row r="1474" spans="1:7" x14ac:dyDescent="0.25">
      <c r="A1474" t="s">
        <v>29</v>
      </c>
      <c r="B1474">
        <v>115733</v>
      </c>
      <c r="C1474">
        <v>8</v>
      </c>
      <c r="D1474" t="s">
        <v>8</v>
      </c>
      <c r="E1474">
        <v>0.43</v>
      </c>
      <c r="F1474">
        <v>1.08</v>
      </c>
      <c r="G1474">
        <v>0.12</v>
      </c>
    </row>
    <row r="1475" spans="1:7" x14ac:dyDescent="0.25">
      <c r="A1475" t="s">
        <v>23</v>
      </c>
      <c r="B1475">
        <v>80281</v>
      </c>
      <c r="C1475">
        <v>6</v>
      </c>
      <c r="D1475" t="s">
        <v>24</v>
      </c>
      <c r="E1475">
        <v>0</v>
      </c>
      <c r="F1475">
        <v>1.1000000000000001</v>
      </c>
      <c r="G1475">
        <v>0.48</v>
      </c>
    </row>
    <row r="1476" spans="1:7" x14ac:dyDescent="0.25">
      <c r="A1476" t="s">
        <v>25</v>
      </c>
      <c r="B1476">
        <v>128203</v>
      </c>
      <c r="C1476">
        <v>12</v>
      </c>
      <c r="D1476" t="s">
        <v>8</v>
      </c>
      <c r="E1476">
        <v>0.28999999999999998</v>
      </c>
      <c r="F1476">
        <v>0.82</v>
      </c>
      <c r="G1476">
        <v>0.7</v>
      </c>
    </row>
    <row r="1477" spans="1:7" x14ac:dyDescent="0.25">
      <c r="A1477" t="s">
        <v>18</v>
      </c>
      <c r="B1477">
        <v>96416</v>
      </c>
      <c r="C1477">
        <v>18</v>
      </c>
      <c r="D1477" t="s">
        <v>12</v>
      </c>
      <c r="E1477">
        <v>0.54</v>
      </c>
      <c r="F1477">
        <v>1.41</v>
      </c>
      <c r="G1477">
        <v>0.37</v>
      </c>
    </row>
    <row r="1478" spans="1:7" x14ac:dyDescent="0.25">
      <c r="A1478" t="s">
        <v>26</v>
      </c>
      <c r="B1478">
        <v>59825</v>
      </c>
      <c r="C1478">
        <v>21</v>
      </c>
      <c r="D1478" t="s">
        <v>12</v>
      </c>
      <c r="E1478">
        <v>0.99</v>
      </c>
      <c r="F1478">
        <v>1.33</v>
      </c>
      <c r="G1478">
        <v>0.19</v>
      </c>
    </row>
    <row r="1479" spans="1:7" x14ac:dyDescent="0.25">
      <c r="A1479" t="s">
        <v>14</v>
      </c>
      <c r="B1479">
        <v>42795</v>
      </c>
      <c r="C1479">
        <v>8</v>
      </c>
      <c r="D1479" t="s">
        <v>12</v>
      </c>
      <c r="E1479">
        <v>0.3</v>
      </c>
      <c r="F1479">
        <v>1.41</v>
      </c>
      <c r="G1479">
        <v>0.46</v>
      </c>
    </row>
    <row r="1480" spans="1:7" x14ac:dyDescent="0.25">
      <c r="A1480" t="s">
        <v>20</v>
      </c>
      <c r="B1480">
        <v>127391</v>
      </c>
      <c r="C1480">
        <v>14</v>
      </c>
      <c r="D1480" t="s">
        <v>24</v>
      </c>
      <c r="E1480">
        <v>0.18</v>
      </c>
      <c r="F1480">
        <v>1.18</v>
      </c>
      <c r="G1480">
        <v>0.5</v>
      </c>
    </row>
    <row r="1481" spans="1:7" x14ac:dyDescent="0.25">
      <c r="A1481" t="s">
        <v>21</v>
      </c>
      <c r="B1481">
        <v>87635</v>
      </c>
      <c r="C1481">
        <v>16</v>
      </c>
      <c r="D1481" t="s">
        <v>24</v>
      </c>
      <c r="E1481">
        <v>0.35</v>
      </c>
      <c r="F1481">
        <v>1.29</v>
      </c>
      <c r="G1481">
        <v>0.34</v>
      </c>
    </row>
    <row r="1482" spans="1:7" x14ac:dyDescent="0.25">
      <c r="A1482" t="s">
        <v>23</v>
      </c>
      <c r="B1482">
        <v>111115</v>
      </c>
      <c r="C1482">
        <v>14</v>
      </c>
      <c r="D1482" t="s">
        <v>24</v>
      </c>
      <c r="E1482">
        <v>0.12</v>
      </c>
      <c r="F1482">
        <v>0.75</v>
      </c>
      <c r="G1482">
        <v>0.63</v>
      </c>
    </row>
    <row r="1483" spans="1:7" x14ac:dyDescent="0.25">
      <c r="A1483" t="s">
        <v>15</v>
      </c>
      <c r="B1483">
        <v>87392</v>
      </c>
      <c r="C1483">
        <v>26</v>
      </c>
      <c r="D1483" t="s">
        <v>8</v>
      </c>
      <c r="E1483">
        <v>0.85</v>
      </c>
      <c r="F1483">
        <v>0.82</v>
      </c>
      <c r="G1483">
        <v>0.13</v>
      </c>
    </row>
    <row r="1484" spans="1:7" x14ac:dyDescent="0.25">
      <c r="A1484" t="s">
        <v>7</v>
      </c>
      <c r="B1484">
        <v>100143</v>
      </c>
      <c r="C1484">
        <v>0</v>
      </c>
      <c r="D1484" t="s">
        <v>24</v>
      </c>
      <c r="E1484">
        <v>0.96</v>
      </c>
      <c r="F1484">
        <v>1.17</v>
      </c>
      <c r="G1484">
        <v>0.8</v>
      </c>
    </row>
    <row r="1485" spans="1:7" x14ac:dyDescent="0.25">
      <c r="A1485" t="s">
        <v>19</v>
      </c>
      <c r="B1485">
        <v>94863</v>
      </c>
      <c r="C1485">
        <v>8</v>
      </c>
      <c r="D1485" t="s">
        <v>12</v>
      </c>
      <c r="E1485">
        <v>0.68</v>
      </c>
      <c r="F1485">
        <v>0.6</v>
      </c>
      <c r="G1485">
        <v>0.82</v>
      </c>
    </row>
    <row r="1486" spans="1:7" x14ac:dyDescent="0.25">
      <c r="A1486" t="s">
        <v>18</v>
      </c>
      <c r="B1486">
        <v>48819</v>
      </c>
      <c r="C1486">
        <v>4</v>
      </c>
      <c r="D1486" t="s">
        <v>12</v>
      </c>
      <c r="E1486">
        <v>0.3</v>
      </c>
      <c r="F1486">
        <v>1.19</v>
      </c>
      <c r="G1486">
        <v>0.47</v>
      </c>
    </row>
    <row r="1487" spans="1:7" x14ac:dyDescent="0.25">
      <c r="A1487" t="s">
        <v>13</v>
      </c>
      <c r="B1487">
        <v>142255</v>
      </c>
      <c r="C1487">
        <v>29</v>
      </c>
      <c r="D1487" t="s">
        <v>8</v>
      </c>
      <c r="E1487">
        <v>7.0000000000000007E-2</v>
      </c>
      <c r="F1487">
        <v>0.67</v>
      </c>
      <c r="G1487">
        <v>0.31</v>
      </c>
    </row>
    <row r="1488" spans="1:7" x14ac:dyDescent="0.25">
      <c r="A1488" t="s">
        <v>15</v>
      </c>
      <c r="B1488">
        <v>128664</v>
      </c>
      <c r="C1488">
        <v>25</v>
      </c>
      <c r="D1488" t="s">
        <v>12</v>
      </c>
      <c r="E1488">
        <v>0.89</v>
      </c>
      <c r="F1488">
        <v>1.1200000000000001</v>
      </c>
      <c r="G1488">
        <v>0.15</v>
      </c>
    </row>
    <row r="1489" spans="1:7" x14ac:dyDescent="0.25">
      <c r="A1489" t="s">
        <v>15</v>
      </c>
      <c r="B1489">
        <v>33347</v>
      </c>
      <c r="C1489">
        <v>17</v>
      </c>
      <c r="D1489" t="s">
        <v>24</v>
      </c>
      <c r="E1489">
        <v>0.38</v>
      </c>
      <c r="F1489">
        <v>0.6</v>
      </c>
      <c r="G1489">
        <v>0.17</v>
      </c>
    </row>
    <row r="1490" spans="1:7" x14ac:dyDescent="0.25">
      <c r="A1490" t="s">
        <v>20</v>
      </c>
      <c r="B1490">
        <v>105618</v>
      </c>
      <c r="C1490">
        <v>1</v>
      </c>
      <c r="D1490" t="s">
        <v>8</v>
      </c>
      <c r="E1490">
        <v>0.83</v>
      </c>
      <c r="F1490">
        <v>1.34</v>
      </c>
      <c r="G1490">
        <v>0.63</v>
      </c>
    </row>
    <row r="1491" spans="1:7" x14ac:dyDescent="0.25">
      <c r="A1491" t="s">
        <v>13</v>
      </c>
      <c r="B1491">
        <v>135309</v>
      </c>
      <c r="C1491">
        <v>5</v>
      </c>
      <c r="D1491" t="s">
        <v>10</v>
      </c>
      <c r="E1491">
        <v>0.99</v>
      </c>
      <c r="F1491">
        <v>0.99</v>
      </c>
      <c r="G1491">
        <v>0.63</v>
      </c>
    </row>
    <row r="1492" spans="1:7" x14ac:dyDescent="0.25">
      <c r="A1492" t="s">
        <v>29</v>
      </c>
      <c r="B1492">
        <v>78276</v>
      </c>
      <c r="C1492">
        <v>19</v>
      </c>
      <c r="D1492" t="s">
        <v>24</v>
      </c>
      <c r="E1492">
        <v>0.97</v>
      </c>
      <c r="F1492">
        <v>0.9</v>
      </c>
      <c r="G1492">
        <v>0.28000000000000003</v>
      </c>
    </row>
    <row r="1493" spans="1:7" x14ac:dyDescent="0.25">
      <c r="A1493" t="s">
        <v>19</v>
      </c>
      <c r="B1493">
        <v>145269</v>
      </c>
      <c r="C1493">
        <v>27</v>
      </c>
      <c r="D1493" t="s">
        <v>10</v>
      </c>
      <c r="E1493">
        <v>0.14000000000000001</v>
      </c>
      <c r="F1493">
        <v>1.22</v>
      </c>
      <c r="G1493">
        <v>0.84</v>
      </c>
    </row>
    <row r="1494" spans="1:7" x14ac:dyDescent="0.25">
      <c r="A1494" t="s">
        <v>19</v>
      </c>
      <c r="B1494">
        <v>47060</v>
      </c>
      <c r="C1494">
        <v>16</v>
      </c>
      <c r="D1494" t="s">
        <v>24</v>
      </c>
      <c r="E1494">
        <v>0.6</v>
      </c>
      <c r="F1494">
        <v>1.1499999999999999</v>
      </c>
      <c r="G1494">
        <v>0.83</v>
      </c>
    </row>
    <row r="1495" spans="1:7" x14ac:dyDescent="0.25">
      <c r="A1495" t="s">
        <v>19</v>
      </c>
      <c r="B1495">
        <v>118307</v>
      </c>
      <c r="C1495">
        <v>25</v>
      </c>
      <c r="D1495" t="s">
        <v>24</v>
      </c>
      <c r="E1495">
        <v>0.9</v>
      </c>
      <c r="F1495">
        <v>0.56999999999999995</v>
      </c>
      <c r="G1495">
        <v>0.93</v>
      </c>
    </row>
    <row r="1496" spans="1:7" x14ac:dyDescent="0.25">
      <c r="A1496" t="s">
        <v>25</v>
      </c>
      <c r="B1496">
        <v>98140</v>
      </c>
      <c r="C1496">
        <v>5</v>
      </c>
      <c r="D1496" t="s">
        <v>8</v>
      </c>
      <c r="E1496">
        <v>0.78</v>
      </c>
      <c r="F1496">
        <v>1.43</v>
      </c>
      <c r="G1496">
        <v>0.88</v>
      </c>
    </row>
    <row r="1497" spans="1:7" x14ac:dyDescent="0.25">
      <c r="A1497" t="s">
        <v>25</v>
      </c>
      <c r="B1497">
        <v>145092</v>
      </c>
      <c r="C1497">
        <v>25</v>
      </c>
      <c r="D1497" t="s">
        <v>8</v>
      </c>
      <c r="E1497">
        <v>0.98</v>
      </c>
      <c r="F1497">
        <v>1.3</v>
      </c>
      <c r="G1497">
        <v>0.89</v>
      </c>
    </row>
    <row r="1498" spans="1:7" x14ac:dyDescent="0.25">
      <c r="A1498" t="s">
        <v>19</v>
      </c>
      <c r="B1498">
        <v>122965</v>
      </c>
      <c r="C1498">
        <v>9</v>
      </c>
      <c r="D1498" t="s">
        <v>8</v>
      </c>
      <c r="E1498">
        <v>0.15</v>
      </c>
      <c r="F1498">
        <v>1.36</v>
      </c>
      <c r="G1498">
        <v>0.92</v>
      </c>
    </row>
    <row r="1499" spans="1:7" x14ac:dyDescent="0.25">
      <c r="A1499" t="s">
        <v>25</v>
      </c>
      <c r="B1499">
        <v>138204</v>
      </c>
      <c r="C1499">
        <v>22</v>
      </c>
      <c r="D1499" t="s">
        <v>24</v>
      </c>
      <c r="E1499">
        <v>0.26</v>
      </c>
      <c r="F1499">
        <v>0.57999999999999996</v>
      </c>
      <c r="G1499">
        <v>0.94</v>
      </c>
    </row>
    <row r="1500" spans="1:7" x14ac:dyDescent="0.25">
      <c r="A1500" t="s">
        <v>23</v>
      </c>
      <c r="B1500">
        <v>138500</v>
      </c>
      <c r="C1500">
        <v>15</v>
      </c>
      <c r="D1500" t="s">
        <v>24</v>
      </c>
      <c r="E1500">
        <v>0.66</v>
      </c>
      <c r="F1500">
        <v>1.28</v>
      </c>
      <c r="G1500">
        <v>0.55000000000000004</v>
      </c>
    </row>
    <row r="1501" spans="1:7" x14ac:dyDescent="0.25">
      <c r="A1501" t="s">
        <v>27</v>
      </c>
      <c r="B1501">
        <v>49728</v>
      </c>
      <c r="C1501">
        <v>6</v>
      </c>
      <c r="D1501" t="s">
        <v>24</v>
      </c>
      <c r="E1501">
        <v>0.91</v>
      </c>
      <c r="F1501">
        <v>1.08</v>
      </c>
      <c r="G1501">
        <v>0.72</v>
      </c>
    </row>
    <row r="1502" spans="1:7" x14ac:dyDescent="0.25">
      <c r="A1502" t="s">
        <v>21</v>
      </c>
      <c r="B1502">
        <v>79108</v>
      </c>
      <c r="C1502">
        <v>13</v>
      </c>
      <c r="D1502" t="s">
        <v>12</v>
      </c>
      <c r="E1502">
        <v>0.42</v>
      </c>
      <c r="F1502">
        <v>1.08</v>
      </c>
      <c r="G1502">
        <v>0.33</v>
      </c>
    </row>
    <row r="1503" spans="1:7" x14ac:dyDescent="0.25">
      <c r="A1503" t="s">
        <v>30</v>
      </c>
      <c r="B1503">
        <v>114724</v>
      </c>
      <c r="C1503">
        <v>20</v>
      </c>
      <c r="D1503" t="s">
        <v>12</v>
      </c>
      <c r="E1503">
        <v>0.42</v>
      </c>
      <c r="F1503">
        <v>1.3</v>
      </c>
      <c r="G1503">
        <v>0.41</v>
      </c>
    </row>
    <row r="1504" spans="1:7" x14ac:dyDescent="0.25">
      <c r="A1504" t="s">
        <v>30</v>
      </c>
      <c r="B1504">
        <v>123566</v>
      </c>
      <c r="C1504">
        <v>10</v>
      </c>
      <c r="D1504" t="s">
        <v>12</v>
      </c>
      <c r="E1504">
        <v>0.95</v>
      </c>
      <c r="F1504">
        <v>0.51</v>
      </c>
      <c r="G1504">
        <v>0.48</v>
      </c>
    </row>
    <row r="1505" spans="1:7" x14ac:dyDescent="0.25">
      <c r="A1505" t="s">
        <v>27</v>
      </c>
      <c r="B1505">
        <v>33984</v>
      </c>
      <c r="C1505">
        <v>0</v>
      </c>
      <c r="D1505" t="s">
        <v>24</v>
      </c>
      <c r="E1505">
        <v>0.6</v>
      </c>
      <c r="F1505">
        <v>1.19</v>
      </c>
      <c r="G1505">
        <v>0.8</v>
      </c>
    </row>
    <row r="1506" spans="1:7" x14ac:dyDescent="0.25">
      <c r="A1506" t="s">
        <v>28</v>
      </c>
      <c r="B1506">
        <v>140839</v>
      </c>
      <c r="C1506">
        <v>16</v>
      </c>
      <c r="D1506" t="s">
        <v>12</v>
      </c>
      <c r="E1506">
        <v>1</v>
      </c>
      <c r="F1506">
        <v>0.53</v>
      </c>
      <c r="G1506">
        <v>0.33</v>
      </c>
    </row>
    <row r="1507" spans="1:7" x14ac:dyDescent="0.25">
      <c r="A1507" t="s">
        <v>30</v>
      </c>
      <c r="B1507">
        <v>78481</v>
      </c>
      <c r="C1507">
        <v>1</v>
      </c>
      <c r="D1507" t="s">
        <v>12</v>
      </c>
      <c r="E1507">
        <v>0.12</v>
      </c>
      <c r="F1507">
        <v>0.67</v>
      </c>
      <c r="G1507">
        <v>0.7</v>
      </c>
    </row>
    <row r="1508" spans="1:7" x14ac:dyDescent="0.25">
      <c r="A1508" t="s">
        <v>14</v>
      </c>
      <c r="B1508">
        <v>101343</v>
      </c>
      <c r="C1508">
        <v>10</v>
      </c>
      <c r="D1508" t="s">
        <v>24</v>
      </c>
      <c r="E1508">
        <v>0.51</v>
      </c>
      <c r="F1508">
        <v>0.51</v>
      </c>
      <c r="G1508">
        <v>0.42</v>
      </c>
    </row>
    <row r="1509" spans="1:7" x14ac:dyDescent="0.25">
      <c r="A1509" t="s">
        <v>9</v>
      </c>
      <c r="B1509">
        <v>84034</v>
      </c>
      <c r="C1509">
        <v>26</v>
      </c>
      <c r="D1509" t="s">
        <v>8</v>
      </c>
      <c r="E1509">
        <v>0.02</v>
      </c>
      <c r="F1509">
        <v>1.0900000000000001</v>
      </c>
      <c r="G1509">
        <v>0.27</v>
      </c>
    </row>
    <row r="1510" spans="1:7" x14ac:dyDescent="0.25">
      <c r="A1510" t="s">
        <v>16</v>
      </c>
      <c r="B1510">
        <v>66419</v>
      </c>
      <c r="C1510">
        <v>17</v>
      </c>
      <c r="D1510" t="s">
        <v>8</v>
      </c>
      <c r="E1510">
        <v>0.35</v>
      </c>
      <c r="F1510">
        <v>0.87</v>
      </c>
      <c r="G1510">
        <v>0.38</v>
      </c>
    </row>
    <row r="1511" spans="1:7" x14ac:dyDescent="0.25">
      <c r="A1511" t="s">
        <v>23</v>
      </c>
      <c r="B1511">
        <v>79357</v>
      </c>
      <c r="C1511">
        <v>4</v>
      </c>
      <c r="D1511" t="s">
        <v>12</v>
      </c>
      <c r="E1511">
        <v>0.66</v>
      </c>
      <c r="F1511">
        <v>0.81</v>
      </c>
      <c r="G1511">
        <v>0.41</v>
      </c>
    </row>
    <row r="1512" spans="1:7" x14ac:dyDescent="0.25">
      <c r="A1512" t="s">
        <v>29</v>
      </c>
      <c r="B1512">
        <v>99064</v>
      </c>
      <c r="C1512">
        <v>7</v>
      </c>
      <c r="D1512" t="s">
        <v>24</v>
      </c>
      <c r="E1512">
        <v>0.46</v>
      </c>
      <c r="F1512">
        <v>1.36</v>
      </c>
      <c r="G1512">
        <v>0.28000000000000003</v>
      </c>
    </row>
    <row r="1513" spans="1:7" x14ac:dyDescent="0.25">
      <c r="A1513" t="s">
        <v>18</v>
      </c>
      <c r="B1513">
        <v>44280</v>
      </c>
      <c r="C1513">
        <v>2</v>
      </c>
      <c r="D1513" t="s">
        <v>24</v>
      </c>
      <c r="E1513">
        <v>0.17</v>
      </c>
      <c r="F1513">
        <v>1.25</v>
      </c>
      <c r="G1513">
        <v>0.62</v>
      </c>
    </row>
    <row r="1514" spans="1:7" x14ac:dyDescent="0.25">
      <c r="A1514" t="s">
        <v>11</v>
      </c>
      <c r="B1514">
        <v>49691</v>
      </c>
      <c r="C1514">
        <v>26</v>
      </c>
      <c r="D1514" t="s">
        <v>8</v>
      </c>
      <c r="E1514">
        <v>0.7</v>
      </c>
      <c r="F1514">
        <v>1.05</v>
      </c>
      <c r="G1514">
        <v>0.72</v>
      </c>
    </row>
    <row r="1515" spans="1:7" x14ac:dyDescent="0.25">
      <c r="A1515" t="s">
        <v>22</v>
      </c>
      <c r="B1515">
        <v>95234</v>
      </c>
      <c r="C1515">
        <v>4</v>
      </c>
      <c r="D1515" t="s">
        <v>24</v>
      </c>
      <c r="E1515">
        <v>0.78</v>
      </c>
      <c r="F1515">
        <v>1.28</v>
      </c>
      <c r="G1515">
        <v>0.44</v>
      </c>
    </row>
    <row r="1516" spans="1:7" x14ac:dyDescent="0.25">
      <c r="A1516" t="s">
        <v>23</v>
      </c>
      <c r="B1516">
        <v>63783</v>
      </c>
      <c r="C1516">
        <v>2</v>
      </c>
      <c r="D1516" t="s">
        <v>12</v>
      </c>
      <c r="E1516">
        <v>0.41</v>
      </c>
      <c r="F1516">
        <v>1</v>
      </c>
      <c r="G1516">
        <v>0.63</v>
      </c>
    </row>
    <row r="1517" spans="1:7" x14ac:dyDescent="0.25">
      <c r="A1517" t="s">
        <v>18</v>
      </c>
      <c r="B1517">
        <v>95609</v>
      </c>
      <c r="C1517">
        <v>26</v>
      </c>
      <c r="D1517" t="s">
        <v>12</v>
      </c>
      <c r="E1517">
        <v>0.61</v>
      </c>
      <c r="F1517">
        <v>1.1100000000000001</v>
      </c>
      <c r="G1517">
        <v>0.6</v>
      </c>
    </row>
    <row r="1518" spans="1:7" x14ac:dyDescent="0.25">
      <c r="A1518" t="s">
        <v>30</v>
      </c>
      <c r="B1518">
        <v>34590</v>
      </c>
      <c r="C1518">
        <v>20</v>
      </c>
      <c r="D1518" t="s">
        <v>10</v>
      </c>
      <c r="E1518">
        <v>0.9</v>
      </c>
      <c r="F1518">
        <v>1.01</v>
      </c>
      <c r="G1518">
        <v>0.66</v>
      </c>
    </row>
    <row r="1519" spans="1:7" x14ac:dyDescent="0.25">
      <c r="A1519" t="s">
        <v>14</v>
      </c>
      <c r="B1519">
        <v>141463</v>
      </c>
      <c r="C1519">
        <v>18</v>
      </c>
      <c r="D1519" t="s">
        <v>8</v>
      </c>
      <c r="E1519">
        <v>0.63</v>
      </c>
      <c r="F1519">
        <v>1.05</v>
      </c>
      <c r="G1519">
        <v>0.53</v>
      </c>
    </row>
    <row r="1520" spans="1:7" x14ac:dyDescent="0.25">
      <c r="A1520" t="s">
        <v>27</v>
      </c>
      <c r="B1520">
        <v>90891</v>
      </c>
      <c r="C1520">
        <v>22</v>
      </c>
      <c r="D1520" t="s">
        <v>24</v>
      </c>
      <c r="E1520">
        <v>0.15</v>
      </c>
      <c r="F1520">
        <v>1.24</v>
      </c>
      <c r="G1520">
        <v>0.8</v>
      </c>
    </row>
    <row r="1521" spans="1:7" x14ac:dyDescent="0.25">
      <c r="A1521" t="s">
        <v>22</v>
      </c>
      <c r="B1521">
        <v>127976</v>
      </c>
      <c r="C1521">
        <v>9</v>
      </c>
      <c r="D1521" t="s">
        <v>12</v>
      </c>
      <c r="E1521">
        <v>0.28999999999999998</v>
      </c>
      <c r="F1521">
        <v>1.03</v>
      </c>
      <c r="G1521">
        <v>0.64</v>
      </c>
    </row>
    <row r="1522" spans="1:7" x14ac:dyDescent="0.25">
      <c r="A1522" t="s">
        <v>7</v>
      </c>
      <c r="B1522">
        <v>137046</v>
      </c>
      <c r="C1522">
        <v>19</v>
      </c>
      <c r="D1522" t="s">
        <v>8</v>
      </c>
      <c r="E1522">
        <v>0.56999999999999995</v>
      </c>
      <c r="F1522">
        <v>1.05</v>
      </c>
      <c r="G1522">
        <v>0.8</v>
      </c>
    </row>
    <row r="1523" spans="1:7" x14ac:dyDescent="0.25">
      <c r="A1523" t="s">
        <v>26</v>
      </c>
      <c r="B1523">
        <v>51058</v>
      </c>
      <c r="C1523">
        <v>25</v>
      </c>
      <c r="D1523" t="s">
        <v>10</v>
      </c>
      <c r="E1523">
        <v>0.01</v>
      </c>
      <c r="F1523">
        <v>1.35</v>
      </c>
      <c r="G1523">
        <v>0.23</v>
      </c>
    </row>
    <row r="1524" spans="1:7" x14ac:dyDescent="0.25">
      <c r="A1524" t="s">
        <v>19</v>
      </c>
      <c r="B1524">
        <v>34258</v>
      </c>
      <c r="C1524">
        <v>26</v>
      </c>
      <c r="D1524" t="s">
        <v>8</v>
      </c>
      <c r="E1524">
        <v>0.33</v>
      </c>
      <c r="F1524">
        <v>1.23</v>
      </c>
      <c r="G1524">
        <v>0.88</v>
      </c>
    </row>
    <row r="1525" spans="1:7" x14ac:dyDescent="0.25">
      <c r="A1525" t="s">
        <v>27</v>
      </c>
      <c r="B1525">
        <v>107273</v>
      </c>
      <c r="C1525">
        <v>28</v>
      </c>
      <c r="D1525" t="s">
        <v>10</v>
      </c>
      <c r="E1525">
        <v>0.78</v>
      </c>
      <c r="F1525">
        <v>0.8</v>
      </c>
      <c r="G1525">
        <v>0.75</v>
      </c>
    </row>
    <row r="1526" spans="1:7" x14ac:dyDescent="0.25">
      <c r="A1526" t="s">
        <v>29</v>
      </c>
      <c r="B1526">
        <v>144365</v>
      </c>
      <c r="C1526">
        <v>15</v>
      </c>
      <c r="D1526" t="s">
        <v>10</v>
      </c>
      <c r="E1526">
        <v>0.19</v>
      </c>
      <c r="F1526">
        <v>0.98</v>
      </c>
      <c r="G1526">
        <v>7.0000000000000007E-2</v>
      </c>
    </row>
    <row r="1527" spans="1:7" x14ac:dyDescent="0.25">
      <c r="A1527" t="s">
        <v>14</v>
      </c>
      <c r="B1527">
        <v>91146</v>
      </c>
      <c r="C1527">
        <v>21</v>
      </c>
      <c r="D1527" t="s">
        <v>24</v>
      </c>
      <c r="E1527">
        <v>0.83</v>
      </c>
      <c r="F1527">
        <v>1.18</v>
      </c>
      <c r="G1527">
        <v>0.31</v>
      </c>
    </row>
    <row r="1528" spans="1:7" x14ac:dyDescent="0.25">
      <c r="A1528" t="s">
        <v>23</v>
      </c>
      <c r="B1528">
        <v>139759</v>
      </c>
      <c r="C1528">
        <v>20</v>
      </c>
      <c r="D1528" t="s">
        <v>10</v>
      </c>
      <c r="E1528">
        <v>0.37</v>
      </c>
      <c r="F1528">
        <v>1.23</v>
      </c>
      <c r="G1528">
        <v>0.47</v>
      </c>
    </row>
    <row r="1529" spans="1:7" x14ac:dyDescent="0.25">
      <c r="A1529" t="s">
        <v>11</v>
      </c>
      <c r="B1529">
        <v>89087</v>
      </c>
      <c r="C1529">
        <v>16</v>
      </c>
      <c r="D1529" t="s">
        <v>8</v>
      </c>
      <c r="E1529">
        <v>0.2</v>
      </c>
      <c r="F1529">
        <v>0.59</v>
      </c>
      <c r="G1529">
        <v>0.88</v>
      </c>
    </row>
    <row r="1530" spans="1:7" x14ac:dyDescent="0.25">
      <c r="A1530" t="s">
        <v>28</v>
      </c>
      <c r="B1530">
        <v>105692</v>
      </c>
      <c r="C1530">
        <v>0</v>
      </c>
      <c r="D1530" t="s">
        <v>10</v>
      </c>
      <c r="E1530">
        <v>0.69</v>
      </c>
      <c r="F1530">
        <v>0.76</v>
      </c>
      <c r="G1530">
        <v>0.67</v>
      </c>
    </row>
    <row r="1531" spans="1:7" x14ac:dyDescent="0.25">
      <c r="A1531" t="s">
        <v>18</v>
      </c>
      <c r="B1531">
        <v>94930</v>
      </c>
      <c r="C1531">
        <v>26</v>
      </c>
      <c r="D1531" t="s">
        <v>12</v>
      </c>
      <c r="E1531">
        <v>0.37</v>
      </c>
      <c r="F1531">
        <v>0.56000000000000005</v>
      </c>
      <c r="G1531">
        <v>0.63</v>
      </c>
    </row>
    <row r="1532" spans="1:7" x14ac:dyDescent="0.25">
      <c r="A1532" t="s">
        <v>26</v>
      </c>
      <c r="B1532">
        <v>80852</v>
      </c>
      <c r="C1532">
        <v>23</v>
      </c>
      <c r="D1532" t="s">
        <v>10</v>
      </c>
      <c r="E1532">
        <v>0.11</v>
      </c>
      <c r="F1532">
        <v>1.08</v>
      </c>
      <c r="G1532">
        <v>7.0000000000000007E-2</v>
      </c>
    </row>
    <row r="1533" spans="1:7" x14ac:dyDescent="0.25">
      <c r="A1533" t="s">
        <v>14</v>
      </c>
      <c r="B1533">
        <v>135857</v>
      </c>
      <c r="C1533">
        <v>4</v>
      </c>
      <c r="D1533" t="s">
        <v>12</v>
      </c>
      <c r="E1533">
        <v>0.04</v>
      </c>
      <c r="F1533">
        <v>0.96</v>
      </c>
      <c r="G1533">
        <v>0.63</v>
      </c>
    </row>
    <row r="1534" spans="1:7" x14ac:dyDescent="0.25">
      <c r="A1534" t="s">
        <v>15</v>
      </c>
      <c r="B1534">
        <v>118816</v>
      </c>
      <c r="C1534">
        <v>24</v>
      </c>
      <c r="D1534" t="s">
        <v>8</v>
      </c>
      <c r="E1534">
        <v>0.36</v>
      </c>
      <c r="F1534">
        <v>1.07</v>
      </c>
      <c r="G1534">
        <v>0.11</v>
      </c>
    </row>
    <row r="1535" spans="1:7" x14ac:dyDescent="0.25">
      <c r="A1535" t="s">
        <v>22</v>
      </c>
      <c r="B1535">
        <v>73906</v>
      </c>
      <c r="C1535">
        <v>21</v>
      </c>
      <c r="D1535" t="s">
        <v>10</v>
      </c>
      <c r="E1535">
        <v>0.62</v>
      </c>
      <c r="F1535">
        <v>1.1100000000000001</v>
      </c>
      <c r="G1535">
        <v>0.39</v>
      </c>
    </row>
    <row r="1536" spans="1:7" x14ac:dyDescent="0.25">
      <c r="A1536" t="s">
        <v>9</v>
      </c>
      <c r="B1536">
        <v>79723</v>
      </c>
      <c r="C1536">
        <v>23</v>
      </c>
      <c r="D1536" t="s">
        <v>8</v>
      </c>
      <c r="E1536">
        <v>0.09</v>
      </c>
      <c r="F1536">
        <v>1.43</v>
      </c>
      <c r="G1536">
        <v>0.21</v>
      </c>
    </row>
    <row r="1537" spans="1:7" x14ac:dyDescent="0.25">
      <c r="A1537" t="s">
        <v>29</v>
      </c>
      <c r="B1537">
        <v>98457</v>
      </c>
      <c r="C1537">
        <v>21</v>
      </c>
      <c r="D1537" t="s">
        <v>8</v>
      </c>
      <c r="E1537">
        <v>0.55000000000000004</v>
      </c>
      <c r="F1537">
        <v>1.1599999999999999</v>
      </c>
      <c r="G1537">
        <v>0.27</v>
      </c>
    </row>
    <row r="1538" spans="1:7" x14ac:dyDescent="0.25">
      <c r="A1538" t="s">
        <v>18</v>
      </c>
      <c r="B1538">
        <v>35659</v>
      </c>
      <c r="C1538">
        <v>1</v>
      </c>
      <c r="D1538" t="s">
        <v>12</v>
      </c>
      <c r="E1538">
        <v>0.81</v>
      </c>
      <c r="F1538">
        <v>0.81</v>
      </c>
      <c r="G1538">
        <v>0.46</v>
      </c>
    </row>
    <row r="1539" spans="1:7" x14ac:dyDescent="0.25">
      <c r="A1539" t="s">
        <v>26</v>
      </c>
      <c r="B1539">
        <v>114295</v>
      </c>
      <c r="C1539">
        <v>10</v>
      </c>
      <c r="D1539" t="s">
        <v>8</v>
      </c>
      <c r="E1539">
        <v>0.19</v>
      </c>
      <c r="F1539">
        <v>1.35</v>
      </c>
      <c r="G1539">
        <v>0.19</v>
      </c>
    </row>
    <row r="1540" spans="1:7" x14ac:dyDescent="0.25">
      <c r="A1540" t="s">
        <v>26</v>
      </c>
      <c r="B1540">
        <v>128989</v>
      </c>
      <c r="C1540">
        <v>16</v>
      </c>
      <c r="D1540" t="s">
        <v>12</v>
      </c>
      <c r="E1540">
        <v>7.0000000000000007E-2</v>
      </c>
      <c r="F1540">
        <v>0.51</v>
      </c>
      <c r="G1540">
        <v>0.09</v>
      </c>
    </row>
    <row r="1541" spans="1:7" x14ac:dyDescent="0.25">
      <c r="A1541" t="s">
        <v>18</v>
      </c>
      <c r="B1541">
        <v>125011</v>
      </c>
      <c r="C1541">
        <v>4</v>
      </c>
      <c r="D1541" t="s">
        <v>12</v>
      </c>
      <c r="E1541">
        <v>0.72</v>
      </c>
      <c r="F1541">
        <v>0.57999999999999996</v>
      </c>
      <c r="G1541">
        <v>0.56999999999999995</v>
      </c>
    </row>
    <row r="1542" spans="1:7" x14ac:dyDescent="0.25">
      <c r="A1542" t="s">
        <v>9</v>
      </c>
      <c r="B1542">
        <v>70372</v>
      </c>
      <c r="C1542">
        <v>24</v>
      </c>
      <c r="D1542" t="s">
        <v>24</v>
      </c>
      <c r="E1542">
        <v>0.77</v>
      </c>
      <c r="F1542">
        <v>0.56000000000000005</v>
      </c>
      <c r="G1542">
        <v>0.26</v>
      </c>
    </row>
    <row r="1543" spans="1:7" x14ac:dyDescent="0.25">
      <c r="A1543" t="s">
        <v>21</v>
      </c>
      <c r="B1543">
        <v>37203</v>
      </c>
      <c r="C1543">
        <v>28</v>
      </c>
      <c r="D1543" t="s">
        <v>12</v>
      </c>
      <c r="E1543">
        <v>0.47</v>
      </c>
      <c r="F1543">
        <v>1.28</v>
      </c>
      <c r="G1543">
        <v>0.32</v>
      </c>
    </row>
    <row r="1544" spans="1:7" x14ac:dyDescent="0.25">
      <c r="A1544" t="s">
        <v>30</v>
      </c>
      <c r="B1544">
        <v>72928</v>
      </c>
      <c r="C1544">
        <v>8</v>
      </c>
      <c r="D1544" t="s">
        <v>12</v>
      </c>
      <c r="E1544">
        <v>0.74</v>
      </c>
      <c r="F1544">
        <v>0.78</v>
      </c>
      <c r="G1544">
        <v>0.45</v>
      </c>
    </row>
    <row r="1545" spans="1:7" x14ac:dyDescent="0.25">
      <c r="A1545" t="s">
        <v>20</v>
      </c>
      <c r="B1545">
        <v>42568</v>
      </c>
      <c r="C1545">
        <v>3</v>
      </c>
      <c r="D1545" t="s">
        <v>10</v>
      </c>
      <c r="E1545">
        <v>0.75</v>
      </c>
      <c r="F1545">
        <v>1.4</v>
      </c>
      <c r="G1545">
        <v>0.42</v>
      </c>
    </row>
    <row r="1546" spans="1:7" x14ac:dyDescent="0.25">
      <c r="A1546" t="s">
        <v>22</v>
      </c>
      <c r="B1546">
        <v>147982</v>
      </c>
      <c r="C1546">
        <v>28</v>
      </c>
      <c r="D1546" t="s">
        <v>24</v>
      </c>
      <c r="E1546">
        <v>0.52</v>
      </c>
      <c r="F1546">
        <v>1.04</v>
      </c>
      <c r="G1546">
        <v>0.43</v>
      </c>
    </row>
    <row r="1547" spans="1:7" x14ac:dyDescent="0.25">
      <c r="A1547" t="s">
        <v>13</v>
      </c>
      <c r="B1547">
        <v>81011</v>
      </c>
      <c r="C1547">
        <v>0</v>
      </c>
      <c r="D1547" t="s">
        <v>10</v>
      </c>
      <c r="E1547">
        <v>0.97</v>
      </c>
      <c r="F1547">
        <v>1.05</v>
      </c>
      <c r="G1547">
        <v>0.48</v>
      </c>
    </row>
    <row r="1548" spans="1:7" x14ac:dyDescent="0.25">
      <c r="A1548" t="s">
        <v>22</v>
      </c>
      <c r="B1548">
        <v>148691</v>
      </c>
      <c r="C1548">
        <v>1</v>
      </c>
      <c r="D1548" t="s">
        <v>10</v>
      </c>
      <c r="E1548">
        <v>0.44</v>
      </c>
      <c r="F1548">
        <v>0.6</v>
      </c>
      <c r="G1548">
        <v>0.4</v>
      </c>
    </row>
    <row r="1549" spans="1:7" x14ac:dyDescent="0.25">
      <c r="A1549" t="s">
        <v>20</v>
      </c>
      <c r="B1549">
        <v>139014</v>
      </c>
      <c r="C1549">
        <v>10</v>
      </c>
      <c r="D1549" t="s">
        <v>10</v>
      </c>
      <c r="E1549">
        <v>0.39</v>
      </c>
      <c r="F1549">
        <v>1.03</v>
      </c>
      <c r="G1549">
        <v>0.44</v>
      </c>
    </row>
    <row r="1550" spans="1:7" x14ac:dyDescent="0.25">
      <c r="A1550" t="s">
        <v>28</v>
      </c>
      <c r="B1550">
        <v>111164</v>
      </c>
      <c r="C1550">
        <v>28</v>
      </c>
      <c r="D1550" t="s">
        <v>8</v>
      </c>
      <c r="E1550">
        <v>0.34</v>
      </c>
      <c r="F1550">
        <v>1.25</v>
      </c>
      <c r="G1550">
        <v>0.62</v>
      </c>
    </row>
    <row r="1551" spans="1:7" x14ac:dyDescent="0.25">
      <c r="A1551" t="s">
        <v>22</v>
      </c>
      <c r="B1551">
        <v>37529</v>
      </c>
      <c r="C1551">
        <v>21</v>
      </c>
      <c r="D1551" t="s">
        <v>24</v>
      </c>
      <c r="E1551">
        <v>0.81</v>
      </c>
      <c r="F1551">
        <v>0.61</v>
      </c>
      <c r="G1551">
        <v>0.61</v>
      </c>
    </row>
    <row r="1552" spans="1:7" x14ac:dyDescent="0.25">
      <c r="A1552" t="s">
        <v>26</v>
      </c>
      <c r="B1552">
        <v>125707</v>
      </c>
      <c r="C1552">
        <v>1</v>
      </c>
      <c r="D1552" t="s">
        <v>8</v>
      </c>
      <c r="E1552">
        <v>0.34</v>
      </c>
      <c r="F1552">
        <v>1.1399999999999999</v>
      </c>
      <c r="G1552">
        <v>0.26</v>
      </c>
    </row>
    <row r="1553" spans="1:7" x14ac:dyDescent="0.25">
      <c r="A1553" t="s">
        <v>28</v>
      </c>
      <c r="B1553">
        <v>139633</v>
      </c>
      <c r="C1553">
        <v>23</v>
      </c>
      <c r="D1553" t="s">
        <v>10</v>
      </c>
      <c r="E1553">
        <v>0.48</v>
      </c>
      <c r="F1553">
        <v>0.51</v>
      </c>
      <c r="G1553">
        <v>0.31</v>
      </c>
    </row>
    <row r="1554" spans="1:7" x14ac:dyDescent="0.25">
      <c r="A1554" t="s">
        <v>15</v>
      </c>
      <c r="B1554">
        <v>75477</v>
      </c>
      <c r="C1554">
        <v>2</v>
      </c>
      <c r="D1554" t="s">
        <v>10</v>
      </c>
      <c r="E1554">
        <v>0.05</v>
      </c>
      <c r="F1554">
        <v>0.8</v>
      </c>
      <c r="G1554">
        <v>0.19</v>
      </c>
    </row>
    <row r="1555" spans="1:7" x14ac:dyDescent="0.25">
      <c r="A1555" t="s">
        <v>17</v>
      </c>
      <c r="B1555">
        <v>84756</v>
      </c>
      <c r="C1555">
        <v>28</v>
      </c>
      <c r="D1555" t="s">
        <v>10</v>
      </c>
      <c r="E1555">
        <v>0.1</v>
      </c>
      <c r="F1555">
        <v>0.78</v>
      </c>
      <c r="G1555">
        <v>0.12</v>
      </c>
    </row>
    <row r="1556" spans="1:7" x14ac:dyDescent="0.25">
      <c r="A1556" t="s">
        <v>17</v>
      </c>
      <c r="B1556">
        <v>67309</v>
      </c>
      <c r="C1556">
        <v>12</v>
      </c>
      <c r="D1556" t="s">
        <v>12</v>
      </c>
      <c r="E1556">
        <v>0.02</v>
      </c>
      <c r="F1556">
        <v>0.72</v>
      </c>
      <c r="G1556">
        <v>0.2</v>
      </c>
    </row>
    <row r="1557" spans="1:7" x14ac:dyDescent="0.25">
      <c r="A1557" t="s">
        <v>9</v>
      </c>
      <c r="B1557">
        <v>130043</v>
      </c>
      <c r="C1557">
        <v>20</v>
      </c>
      <c r="D1557" t="s">
        <v>8</v>
      </c>
      <c r="E1557">
        <v>0.34</v>
      </c>
      <c r="F1557">
        <v>1.26</v>
      </c>
      <c r="G1557">
        <v>0.21</v>
      </c>
    </row>
    <row r="1558" spans="1:7" x14ac:dyDescent="0.25">
      <c r="A1558" t="s">
        <v>20</v>
      </c>
      <c r="B1558">
        <v>101880</v>
      </c>
      <c r="C1558">
        <v>10</v>
      </c>
      <c r="D1558" t="s">
        <v>10</v>
      </c>
      <c r="E1558">
        <v>0.43</v>
      </c>
      <c r="F1558">
        <v>0.69</v>
      </c>
      <c r="G1558">
        <v>0.51</v>
      </c>
    </row>
    <row r="1559" spans="1:7" x14ac:dyDescent="0.25">
      <c r="A1559" t="s">
        <v>20</v>
      </c>
      <c r="B1559">
        <v>37011</v>
      </c>
      <c r="C1559">
        <v>4</v>
      </c>
      <c r="D1559" t="s">
        <v>8</v>
      </c>
      <c r="E1559">
        <v>0.46</v>
      </c>
      <c r="F1559">
        <v>0.74</v>
      </c>
      <c r="G1559">
        <v>0.48</v>
      </c>
    </row>
    <row r="1560" spans="1:7" x14ac:dyDescent="0.25">
      <c r="A1560" t="s">
        <v>7</v>
      </c>
      <c r="B1560">
        <v>89658</v>
      </c>
      <c r="C1560">
        <v>0</v>
      </c>
      <c r="D1560" t="s">
        <v>8</v>
      </c>
      <c r="E1560">
        <v>0.73</v>
      </c>
      <c r="F1560">
        <v>1.43</v>
      </c>
      <c r="G1560">
        <v>0.89</v>
      </c>
    </row>
    <row r="1561" spans="1:7" x14ac:dyDescent="0.25">
      <c r="A1561" t="s">
        <v>11</v>
      </c>
      <c r="B1561">
        <v>99720</v>
      </c>
      <c r="C1561">
        <v>27</v>
      </c>
      <c r="D1561" t="s">
        <v>10</v>
      </c>
      <c r="E1561">
        <v>0.72</v>
      </c>
      <c r="F1561">
        <v>1.39</v>
      </c>
      <c r="G1561">
        <v>0.7</v>
      </c>
    </row>
    <row r="1562" spans="1:7" x14ac:dyDescent="0.25">
      <c r="A1562" t="s">
        <v>28</v>
      </c>
      <c r="B1562">
        <v>115934</v>
      </c>
      <c r="C1562">
        <v>13</v>
      </c>
      <c r="D1562" t="s">
        <v>10</v>
      </c>
      <c r="E1562">
        <v>0.69</v>
      </c>
      <c r="F1562">
        <v>0.5</v>
      </c>
      <c r="G1562">
        <v>0.67</v>
      </c>
    </row>
    <row r="1563" spans="1:7" x14ac:dyDescent="0.25">
      <c r="A1563" t="s">
        <v>17</v>
      </c>
      <c r="B1563">
        <v>104713</v>
      </c>
      <c r="C1563">
        <v>13</v>
      </c>
      <c r="D1563" t="s">
        <v>12</v>
      </c>
      <c r="E1563">
        <v>0.7</v>
      </c>
      <c r="F1563">
        <v>1.49</v>
      </c>
      <c r="G1563">
        <v>7.0000000000000007E-2</v>
      </c>
    </row>
    <row r="1564" spans="1:7" x14ac:dyDescent="0.25">
      <c r="A1564" t="s">
        <v>25</v>
      </c>
      <c r="B1564">
        <v>51622</v>
      </c>
      <c r="C1564">
        <v>12</v>
      </c>
      <c r="D1564" t="s">
        <v>12</v>
      </c>
      <c r="E1564">
        <v>0.97</v>
      </c>
      <c r="F1564">
        <v>1.49</v>
      </c>
      <c r="G1564">
        <v>0.86</v>
      </c>
    </row>
    <row r="1565" spans="1:7" x14ac:dyDescent="0.25">
      <c r="A1565" t="s">
        <v>9</v>
      </c>
      <c r="B1565">
        <v>118635</v>
      </c>
      <c r="C1565">
        <v>10</v>
      </c>
      <c r="D1565" t="s">
        <v>10</v>
      </c>
      <c r="E1565">
        <v>0.92</v>
      </c>
      <c r="F1565">
        <v>0.89</v>
      </c>
      <c r="G1565">
        <v>0.16</v>
      </c>
    </row>
    <row r="1566" spans="1:7" x14ac:dyDescent="0.25">
      <c r="A1566" t="s">
        <v>7</v>
      </c>
      <c r="B1566">
        <v>58645</v>
      </c>
      <c r="C1566">
        <v>18</v>
      </c>
      <c r="D1566" t="s">
        <v>24</v>
      </c>
      <c r="E1566">
        <v>0.76</v>
      </c>
      <c r="F1566">
        <v>0.51</v>
      </c>
      <c r="G1566">
        <v>0.82</v>
      </c>
    </row>
    <row r="1567" spans="1:7" x14ac:dyDescent="0.25">
      <c r="A1567" t="s">
        <v>23</v>
      </c>
      <c r="B1567">
        <v>74511</v>
      </c>
      <c r="C1567">
        <v>14</v>
      </c>
      <c r="D1567" t="s">
        <v>10</v>
      </c>
      <c r="E1567">
        <v>0.37</v>
      </c>
      <c r="F1567">
        <v>1.07</v>
      </c>
      <c r="G1567">
        <v>0.62</v>
      </c>
    </row>
    <row r="1568" spans="1:7" x14ac:dyDescent="0.25">
      <c r="A1568" t="s">
        <v>18</v>
      </c>
      <c r="B1568">
        <v>101013</v>
      </c>
      <c r="C1568">
        <v>19</v>
      </c>
      <c r="D1568" t="s">
        <v>24</v>
      </c>
      <c r="E1568">
        <v>0.8</v>
      </c>
      <c r="F1568">
        <v>1.47</v>
      </c>
      <c r="G1568">
        <v>0.32</v>
      </c>
    </row>
    <row r="1569" spans="1:7" x14ac:dyDescent="0.25">
      <c r="A1569" t="s">
        <v>30</v>
      </c>
      <c r="B1569">
        <v>131277</v>
      </c>
      <c r="C1569">
        <v>18</v>
      </c>
      <c r="D1569" t="s">
        <v>8</v>
      </c>
      <c r="E1569">
        <v>0.71</v>
      </c>
      <c r="F1569">
        <v>0.93</v>
      </c>
      <c r="G1569">
        <v>0.59</v>
      </c>
    </row>
    <row r="1570" spans="1:7" x14ac:dyDescent="0.25">
      <c r="A1570" t="s">
        <v>14</v>
      </c>
      <c r="B1570">
        <v>47881</v>
      </c>
      <c r="C1570">
        <v>28</v>
      </c>
      <c r="D1570" t="s">
        <v>24</v>
      </c>
      <c r="E1570">
        <v>0.28000000000000003</v>
      </c>
      <c r="F1570">
        <v>1.42</v>
      </c>
      <c r="G1570">
        <v>0.47</v>
      </c>
    </row>
    <row r="1571" spans="1:7" x14ac:dyDescent="0.25">
      <c r="A1571" t="s">
        <v>13</v>
      </c>
      <c r="B1571">
        <v>109741</v>
      </c>
      <c r="C1571">
        <v>18</v>
      </c>
      <c r="D1571" t="s">
        <v>24</v>
      </c>
      <c r="E1571">
        <v>0.3</v>
      </c>
      <c r="F1571">
        <v>1.36</v>
      </c>
      <c r="G1571">
        <v>0.38</v>
      </c>
    </row>
    <row r="1572" spans="1:7" x14ac:dyDescent="0.25">
      <c r="A1572" t="s">
        <v>19</v>
      </c>
      <c r="B1572">
        <v>126509</v>
      </c>
      <c r="C1572">
        <v>11</v>
      </c>
      <c r="D1572" t="s">
        <v>10</v>
      </c>
      <c r="E1572">
        <v>0.24</v>
      </c>
      <c r="F1572">
        <v>1.1200000000000001</v>
      </c>
      <c r="G1572">
        <v>0.81</v>
      </c>
    </row>
    <row r="1573" spans="1:7" x14ac:dyDescent="0.25">
      <c r="A1573" t="s">
        <v>14</v>
      </c>
      <c r="B1573">
        <v>85308</v>
      </c>
      <c r="C1573">
        <v>18</v>
      </c>
      <c r="D1573" t="s">
        <v>24</v>
      </c>
      <c r="E1573">
        <v>0.72</v>
      </c>
      <c r="F1573">
        <v>0.81</v>
      </c>
      <c r="G1573">
        <v>0.31</v>
      </c>
    </row>
    <row r="1574" spans="1:7" x14ac:dyDescent="0.25">
      <c r="A1574" t="s">
        <v>27</v>
      </c>
      <c r="B1574">
        <v>41467</v>
      </c>
      <c r="C1574">
        <v>7</v>
      </c>
      <c r="D1574" t="s">
        <v>8</v>
      </c>
      <c r="E1574">
        <v>0.44</v>
      </c>
      <c r="F1574">
        <v>1.3</v>
      </c>
      <c r="G1574">
        <v>0.93</v>
      </c>
    </row>
    <row r="1575" spans="1:7" x14ac:dyDescent="0.25">
      <c r="A1575" t="s">
        <v>13</v>
      </c>
      <c r="B1575">
        <v>82762</v>
      </c>
      <c r="C1575">
        <v>8</v>
      </c>
      <c r="D1575" t="s">
        <v>12</v>
      </c>
      <c r="E1575">
        <v>0.23</v>
      </c>
      <c r="F1575">
        <v>1.46</v>
      </c>
      <c r="G1575">
        <v>0.5</v>
      </c>
    </row>
    <row r="1576" spans="1:7" x14ac:dyDescent="0.25">
      <c r="A1576" t="s">
        <v>14</v>
      </c>
      <c r="B1576">
        <v>125711</v>
      </c>
      <c r="C1576">
        <v>14</v>
      </c>
      <c r="D1576" t="s">
        <v>10</v>
      </c>
      <c r="E1576">
        <v>0.51</v>
      </c>
      <c r="F1576">
        <v>0.8</v>
      </c>
      <c r="G1576">
        <v>0.36</v>
      </c>
    </row>
    <row r="1577" spans="1:7" x14ac:dyDescent="0.25">
      <c r="A1577" t="s">
        <v>28</v>
      </c>
      <c r="B1577">
        <v>131011</v>
      </c>
      <c r="C1577">
        <v>4</v>
      </c>
      <c r="D1577" t="s">
        <v>12</v>
      </c>
      <c r="E1577">
        <v>0.27</v>
      </c>
      <c r="F1577">
        <v>0.79</v>
      </c>
      <c r="G1577">
        <v>0.32</v>
      </c>
    </row>
    <row r="1578" spans="1:7" x14ac:dyDescent="0.25">
      <c r="A1578" t="s">
        <v>18</v>
      </c>
      <c r="B1578">
        <v>36588</v>
      </c>
      <c r="C1578">
        <v>14</v>
      </c>
      <c r="D1578" t="s">
        <v>24</v>
      </c>
      <c r="E1578">
        <v>0.54</v>
      </c>
      <c r="F1578">
        <v>0.81</v>
      </c>
      <c r="G1578">
        <v>0.5</v>
      </c>
    </row>
    <row r="1579" spans="1:7" x14ac:dyDescent="0.25">
      <c r="A1579" t="s">
        <v>16</v>
      </c>
      <c r="B1579">
        <v>133768</v>
      </c>
      <c r="C1579">
        <v>0</v>
      </c>
      <c r="D1579" t="s">
        <v>12</v>
      </c>
      <c r="E1579">
        <v>0.74</v>
      </c>
      <c r="F1579">
        <v>1.38</v>
      </c>
      <c r="G1579">
        <v>0.45</v>
      </c>
    </row>
    <row r="1580" spans="1:7" x14ac:dyDescent="0.25">
      <c r="A1580" t="s">
        <v>21</v>
      </c>
      <c r="B1580">
        <v>149170</v>
      </c>
      <c r="C1580">
        <v>22</v>
      </c>
      <c r="D1580" t="s">
        <v>12</v>
      </c>
      <c r="E1580">
        <v>0.39</v>
      </c>
      <c r="F1580">
        <v>1.1299999999999999</v>
      </c>
      <c r="G1580">
        <v>0.42</v>
      </c>
    </row>
    <row r="1581" spans="1:7" x14ac:dyDescent="0.25">
      <c r="A1581" t="s">
        <v>11</v>
      </c>
      <c r="B1581">
        <v>91860</v>
      </c>
      <c r="C1581">
        <v>15</v>
      </c>
      <c r="D1581" t="s">
        <v>12</v>
      </c>
      <c r="E1581">
        <v>0.31</v>
      </c>
      <c r="F1581">
        <v>0.64</v>
      </c>
      <c r="G1581">
        <v>0.89</v>
      </c>
    </row>
    <row r="1582" spans="1:7" x14ac:dyDescent="0.25">
      <c r="A1582" t="s">
        <v>17</v>
      </c>
      <c r="B1582">
        <v>106206</v>
      </c>
      <c r="C1582">
        <v>21</v>
      </c>
      <c r="D1582" t="s">
        <v>8</v>
      </c>
      <c r="E1582">
        <v>0.77</v>
      </c>
      <c r="F1582">
        <v>1.36</v>
      </c>
      <c r="G1582">
        <v>0.14000000000000001</v>
      </c>
    </row>
    <row r="1583" spans="1:7" x14ac:dyDescent="0.25">
      <c r="A1583" t="s">
        <v>19</v>
      </c>
      <c r="B1583">
        <v>145155</v>
      </c>
      <c r="C1583">
        <v>0</v>
      </c>
      <c r="D1583" t="s">
        <v>8</v>
      </c>
      <c r="E1583">
        <v>0.18</v>
      </c>
      <c r="F1583">
        <v>1.32</v>
      </c>
      <c r="G1583">
        <v>0.77</v>
      </c>
    </row>
    <row r="1584" spans="1:7" x14ac:dyDescent="0.25">
      <c r="A1584" t="s">
        <v>9</v>
      </c>
      <c r="B1584">
        <v>101812</v>
      </c>
      <c r="C1584">
        <v>24</v>
      </c>
      <c r="D1584" t="s">
        <v>8</v>
      </c>
      <c r="E1584">
        <v>0.57999999999999996</v>
      </c>
      <c r="F1584">
        <v>0.59</v>
      </c>
      <c r="G1584">
        <v>0.18</v>
      </c>
    </row>
    <row r="1585" spans="1:7" x14ac:dyDescent="0.25">
      <c r="A1585" t="s">
        <v>20</v>
      </c>
      <c r="B1585">
        <v>89199</v>
      </c>
      <c r="C1585">
        <v>15</v>
      </c>
      <c r="D1585" t="s">
        <v>24</v>
      </c>
      <c r="E1585">
        <v>0.88</v>
      </c>
      <c r="F1585">
        <v>1.1599999999999999</v>
      </c>
      <c r="G1585">
        <v>0.43</v>
      </c>
    </row>
    <row r="1586" spans="1:7" x14ac:dyDescent="0.25">
      <c r="A1586" t="s">
        <v>17</v>
      </c>
      <c r="B1586">
        <v>141176</v>
      </c>
      <c r="C1586">
        <v>2</v>
      </c>
      <c r="D1586" t="s">
        <v>24</v>
      </c>
      <c r="E1586">
        <v>0.45</v>
      </c>
      <c r="F1586">
        <v>0.81</v>
      </c>
      <c r="G1586">
        <v>0.26</v>
      </c>
    </row>
    <row r="1587" spans="1:7" x14ac:dyDescent="0.25">
      <c r="A1587" t="s">
        <v>13</v>
      </c>
      <c r="B1587">
        <v>53983</v>
      </c>
      <c r="C1587">
        <v>18</v>
      </c>
      <c r="D1587" t="s">
        <v>12</v>
      </c>
      <c r="E1587">
        <v>0.33</v>
      </c>
      <c r="F1587">
        <v>1.2</v>
      </c>
      <c r="G1587">
        <v>0.56000000000000005</v>
      </c>
    </row>
    <row r="1588" spans="1:7" x14ac:dyDescent="0.25">
      <c r="A1588" t="s">
        <v>19</v>
      </c>
      <c r="B1588">
        <v>35807</v>
      </c>
      <c r="C1588">
        <v>16</v>
      </c>
      <c r="D1588" t="s">
        <v>8</v>
      </c>
      <c r="E1588">
        <v>0.65</v>
      </c>
      <c r="F1588">
        <v>1.26</v>
      </c>
      <c r="G1588">
        <v>0.76</v>
      </c>
    </row>
    <row r="1589" spans="1:7" x14ac:dyDescent="0.25">
      <c r="A1589" t="s">
        <v>16</v>
      </c>
      <c r="B1589">
        <v>82546</v>
      </c>
      <c r="C1589">
        <v>25</v>
      </c>
      <c r="D1589" t="s">
        <v>12</v>
      </c>
      <c r="E1589">
        <v>0.63</v>
      </c>
      <c r="F1589">
        <v>0.57999999999999996</v>
      </c>
      <c r="G1589">
        <v>0.35</v>
      </c>
    </row>
    <row r="1590" spans="1:7" x14ac:dyDescent="0.25">
      <c r="A1590" t="s">
        <v>23</v>
      </c>
      <c r="B1590">
        <v>40987</v>
      </c>
      <c r="C1590">
        <v>16</v>
      </c>
      <c r="D1590" t="s">
        <v>10</v>
      </c>
      <c r="E1590">
        <v>0.67</v>
      </c>
      <c r="F1590">
        <v>0.54</v>
      </c>
      <c r="G1590">
        <v>0.46</v>
      </c>
    </row>
    <row r="1591" spans="1:7" x14ac:dyDescent="0.25">
      <c r="A1591" t="s">
        <v>9</v>
      </c>
      <c r="B1591">
        <v>116856</v>
      </c>
      <c r="C1591">
        <v>12</v>
      </c>
      <c r="D1591" t="s">
        <v>10</v>
      </c>
      <c r="E1591">
        <v>0.09</v>
      </c>
      <c r="F1591">
        <v>1.41</v>
      </c>
      <c r="G1591">
        <v>0.12</v>
      </c>
    </row>
    <row r="1592" spans="1:7" x14ac:dyDescent="0.25">
      <c r="A1592" t="s">
        <v>13</v>
      </c>
      <c r="B1592">
        <v>71397</v>
      </c>
      <c r="C1592">
        <v>15</v>
      </c>
      <c r="D1592" t="s">
        <v>12</v>
      </c>
      <c r="E1592">
        <v>7.0000000000000007E-2</v>
      </c>
      <c r="F1592">
        <v>0.98</v>
      </c>
      <c r="G1592">
        <v>0.49</v>
      </c>
    </row>
    <row r="1593" spans="1:7" x14ac:dyDescent="0.25">
      <c r="A1593" t="s">
        <v>7</v>
      </c>
      <c r="B1593">
        <v>45456</v>
      </c>
      <c r="C1593">
        <v>20</v>
      </c>
      <c r="D1593" t="s">
        <v>12</v>
      </c>
      <c r="E1593">
        <v>0.04</v>
      </c>
      <c r="F1593">
        <v>1.47</v>
      </c>
      <c r="G1593">
        <v>0.7</v>
      </c>
    </row>
    <row r="1594" spans="1:7" x14ac:dyDescent="0.25">
      <c r="A1594" t="s">
        <v>23</v>
      </c>
      <c r="B1594">
        <v>66911</v>
      </c>
      <c r="C1594">
        <v>11</v>
      </c>
      <c r="D1594" t="s">
        <v>12</v>
      </c>
      <c r="E1594">
        <v>0.86</v>
      </c>
      <c r="F1594">
        <v>0.69</v>
      </c>
      <c r="G1594">
        <v>0.4</v>
      </c>
    </row>
    <row r="1595" spans="1:7" x14ac:dyDescent="0.25">
      <c r="A1595" t="s">
        <v>25</v>
      </c>
      <c r="B1595">
        <v>34852</v>
      </c>
      <c r="C1595">
        <v>19</v>
      </c>
      <c r="D1595" t="s">
        <v>12</v>
      </c>
      <c r="E1595">
        <v>0.08</v>
      </c>
      <c r="F1595">
        <v>1.03</v>
      </c>
      <c r="G1595">
        <v>0.9</v>
      </c>
    </row>
    <row r="1596" spans="1:7" x14ac:dyDescent="0.25">
      <c r="A1596" t="s">
        <v>22</v>
      </c>
      <c r="B1596">
        <v>42705</v>
      </c>
      <c r="C1596">
        <v>27</v>
      </c>
      <c r="D1596" t="s">
        <v>24</v>
      </c>
      <c r="E1596">
        <v>0.64</v>
      </c>
      <c r="F1596">
        <v>0.59</v>
      </c>
      <c r="G1596">
        <v>0.31</v>
      </c>
    </row>
    <row r="1597" spans="1:7" x14ac:dyDescent="0.25">
      <c r="A1597" t="s">
        <v>29</v>
      </c>
      <c r="B1597">
        <v>65495</v>
      </c>
      <c r="C1597">
        <v>23</v>
      </c>
      <c r="D1597" t="s">
        <v>10</v>
      </c>
      <c r="E1597">
        <v>0.73</v>
      </c>
      <c r="F1597">
        <v>1.5</v>
      </c>
      <c r="G1597">
        <v>0.13</v>
      </c>
    </row>
    <row r="1598" spans="1:7" x14ac:dyDescent="0.25">
      <c r="A1598" t="s">
        <v>27</v>
      </c>
      <c r="B1598">
        <v>99282</v>
      </c>
      <c r="C1598">
        <v>2</v>
      </c>
      <c r="D1598" t="s">
        <v>8</v>
      </c>
      <c r="E1598">
        <v>0.28000000000000003</v>
      </c>
      <c r="F1598">
        <v>0.92</v>
      </c>
      <c r="G1598">
        <v>0.8</v>
      </c>
    </row>
    <row r="1599" spans="1:7" x14ac:dyDescent="0.25">
      <c r="A1599" t="s">
        <v>13</v>
      </c>
      <c r="B1599">
        <v>107275</v>
      </c>
      <c r="C1599">
        <v>19</v>
      </c>
      <c r="D1599" t="s">
        <v>8</v>
      </c>
      <c r="E1599">
        <v>0.96</v>
      </c>
      <c r="F1599">
        <v>0.52</v>
      </c>
      <c r="G1599">
        <v>0.61</v>
      </c>
    </row>
    <row r="1600" spans="1:7" x14ac:dyDescent="0.25">
      <c r="A1600" t="s">
        <v>14</v>
      </c>
      <c r="B1600">
        <v>45573</v>
      </c>
      <c r="C1600">
        <v>2</v>
      </c>
      <c r="D1600" t="s">
        <v>12</v>
      </c>
      <c r="E1600">
        <v>0.68</v>
      </c>
      <c r="F1600">
        <v>0.69</v>
      </c>
      <c r="G1600">
        <v>0.56999999999999995</v>
      </c>
    </row>
    <row r="1601" spans="1:7" x14ac:dyDescent="0.25">
      <c r="A1601" t="s">
        <v>23</v>
      </c>
      <c r="B1601">
        <v>128853</v>
      </c>
      <c r="C1601">
        <v>20</v>
      </c>
      <c r="D1601" t="s">
        <v>24</v>
      </c>
      <c r="E1601">
        <v>0.87</v>
      </c>
      <c r="F1601">
        <v>1.25</v>
      </c>
      <c r="G1601">
        <v>0.47</v>
      </c>
    </row>
    <row r="1602" spans="1:7" x14ac:dyDescent="0.25">
      <c r="A1602" t="s">
        <v>20</v>
      </c>
      <c r="B1602">
        <v>65314</v>
      </c>
      <c r="C1602">
        <v>24</v>
      </c>
      <c r="D1602" t="s">
        <v>8</v>
      </c>
      <c r="E1602">
        <v>0.67</v>
      </c>
      <c r="F1602">
        <v>1.28</v>
      </c>
      <c r="G1602">
        <v>0.37</v>
      </c>
    </row>
    <row r="1603" spans="1:7" x14ac:dyDescent="0.25">
      <c r="A1603" t="s">
        <v>26</v>
      </c>
      <c r="B1603">
        <v>88826</v>
      </c>
      <c r="C1603">
        <v>6</v>
      </c>
      <c r="D1603" t="s">
        <v>10</v>
      </c>
      <c r="E1603">
        <v>0.46</v>
      </c>
      <c r="F1603">
        <v>0.61</v>
      </c>
      <c r="G1603">
        <v>0.12</v>
      </c>
    </row>
    <row r="1604" spans="1:7" x14ac:dyDescent="0.25">
      <c r="A1604" t="s">
        <v>27</v>
      </c>
      <c r="B1604">
        <v>53449</v>
      </c>
      <c r="C1604">
        <v>17</v>
      </c>
      <c r="D1604" t="s">
        <v>8</v>
      </c>
      <c r="E1604">
        <v>0.61</v>
      </c>
      <c r="F1604">
        <v>1.24</v>
      </c>
      <c r="G1604">
        <v>0.78</v>
      </c>
    </row>
    <row r="1605" spans="1:7" x14ac:dyDescent="0.25">
      <c r="A1605" t="s">
        <v>30</v>
      </c>
      <c r="B1605">
        <v>87564</v>
      </c>
      <c r="C1605">
        <v>27</v>
      </c>
      <c r="D1605" t="s">
        <v>10</v>
      </c>
      <c r="E1605">
        <v>0.66</v>
      </c>
      <c r="F1605">
        <v>0.89</v>
      </c>
      <c r="G1605">
        <v>0.44</v>
      </c>
    </row>
    <row r="1606" spans="1:7" x14ac:dyDescent="0.25">
      <c r="A1606" t="s">
        <v>9</v>
      </c>
      <c r="B1606">
        <v>32405</v>
      </c>
      <c r="C1606">
        <v>3</v>
      </c>
      <c r="D1606" t="s">
        <v>8</v>
      </c>
      <c r="E1606">
        <v>0.89</v>
      </c>
      <c r="F1606">
        <v>1.21</v>
      </c>
      <c r="G1606">
        <v>0.19</v>
      </c>
    </row>
    <row r="1607" spans="1:7" x14ac:dyDescent="0.25">
      <c r="A1607" t="s">
        <v>30</v>
      </c>
      <c r="B1607">
        <v>114028</v>
      </c>
      <c r="C1607">
        <v>2</v>
      </c>
      <c r="D1607" t="s">
        <v>12</v>
      </c>
      <c r="E1607">
        <v>0.34</v>
      </c>
      <c r="F1607">
        <v>1.2</v>
      </c>
      <c r="G1607">
        <v>0.49</v>
      </c>
    </row>
    <row r="1608" spans="1:7" x14ac:dyDescent="0.25">
      <c r="A1608" t="s">
        <v>11</v>
      </c>
      <c r="B1608">
        <v>122061</v>
      </c>
      <c r="C1608">
        <v>20</v>
      </c>
      <c r="D1608" t="s">
        <v>10</v>
      </c>
      <c r="E1608">
        <v>0.5</v>
      </c>
      <c r="F1608">
        <v>1.5</v>
      </c>
      <c r="G1608">
        <v>0.82</v>
      </c>
    </row>
    <row r="1609" spans="1:7" x14ac:dyDescent="0.25">
      <c r="A1609" t="s">
        <v>20</v>
      </c>
      <c r="B1609">
        <v>121396</v>
      </c>
      <c r="C1609">
        <v>16</v>
      </c>
      <c r="D1609" t="s">
        <v>10</v>
      </c>
      <c r="E1609">
        <v>0.31</v>
      </c>
      <c r="F1609">
        <v>0.88</v>
      </c>
      <c r="G1609">
        <v>0.5</v>
      </c>
    </row>
    <row r="1610" spans="1:7" x14ac:dyDescent="0.25">
      <c r="A1610" t="s">
        <v>26</v>
      </c>
      <c r="B1610">
        <v>87454</v>
      </c>
      <c r="C1610">
        <v>15</v>
      </c>
      <c r="D1610" t="s">
        <v>10</v>
      </c>
      <c r="E1610">
        <v>0.27</v>
      </c>
      <c r="F1610">
        <v>0.86</v>
      </c>
      <c r="G1610">
        <v>0.28999999999999998</v>
      </c>
    </row>
    <row r="1611" spans="1:7" x14ac:dyDescent="0.25">
      <c r="A1611" t="s">
        <v>17</v>
      </c>
      <c r="B1611">
        <v>127216</v>
      </c>
      <c r="C1611">
        <v>7</v>
      </c>
      <c r="D1611" t="s">
        <v>8</v>
      </c>
      <c r="E1611">
        <v>0.94</v>
      </c>
      <c r="F1611">
        <v>0.86</v>
      </c>
      <c r="G1611">
        <v>0.15</v>
      </c>
    </row>
    <row r="1612" spans="1:7" x14ac:dyDescent="0.25">
      <c r="A1612" t="s">
        <v>22</v>
      </c>
      <c r="B1612">
        <v>89871</v>
      </c>
      <c r="C1612">
        <v>29</v>
      </c>
      <c r="D1612" t="s">
        <v>8</v>
      </c>
      <c r="E1612">
        <v>0.22</v>
      </c>
      <c r="F1612">
        <v>1.1599999999999999</v>
      </c>
      <c r="G1612">
        <v>0.47</v>
      </c>
    </row>
    <row r="1613" spans="1:7" x14ac:dyDescent="0.25">
      <c r="A1613" t="s">
        <v>16</v>
      </c>
      <c r="B1613">
        <v>140564</v>
      </c>
      <c r="C1613">
        <v>19</v>
      </c>
      <c r="D1613" t="s">
        <v>24</v>
      </c>
      <c r="E1613">
        <v>0.51</v>
      </c>
      <c r="F1613">
        <v>1.24</v>
      </c>
      <c r="G1613">
        <v>0.56999999999999995</v>
      </c>
    </row>
    <row r="1614" spans="1:7" x14ac:dyDescent="0.25">
      <c r="A1614" t="s">
        <v>13</v>
      </c>
      <c r="B1614">
        <v>76887</v>
      </c>
      <c r="C1614">
        <v>18</v>
      </c>
      <c r="D1614" t="s">
        <v>10</v>
      </c>
      <c r="E1614">
        <v>0.77</v>
      </c>
      <c r="F1614">
        <v>0.77</v>
      </c>
      <c r="G1614">
        <v>0.56999999999999995</v>
      </c>
    </row>
    <row r="1615" spans="1:7" x14ac:dyDescent="0.25">
      <c r="A1615" t="s">
        <v>15</v>
      </c>
      <c r="B1615">
        <v>94817</v>
      </c>
      <c r="C1615">
        <v>12</v>
      </c>
      <c r="D1615" t="s">
        <v>12</v>
      </c>
      <c r="E1615">
        <v>0.54</v>
      </c>
      <c r="F1615">
        <v>1.45</v>
      </c>
      <c r="G1615">
        <v>0.24</v>
      </c>
    </row>
    <row r="1616" spans="1:7" x14ac:dyDescent="0.25">
      <c r="A1616" t="s">
        <v>21</v>
      </c>
      <c r="B1616">
        <v>90388</v>
      </c>
      <c r="C1616">
        <v>5</v>
      </c>
      <c r="D1616" t="s">
        <v>8</v>
      </c>
      <c r="E1616">
        <v>0.57999999999999996</v>
      </c>
      <c r="F1616">
        <v>1.0900000000000001</v>
      </c>
      <c r="G1616">
        <v>0.53</v>
      </c>
    </row>
    <row r="1617" spans="1:7" x14ac:dyDescent="0.25">
      <c r="A1617" t="s">
        <v>17</v>
      </c>
      <c r="B1617">
        <v>133323</v>
      </c>
      <c r="C1617">
        <v>3</v>
      </c>
      <c r="D1617" t="s">
        <v>8</v>
      </c>
      <c r="E1617">
        <v>0.09</v>
      </c>
      <c r="F1617">
        <v>0.89</v>
      </c>
      <c r="G1617">
        <v>0.2</v>
      </c>
    </row>
    <row r="1618" spans="1:7" x14ac:dyDescent="0.25">
      <c r="A1618" t="s">
        <v>7</v>
      </c>
      <c r="B1618">
        <v>119526</v>
      </c>
      <c r="C1618">
        <v>10</v>
      </c>
      <c r="D1618" t="s">
        <v>10</v>
      </c>
      <c r="E1618">
        <v>0.46</v>
      </c>
      <c r="F1618">
        <v>0.72</v>
      </c>
      <c r="G1618">
        <v>0.88</v>
      </c>
    </row>
    <row r="1619" spans="1:7" x14ac:dyDescent="0.25">
      <c r="A1619" t="s">
        <v>22</v>
      </c>
      <c r="B1619">
        <v>62676</v>
      </c>
      <c r="C1619">
        <v>4</v>
      </c>
      <c r="D1619" t="s">
        <v>10</v>
      </c>
      <c r="E1619">
        <v>0.16</v>
      </c>
      <c r="F1619">
        <v>0.75</v>
      </c>
      <c r="G1619">
        <v>0.66</v>
      </c>
    </row>
    <row r="1620" spans="1:7" x14ac:dyDescent="0.25">
      <c r="A1620" t="s">
        <v>22</v>
      </c>
      <c r="B1620">
        <v>44590</v>
      </c>
      <c r="C1620">
        <v>22</v>
      </c>
      <c r="D1620" t="s">
        <v>12</v>
      </c>
      <c r="E1620">
        <v>0.08</v>
      </c>
      <c r="F1620">
        <v>1.35</v>
      </c>
      <c r="G1620">
        <v>0.47</v>
      </c>
    </row>
    <row r="1621" spans="1:7" x14ac:dyDescent="0.25">
      <c r="A1621" t="s">
        <v>13</v>
      </c>
      <c r="B1621">
        <v>68463</v>
      </c>
      <c r="C1621">
        <v>5</v>
      </c>
      <c r="D1621" t="s">
        <v>24</v>
      </c>
      <c r="E1621">
        <v>0.78</v>
      </c>
      <c r="F1621">
        <v>0.81</v>
      </c>
      <c r="G1621">
        <v>0.57999999999999996</v>
      </c>
    </row>
    <row r="1622" spans="1:7" x14ac:dyDescent="0.25">
      <c r="A1622" t="s">
        <v>13</v>
      </c>
      <c r="B1622">
        <v>52053</v>
      </c>
      <c r="C1622">
        <v>16</v>
      </c>
      <c r="D1622" t="s">
        <v>24</v>
      </c>
      <c r="E1622">
        <v>0.74</v>
      </c>
      <c r="F1622">
        <v>0.7</v>
      </c>
      <c r="G1622">
        <v>0.38</v>
      </c>
    </row>
    <row r="1623" spans="1:7" x14ac:dyDescent="0.25">
      <c r="A1623" t="s">
        <v>13</v>
      </c>
      <c r="B1623">
        <v>104767</v>
      </c>
      <c r="C1623">
        <v>24</v>
      </c>
      <c r="D1623" t="s">
        <v>24</v>
      </c>
      <c r="E1623">
        <v>0.86</v>
      </c>
      <c r="F1623">
        <v>1.07</v>
      </c>
      <c r="G1623">
        <v>0.55000000000000004</v>
      </c>
    </row>
    <row r="1624" spans="1:7" x14ac:dyDescent="0.25">
      <c r="A1624" t="s">
        <v>13</v>
      </c>
      <c r="B1624">
        <v>65303</v>
      </c>
      <c r="C1624">
        <v>20</v>
      </c>
      <c r="D1624" t="s">
        <v>10</v>
      </c>
      <c r="E1624">
        <v>0.6</v>
      </c>
      <c r="F1624">
        <v>0.53</v>
      </c>
      <c r="G1624">
        <v>0.49</v>
      </c>
    </row>
    <row r="1625" spans="1:7" x14ac:dyDescent="0.25">
      <c r="A1625" t="s">
        <v>28</v>
      </c>
      <c r="B1625">
        <v>34312</v>
      </c>
      <c r="C1625">
        <v>3</v>
      </c>
      <c r="D1625" t="s">
        <v>24</v>
      </c>
      <c r="E1625">
        <v>0.63</v>
      </c>
      <c r="F1625">
        <v>0.79</v>
      </c>
      <c r="G1625">
        <v>0.34</v>
      </c>
    </row>
    <row r="1626" spans="1:7" x14ac:dyDescent="0.25">
      <c r="A1626" t="s">
        <v>29</v>
      </c>
      <c r="B1626">
        <v>69794</v>
      </c>
      <c r="C1626">
        <v>21</v>
      </c>
      <c r="D1626" t="s">
        <v>24</v>
      </c>
      <c r="E1626">
        <v>0.54</v>
      </c>
      <c r="F1626">
        <v>0.66</v>
      </c>
      <c r="G1626">
        <v>0.17</v>
      </c>
    </row>
    <row r="1627" spans="1:7" x14ac:dyDescent="0.25">
      <c r="A1627" t="s">
        <v>27</v>
      </c>
      <c r="B1627">
        <v>80102</v>
      </c>
      <c r="C1627">
        <v>23</v>
      </c>
      <c r="D1627" t="s">
        <v>8</v>
      </c>
      <c r="E1627">
        <v>0.09</v>
      </c>
      <c r="F1627">
        <v>0.78</v>
      </c>
      <c r="G1627">
        <v>0.77</v>
      </c>
    </row>
    <row r="1628" spans="1:7" x14ac:dyDescent="0.25">
      <c r="A1628" t="s">
        <v>11</v>
      </c>
      <c r="B1628">
        <v>106743</v>
      </c>
      <c r="C1628">
        <v>11</v>
      </c>
      <c r="D1628" t="s">
        <v>8</v>
      </c>
      <c r="E1628">
        <v>0.63</v>
      </c>
      <c r="F1628">
        <v>0.72</v>
      </c>
      <c r="G1628">
        <v>0.8</v>
      </c>
    </row>
    <row r="1629" spans="1:7" x14ac:dyDescent="0.25">
      <c r="A1629" t="s">
        <v>7</v>
      </c>
      <c r="B1629">
        <v>67333</v>
      </c>
      <c r="C1629">
        <v>10</v>
      </c>
      <c r="D1629" t="s">
        <v>12</v>
      </c>
      <c r="E1629">
        <v>0.12</v>
      </c>
      <c r="F1629">
        <v>0.99</v>
      </c>
      <c r="G1629">
        <v>0.73</v>
      </c>
    </row>
    <row r="1630" spans="1:7" x14ac:dyDescent="0.25">
      <c r="A1630" t="s">
        <v>15</v>
      </c>
      <c r="B1630">
        <v>80724</v>
      </c>
      <c r="C1630">
        <v>18</v>
      </c>
      <c r="D1630" t="s">
        <v>24</v>
      </c>
      <c r="E1630">
        <v>0.99</v>
      </c>
      <c r="F1630">
        <v>1.07</v>
      </c>
      <c r="G1630">
        <v>0.09</v>
      </c>
    </row>
    <row r="1631" spans="1:7" x14ac:dyDescent="0.25">
      <c r="A1631" t="s">
        <v>18</v>
      </c>
      <c r="B1631">
        <v>107684</v>
      </c>
      <c r="C1631">
        <v>5</v>
      </c>
      <c r="D1631" t="s">
        <v>12</v>
      </c>
      <c r="E1631">
        <v>0.6</v>
      </c>
      <c r="F1631">
        <v>1.48</v>
      </c>
      <c r="G1631">
        <v>0.68</v>
      </c>
    </row>
    <row r="1632" spans="1:7" x14ac:dyDescent="0.25">
      <c r="A1632" t="s">
        <v>30</v>
      </c>
      <c r="B1632">
        <v>57161</v>
      </c>
      <c r="C1632">
        <v>28</v>
      </c>
      <c r="D1632" t="s">
        <v>10</v>
      </c>
      <c r="E1632">
        <v>0.5</v>
      </c>
      <c r="F1632">
        <v>1.17</v>
      </c>
      <c r="G1632">
        <v>0.33</v>
      </c>
    </row>
    <row r="1633" spans="1:7" x14ac:dyDescent="0.25">
      <c r="A1633" t="s">
        <v>20</v>
      </c>
      <c r="B1633">
        <v>33687</v>
      </c>
      <c r="C1633">
        <v>15</v>
      </c>
      <c r="D1633" t="s">
        <v>12</v>
      </c>
      <c r="E1633">
        <v>0.64</v>
      </c>
      <c r="F1633">
        <v>0.87</v>
      </c>
      <c r="G1633">
        <v>0.64</v>
      </c>
    </row>
    <row r="1634" spans="1:7" x14ac:dyDescent="0.25">
      <c r="A1634" t="s">
        <v>19</v>
      </c>
      <c r="B1634">
        <v>58777</v>
      </c>
      <c r="C1634">
        <v>18</v>
      </c>
      <c r="D1634" t="s">
        <v>8</v>
      </c>
      <c r="E1634">
        <v>0.28000000000000003</v>
      </c>
      <c r="F1634">
        <v>0.56000000000000005</v>
      </c>
      <c r="G1634">
        <v>0.78</v>
      </c>
    </row>
    <row r="1635" spans="1:7" x14ac:dyDescent="0.25">
      <c r="A1635" t="s">
        <v>23</v>
      </c>
      <c r="B1635">
        <v>58915</v>
      </c>
      <c r="C1635">
        <v>24</v>
      </c>
      <c r="D1635" t="s">
        <v>8</v>
      </c>
      <c r="E1635">
        <v>0.84</v>
      </c>
      <c r="F1635">
        <v>0.56000000000000005</v>
      </c>
      <c r="G1635">
        <v>0.54</v>
      </c>
    </row>
    <row r="1636" spans="1:7" x14ac:dyDescent="0.25">
      <c r="A1636" t="s">
        <v>21</v>
      </c>
      <c r="B1636">
        <v>148222</v>
      </c>
      <c r="C1636">
        <v>2</v>
      </c>
      <c r="D1636" t="s">
        <v>10</v>
      </c>
      <c r="E1636">
        <v>0.8</v>
      </c>
      <c r="F1636">
        <v>0.75</v>
      </c>
      <c r="G1636">
        <v>0.32</v>
      </c>
    </row>
    <row r="1637" spans="1:7" x14ac:dyDescent="0.25">
      <c r="A1637" t="s">
        <v>20</v>
      </c>
      <c r="B1637">
        <v>100880</v>
      </c>
      <c r="C1637">
        <v>21</v>
      </c>
      <c r="D1637" t="s">
        <v>24</v>
      </c>
      <c r="E1637">
        <v>0.24</v>
      </c>
      <c r="F1637">
        <v>1.02</v>
      </c>
      <c r="G1637">
        <v>0.37</v>
      </c>
    </row>
    <row r="1638" spans="1:7" x14ac:dyDescent="0.25">
      <c r="A1638" t="s">
        <v>17</v>
      </c>
      <c r="B1638">
        <v>112056</v>
      </c>
      <c r="C1638">
        <v>19</v>
      </c>
      <c r="D1638" t="s">
        <v>12</v>
      </c>
      <c r="E1638">
        <v>0.79</v>
      </c>
      <c r="F1638">
        <v>0.66</v>
      </c>
      <c r="G1638">
        <v>0.11</v>
      </c>
    </row>
    <row r="1639" spans="1:7" x14ac:dyDescent="0.25">
      <c r="A1639" t="s">
        <v>13</v>
      </c>
      <c r="B1639">
        <v>133144</v>
      </c>
      <c r="C1639">
        <v>16</v>
      </c>
      <c r="D1639" t="s">
        <v>8</v>
      </c>
      <c r="E1639">
        <v>0.66</v>
      </c>
      <c r="F1639">
        <v>0.51</v>
      </c>
      <c r="G1639">
        <v>0.36</v>
      </c>
    </row>
    <row r="1640" spans="1:7" x14ac:dyDescent="0.25">
      <c r="A1640" t="s">
        <v>13</v>
      </c>
      <c r="B1640">
        <v>127364</v>
      </c>
      <c r="C1640">
        <v>0</v>
      </c>
      <c r="D1640" t="s">
        <v>8</v>
      </c>
      <c r="E1640">
        <v>0.7</v>
      </c>
      <c r="F1640">
        <v>1.34</v>
      </c>
      <c r="G1640">
        <v>0.52</v>
      </c>
    </row>
    <row r="1641" spans="1:7" x14ac:dyDescent="0.25">
      <c r="A1641" t="s">
        <v>7</v>
      </c>
      <c r="B1641">
        <v>147257</v>
      </c>
      <c r="C1641">
        <v>23</v>
      </c>
      <c r="D1641" t="s">
        <v>12</v>
      </c>
      <c r="E1641">
        <v>0.91</v>
      </c>
      <c r="F1641">
        <v>1.07</v>
      </c>
      <c r="G1641">
        <v>0.75</v>
      </c>
    </row>
    <row r="1642" spans="1:7" x14ac:dyDescent="0.25">
      <c r="A1642" t="s">
        <v>20</v>
      </c>
      <c r="B1642">
        <v>141706</v>
      </c>
      <c r="C1642">
        <v>18</v>
      </c>
      <c r="D1642" t="s">
        <v>24</v>
      </c>
      <c r="E1642">
        <v>0.67</v>
      </c>
      <c r="F1642">
        <v>0.89</v>
      </c>
      <c r="G1642">
        <v>0.46</v>
      </c>
    </row>
    <row r="1643" spans="1:7" x14ac:dyDescent="0.25">
      <c r="A1643" t="s">
        <v>11</v>
      </c>
      <c r="B1643">
        <v>60795</v>
      </c>
      <c r="C1643">
        <v>2</v>
      </c>
      <c r="D1643" t="s">
        <v>24</v>
      </c>
      <c r="E1643">
        <v>0.57999999999999996</v>
      </c>
      <c r="F1643">
        <v>0.59</v>
      </c>
      <c r="G1643">
        <v>0.79</v>
      </c>
    </row>
    <row r="1644" spans="1:7" x14ac:dyDescent="0.25">
      <c r="A1644" t="s">
        <v>7</v>
      </c>
      <c r="B1644">
        <v>137729</v>
      </c>
      <c r="C1644">
        <v>26</v>
      </c>
      <c r="D1644" t="s">
        <v>24</v>
      </c>
      <c r="E1644">
        <v>0.45</v>
      </c>
      <c r="F1644">
        <v>0.96</v>
      </c>
      <c r="G1644">
        <v>0.87</v>
      </c>
    </row>
    <row r="1645" spans="1:7" x14ac:dyDescent="0.25">
      <c r="A1645" t="s">
        <v>29</v>
      </c>
      <c r="B1645">
        <v>59340</v>
      </c>
      <c r="C1645">
        <v>5</v>
      </c>
      <c r="D1645" t="s">
        <v>12</v>
      </c>
      <c r="E1645">
        <v>0.86</v>
      </c>
      <c r="F1645">
        <v>1.36</v>
      </c>
      <c r="G1645">
        <v>0.28999999999999998</v>
      </c>
    </row>
    <row r="1646" spans="1:7" x14ac:dyDescent="0.25">
      <c r="A1646" t="s">
        <v>18</v>
      </c>
      <c r="B1646">
        <v>75487</v>
      </c>
      <c r="C1646">
        <v>2</v>
      </c>
      <c r="D1646" t="s">
        <v>12</v>
      </c>
      <c r="E1646">
        <v>0.09</v>
      </c>
      <c r="F1646">
        <v>0.82</v>
      </c>
      <c r="G1646">
        <v>0.55000000000000004</v>
      </c>
    </row>
    <row r="1647" spans="1:7" x14ac:dyDescent="0.25">
      <c r="A1647" t="s">
        <v>27</v>
      </c>
      <c r="B1647">
        <v>123258</v>
      </c>
      <c r="C1647">
        <v>17</v>
      </c>
      <c r="D1647" t="s">
        <v>8</v>
      </c>
      <c r="E1647">
        <v>0.26</v>
      </c>
      <c r="F1647">
        <v>0.89</v>
      </c>
      <c r="G1647">
        <v>0.83</v>
      </c>
    </row>
    <row r="1648" spans="1:7" x14ac:dyDescent="0.25">
      <c r="A1648" t="s">
        <v>17</v>
      </c>
      <c r="B1648">
        <v>37160</v>
      </c>
      <c r="C1648">
        <v>9</v>
      </c>
      <c r="D1648" t="s">
        <v>24</v>
      </c>
      <c r="E1648">
        <v>0.85</v>
      </c>
      <c r="F1648">
        <v>1.01</v>
      </c>
      <c r="G1648">
        <v>0.17</v>
      </c>
    </row>
    <row r="1649" spans="1:7" x14ac:dyDescent="0.25">
      <c r="A1649" t="s">
        <v>20</v>
      </c>
      <c r="B1649">
        <v>43869</v>
      </c>
      <c r="C1649">
        <v>7</v>
      </c>
      <c r="D1649" t="s">
        <v>12</v>
      </c>
      <c r="E1649">
        <v>0.63</v>
      </c>
      <c r="F1649">
        <v>1.27</v>
      </c>
      <c r="G1649">
        <v>0.41</v>
      </c>
    </row>
    <row r="1650" spans="1:7" x14ac:dyDescent="0.25">
      <c r="A1650" t="s">
        <v>11</v>
      </c>
      <c r="B1650">
        <v>142266</v>
      </c>
      <c r="C1650">
        <v>20</v>
      </c>
      <c r="D1650" t="s">
        <v>8</v>
      </c>
      <c r="E1650">
        <v>0.18</v>
      </c>
      <c r="F1650">
        <v>0.57999999999999996</v>
      </c>
      <c r="G1650">
        <v>0.85</v>
      </c>
    </row>
    <row r="1651" spans="1:7" x14ac:dyDescent="0.25">
      <c r="A1651" t="s">
        <v>18</v>
      </c>
      <c r="B1651">
        <v>112833</v>
      </c>
      <c r="C1651">
        <v>24</v>
      </c>
      <c r="D1651" t="s">
        <v>12</v>
      </c>
      <c r="E1651">
        <v>0.34</v>
      </c>
      <c r="F1651">
        <v>0.61</v>
      </c>
      <c r="G1651">
        <v>0.32</v>
      </c>
    </row>
    <row r="1652" spans="1:7" x14ac:dyDescent="0.25">
      <c r="A1652" t="s">
        <v>25</v>
      </c>
      <c r="B1652">
        <v>124538</v>
      </c>
      <c r="C1652">
        <v>10</v>
      </c>
      <c r="D1652" t="s">
        <v>24</v>
      </c>
      <c r="E1652">
        <v>0.01</v>
      </c>
      <c r="F1652">
        <v>1.23</v>
      </c>
      <c r="G1652">
        <v>0.73</v>
      </c>
    </row>
    <row r="1653" spans="1:7" x14ac:dyDescent="0.25">
      <c r="A1653" t="s">
        <v>13</v>
      </c>
      <c r="B1653">
        <v>54608</v>
      </c>
      <c r="C1653">
        <v>4</v>
      </c>
      <c r="D1653" t="s">
        <v>12</v>
      </c>
      <c r="E1653">
        <v>0.43</v>
      </c>
      <c r="F1653">
        <v>0.54</v>
      </c>
      <c r="G1653">
        <v>0.36</v>
      </c>
    </row>
    <row r="1654" spans="1:7" x14ac:dyDescent="0.25">
      <c r="A1654" t="s">
        <v>30</v>
      </c>
      <c r="B1654">
        <v>41367</v>
      </c>
      <c r="C1654">
        <v>11</v>
      </c>
      <c r="D1654" t="s">
        <v>24</v>
      </c>
      <c r="E1654">
        <v>0.66</v>
      </c>
      <c r="F1654">
        <v>0.91</v>
      </c>
      <c r="G1654">
        <v>0.5</v>
      </c>
    </row>
    <row r="1655" spans="1:7" x14ac:dyDescent="0.25">
      <c r="A1655" t="s">
        <v>29</v>
      </c>
      <c r="B1655">
        <v>123159</v>
      </c>
      <c r="C1655">
        <v>22</v>
      </c>
      <c r="D1655" t="s">
        <v>10</v>
      </c>
      <c r="E1655">
        <v>7.0000000000000007E-2</v>
      </c>
      <c r="F1655">
        <v>1.38</v>
      </c>
      <c r="G1655">
        <v>0.11</v>
      </c>
    </row>
    <row r="1656" spans="1:7" x14ac:dyDescent="0.25">
      <c r="A1656" t="s">
        <v>11</v>
      </c>
      <c r="B1656">
        <v>138864</v>
      </c>
      <c r="C1656">
        <v>11</v>
      </c>
      <c r="D1656" t="s">
        <v>24</v>
      </c>
      <c r="E1656">
        <v>0.55000000000000004</v>
      </c>
      <c r="F1656">
        <v>1.37</v>
      </c>
      <c r="G1656">
        <v>0.83</v>
      </c>
    </row>
    <row r="1657" spans="1:7" x14ac:dyDescent="0.25">
      <c r="A1657" t="s">
        <v>7</v>
      </c>
      <c r="B1657">
        <v>125504</v>
      </c>
      <c r="C1657">
        <v>14</v>
      </c>
      <c r="D1657" t="s">
        <v>12</v>
      </c>
      <c r="E1657">
        <v>0.97</v>
      </c>
      <c r="F1657">
        <v>0.74</v>
      </c>
      <c r="G1657">
        <v>0.93</v>
      </c>
    </row>
    <row r="1658" spans="1:7" x14ac:dyDescent="0.25">
      <c r="A1658" t="s">
        <v>22</v>
      </c>
      <c r="B1658">
        <v>90302</v>
      </c>
      <c r="C1658">
        <v>18</v>
      </c>
      <c r="D1658" t="s">
        <v>10</v>
      </c>
      <c r="E1658">
        <v>0.64</v>
      </c>
      <c r="F1658">
        <v>0.5</v>
      </c>
      <c r="G1658">
        <v>0.4</v>
      </c>
    </row>
    <row r="1659" spans="1:7" x14ac:dyDescent="0.25">
      <c r="A1659" t="s">
        <v>9</v>
      </c>
      <c r="B1659">
        <v>72722</v>
      </c>
      <c r="C1659">
        <v>0</v>
      </c>
      <c r="D1659" t="s">
        <v>24</v>
      </c>
      <c r="E1659">
        <v>0.48</v>
      </c>
      <c r="F1659">
        <v>1.21</v>
      </c>
      <c r="G1659">
        <v>0.1</v>
      </c>
    </row>
    <row r="1660" spans="1:7" x14ac:dyDescent="0.25">
      <c r="A1660" t="s">
        <v>25</v>
      </c>
      <c r="B1660">
        <v>116379</v>
      </c>
      <c r="C1660">
        <v>20</v>
      </c>
      <c r="D1660" t="s">
        <v>12</v>
      </c>
      <c r="E1660">
        <v>0.17</v>
      </c>
      <c r="F1660">
        <v>1.25</v>
      </c>
      <c r="G1660">
        <v>0.91</v>
      </c>
    </row>
    <row r="1661" spans="1:7" x14ac:dyDescent="0.25">
      <c r="A1661" t="s">
        <v>22</v>
      </c>
      <c r="B1661">
        <v>72412</v>
      </c>
      <c r="C1661">
        <v>21</v>
      </c>
      <c r="D1661" t="s">
        <v>24</v>
      </c>
      <c r="E1661">
        <v>0.39</v>
      </c>
      <c r="F1661">
        <v>1.02</v>
      </c>
      <c r="G1661">
        <v>0.48</v>
      </c>
    </row>
    <row r="1662" spans="1:7" x14ac:dyDescent="0.25">
      <c r="A1662" t="s">
        <v>19</v>
      </c>
      <c r="B1662">
        <v>74956</v>
      </c>
      <c r="C1662">
        <v>1</v>
      </c>
      <c r="D1662" t="s">
        <v>12</v>
      </c>
      <c r="E1662">
        <v>0.27</v>
      </c>
      <c r="F1662">
        <v>0.56000000000000005</v>
      </c>
      <c r="G1662">
        <v>0.75</v>
      </c>
    </row>
    <row r="1663" spans="1:7" x14ac:dyDescent="0.25">
      <c r="A1663" t="s">
        <v>17</v>
      </c>
      <c r="B1663">
        <v>108872</v>
      </c>
      <c r="C1663">
        <v>16</v>
      </c>
      <c r="D1663" t="s">
        <v>12</v>
      </c>
      <c r="E1663">
        <v>0.27</v>
      </c>
      <c r="F1663">
        <v>0.89</v>
      </c>
      <c r="G1663">
        <v>0.17</v>
      </c>
    </row>
    <row r="1664" spans="1:7" x14ac:dyDescent="0.25">
      <c r="A1664" t="s">
        <v>18</v>
      </c>
      <c r="B1664">
        <v>90542</v>
      </c>
      <c r="C1664">
        <v>19</v>
      </c>
      <c r="D1664" t="s">
        <v>12</v>
      </c>
      <c r="E1664">
        <v>0.33</v>
      </c>
      <c r="F1664">
        <v>1.1499999999999999</v>
      </c>
      <c r="G1664">
        <v>0.7</v>
      </c>
    </row>
    <row r="1665" spans="1:7" x14ac:dyDescent="0.25">
      <c r="A1665" t="s">
        <v>19</v>
      </c>
      <c r="B1665">
        <v>48481</v>
      </c>
      <c r="C1665">
        <v>9</v>
      </c>
      <c r="D1665" t="s">
        <v>24</v>
      </c>
      <c r="E1665">
        <v>0.65</v>
      </c>
      <c r="F1665">
        <v>0.68</v>
      </c>
      <c r="G1665">
        <v>0.83</v>
      </c>
    </row>
    <row r="1666" spans="1:7" x14ac:dyDescent="0.25">
      <c r="A1666" t="s">
        <v>30</v>
      </c>
      <c r="B1666">
        <v>37075</v>
      </c>
      <c r="C1666">
        <v>10</v>
      </c>
      <c r="D1666" t="s">
        <v>8</v>
      </c>
      <c r="E1666">
        <v>0.46</v>
      </c>
      <c r="F1666">
        <v>1.1599999999999999</v>
      </c>
      <c r="G1666">
        <v>0.69</v>
      </c>
    </row>
    <row r="1667" spans="1:7" x14ac:dyDescent="0.25">
      <c r="A1667" t="s">
        <v>21</v>
      </c>
      <c r="B1667">
        <v>100043</v>
      </c>
      <c r="C1667">
        <v>26</v>
      </c>
      <c r="D1667" t="s">
        <v>8</v>
      </c>
      <c r="E1667">
        <v>0.46</v>
      </c>
      <c r="F1667">
        <v>0.69</v>
      </c>
      <c r="G1667">
        <v>0.64</v>
      </c>
    </row>
    <row r="1668" spans="1:7" x14ac:dyDescent="0.25">
      <c r="A1668" t="s">
        <v>13</v>
      </c>
      <c r="B1668">
        <v>105069</v>
      </c>
      <c r="C1668">
        <v>12</v>
      </c>
      <c r="D1668" t="s">
        <v>8</v>
      </c>
      <c r="E1668">
        <v>0.82</v>
      </c>
      <c r="F1668">
        <v>0.98</v>
      </c>
      <c r="G1668">
        <v>0.6</v>
      </c>
    </row>
    <row r="1669" spans="1:7" x14ac:dyDescent="0.25">
      <c r="A1669" t="s">
        <v>17</v>
      </c>
      <c r="B1669">
        <v>82692</v>
      </c>
      <c r="C1669">
        <v>9</v>
      </c>
      <c r="D1669" t="s">
        <v>12</v>
      </c>
      <c r="E1669">
        <v>0.46</v>
      </c>
      <c r="F1669">
        <v>0.77</v>
      </c>
      <c r="G1669">
        <v>0.16</v>
      </c>
    </row>
    <row r="1670" spans="1:7" x14ac:dyDescent="0.25">
      <c r="A1670" t="s">
        <v>22</v>
      </c>
      <c r="B1670">
        <v>71918</v>
      </c>
      <c r="C1670">
        <v>15</v>
      </c>
      <c r="D1670" t="s">
        <v>10</v>
      </c>
      <c r="E1670">
        <v>0.13</v>
      </c>
      <c r="F1670">
        <v>1.03</v>
      </c>
      <c r="G1670">
        <v>0.56999999999999995</v>
      </c>
    </row>
    <row r="1671" spans="1:7" x14ac:dyDescent="0.25">
      <c r="A1671" t="s">
        <v>19</v>
      </c>
      <c r="B1671">
        <v>33264</v>
      </c>
      <c r="C1671">
        <v>11</v>
      </c>
      <c r="D1671" t="s">
        <v>24</v>
      </c>
      <c r="E1671">
        <v>0.53</v>
      </c>
      <c r="F1671">
        <v>1.37</v>
      </c>
      <c r="G1671">
        <v>0.78</v>
      </c>
    </row>
    <row r="1672" spans="1:7" x14ac:dyDescent="0.25">
      <c r="A1672" t="s">
        <v>11</v>
      </c>
      <c r="B1672">
        <v>144047</v>
      </c>
      <c r="C1672">
        <v>16</v>
      </c>
      <c r="D1672" t="s">
        <v>12</v>
      </c>
      <c r="E1672">
        <v>0.43</v>
      </c>
      <c r="F1672">
        <v>1.48</v>
      </c>
      <c r="G1672">
        <v>0.75</v>
      </c>
    </row>
    <row r="1673" spans="1:7" x14ac:dyDescent="0.25">
      <c r="A1673" t="s">
        <v>9</v>
      </c>
      <c r="B1673">
        <v>83433</v>
      </c>
      <c r="C1673">
        <v>4</v>
      </c>
      <c r="D1673" t="s">
        <v>8</v>
      </c>
      <c r="E1673">
        <v>0.73</v>
      </c>
      <c r="F1673">
        <v>0.99</v>
      </c>
      <c r="G1673">
        <v>7.0000000000000007E-2</v>
      </c>
    </row>
    <row r="1674" spans="1:7" x14ac:dyDescent="0.25">
      <c r="A1674" t="s">
        <v>28</v>
      </c>
      <c r="B1674">
        <v>99201</v>
      </c>
      <c r="C1674">
        <v>3</v>
      </c>
      <c r="D1674" t="s">
        <v>10</v>
      </c>
      <c r="E1674">
        <v>0.56999999999999995</v>
      </c>
      <c r="F1674">
        <v>1.02</v>
      </c>
      <c r="G1674">
        <v>0.56000000000000005</v>
      </c>
    </row>
    <row r="1675" spans="1:7" x14ac:dyDescent="0.25">
      <c r="A1675" t="s">
        <v>13</v>
      </c>
      <c r="B1675">
        <v>145131</v>
      </c>
      <c r="C1675">
        <v>19</v>
      </c>
      <c r="D1675" t="s">
        <v>12</v>
      </c>
      <c r="E1675">
        <v>0.64</v>
      </c>
      <c r="F1675">
        <v>1.03</v>
      </c>
      <c r="G1675">
        <v>0.52</v>
      </c>
    </row>
    <row r="1676" spans="1:7" x14ac:dyDescent="0.25">
      <c r="A1676" t="s">
        <v>29</v>
      </c>
      <c r="B1676">
        <v>134290</v>
      </c>
      <c r="C1676">
        <v>8</v>
      </c>
      <c r="D1676" t="s">
        <v>10</v>
      </c>
      <c r="E1676">
        <v>7.0000000000000007E-2</v>
      </c>
      <c r="F1676">
        <v>1.1000000000000001</v>
      </c>
      <c r="G1676">
        <v>0.28999999999999998</v>
      </c>
    </row>
    <row r="1677" spans="1:7" x14ac:dyDescent="0.25">
      <c r="A1677" t="s">
        <v>17</v>
      </c>
      <c r="B1677">
        <v>100779</v>
      </c>
      <c r="C1677">
        <v>21</v>
      </c>
      <c r="D1677" t="s">
        <v>10</v>
      </c>
      <c r="E1677">
        <v>0.8</v>
      </c>
      <c r="F1677">
        <v>1.3</v>
      </c>
      <c r="G1677">
        <v>0.19</v>
      </c>
    </row>
    <row r="1678" spans="1:7" x14ac:dyDescent="0.25">
      <c r="A1678" t="s">
        <v>9</v>
      </c>
      <c r="B1678">
        <v>100935</v>
      </c>
      <c r="C1678">
        <v>5</v>
      </c>
      <c r="D1678" t="s">
        <v>10</v>
      </c>
      <c r="E1678">
        <v>0.89</v>
      </c>
      <c r="F1678">
        <v>0.57999999999999996</v>
      </c>
      <c r="G1678">
        <v>0.2</v>
      </c>
    </row>
    <row r="1679" spans="1:7" x14ac:dyDescent="0.25">
      <c r="A1679" t="s">
        <v>26</v>
      </c>
      <c r="B1679">
        <v>59483</v>
      </c>
      <c r="C1679">
        <v>25</v>
      </c>
      <c r="D1679" t="s">
        <v>12</v>
      </c>
      <c r="E1679">
        <v>0.34</v>
      </c>
      <c r="F1679">
        <v>0.56000000000000005</v>
      </c>
      <c r="G1679">
        <v>0.18</v>
      </c>
    </row>
    <row r="1680" spans="1:7" x14ac:dyDescent="0.25">
      <c r="A1680" t="s">
        <v>30</v>
      </c>
      <c r="B1680">
        <v>61155</v>
      </c>
      <c r="C1680">
        <v>26</v>
      </c>
      <c r="D1680" t="s">
        <v>12</v>
      </c>
      <c r="E1680">
        <v>0.95</v>
      </c>
      <c r="F1680">
        <v>1.1299999999999999</v>
      </c>
      <c r="G1680">
        <v>0.59</v>
      </c>
    </row>
    <row r="1681" spans="1:7" x14ac:dyDescent="0.25">
      <c r="A1681" t="s">
        <v>30</v>
      </c>
      <c r="B1681">
        <v>34176</v>
      </c>
      <c r="C1681">
        <v>6</v>
      </c>
      <c r="D1681" t="s">
        <v>8</v>
      </c>
      <c r="E1681">
        <v>0.82</v>
      </c>
      <c r="F1681">
        <v>1.26</v>
      </c>
      <c r="G1681">
        <v>0.45</v>
      </c>
    </row>
    <row r="1682" spans="1:7" x14ac:dyDescent="0.25">
      <c r="A1682" t="s">
        <v>19</v>
      </c>
      <c r="B1682">
        <v>50746</v>
      </c>
      <c r="C1682">
        <v>12</v>
      </c>
      <c r="D1682" t="s">
        <v>8</v>
      </c>
      <c r="E1682">
        <v>0.95</v>
      </c>
      <c r="F1682">
        <v>0.87</v>
      </c>
      <c r="G1682">
        <v>0.95</v>
      </c>
    </row>
    <row r="1683" spans="1:7" x14ac:dyDescent="0.25">
      <c r="A1683" t="s">
        <v>26</v>
      </c>
      <c r="B1683">
        <v>104557</v>
      </c>
      <c r="C1683">
        <v>18</v>
      </c>
      <c r="D1683" t="s">
        <v>8</v>
      </c>
      <c r="E1683">
        <v>0.47</v>
      </c>
      <c r="F1683">
        <v>0.79</v>
      </c>
      <c r="G1683">
        <v>0.27</v>
      </c>
    </row>
    <row r="1684" spans="1:7" x14ac:dyDescent="0.25">
      <c r="A1684" t="s">
        <v>26</v>
      </c>
      <c r="B1684">
        <v>131242</v>
      </c>
      <c r="C1684">
        <v>14</v>
      </c>
      <c r="D1684" t="s">
        <v>24</v>
      </c>
      <c r="E1684">
        <v>0.75</v>
      </c>
      <c r="F1684">
        <v>1.47</v>
      </c>
      <c r="G1684">
        <v>0.21</v>
      </c>
    </row>
    <row r="1685" spans="1:7" x14ac:dyDescent="0.25">
      <c r="A1685" t="s">
        <v>13</v>
      </c>
      <c r="B1685">
        <v>116949</v>
      </c>
      <c r="C1685">
        <v>11</v>
      </c>
      <c r="D1685" t="s">
        <v>12</v>
      </c>
      <c r="E1685">
        <v>0.28999999999999998</v>
      </c>
      <c r="F1685">
        <v>0.98</v>
      </c>
      <c r="G1685">
        <v>0.65</v>
      </c>
    </row>
    <row r="1686" spans="1:7" x14ac:dyDescent="0.25">
      <c r="A1686" t="s">
        <v>22</v>
      </c>
      <c r="B1686">
        <v>88204</v>
      </c>
      <c r="C1686">
        <v>14</v>
      </c>
      <c r="D1686" t="s">
        <v>10</v>
      </c>
      <c r="E1686">
        <v>0.5</v>
      </c>
      <c r="F1686">
        <v>0.84</v>
      </c>
      <c r="G1686">
        <v>0.55000000000000004</v>
      </c>
    </row>
    <row r="1687" spans="1:7" x14ac:dyDescent="0.25">
      <c r="A1687" t="s">
        <v>26</v>
      </c>
      <c r="B1687">
        <v>45089</v>
      </c>
      <c r="C1687">
        <v>4</v>
      </c>
      <c r="D1687" t="s">
        <v>10</v>
      </c>
      <c r="E1687">
        <v>0.96</v>
      </c>
      <c r="F1687">
        <v>0.65</v>
      </c>
      <c r="G1687">
        <v>0.28999999999999998</v>
      </c>
    </row>
    <row r="1688" spans="1:7" x14ac:dyDescent="0.25">
      <c r="A1688" t="s">
        <v>17</v>
      </c>
      <c r="B1688">
        <v>83341</v>
      </c>
      <c r="C1688">
        <v>5</v>
      </c>
      <c r="D1688" t="s">
        <v>8</v>
      </c>
      <c r="E1688">
        <v>0.1</v>
      </c>
      <c r="F1688">
        <v>1.1399999999999999</v>
      </c>
      <c r="G1688">
        <v>0.1</v>
      </c>
    </row>
    <row r="1689" spans="1:7" x14ac:dyDescent="0.25">
      <c r="A1689" t="s">
        <v>11</v>
      </c>
      <c r="B1689">
        <v>126621</v>
      </c>
      <c r="C1689">
        <v>13</v>
      </c>
      <c r="D1689" t="s">
        <v>12</v>
      </c>
      <c r="E1689">
        <v>0.55000000000000004</v>
      </c>
      <c r="F1689">
        <v>0.88</v>
      </c>
      <c r="G1689">
        <v>0.73</v>
      </c>
    </row>
    <row r="1690" spans="1:7" x14ac:dyDescent="0.25">
      <c r="A1690" t="s">
        <v>25</v>
      </c>
      <c r="B1690">
        <v>128283</v>
      </c>
      <c r="C1690">
        <v>4</v>
      </c>
      <c r="D1690" t="s">
        <v>24</v>
      </c>
      <c r="E1690">
        <v>0.53</v>
      </c>
      <c r="F1690">
        <v>1.46</v>
      </c>
      <c r="G1690">
        <v>0.93</v>
      </c>
    </row>
    <row r="1691" spans="1:7" x14ac:dyDescent="0.25">
      <c r="A1691" t="s">
        <v>21</v>
      </c>
      <c r="B1691">
        <v>100446</v>
      </c>
      <c r="C1691">
        <v>9</v>
      </c>
      <c r="D1691" t="s">
        <v>12</v>
      </c>
      <c r="E1691">
        <v>0.03</v>
      </c>
      <c r="F1691">
        <v>1.3</v>
      </c>
      <c r="G1691">
        <v>0.46</v>
      </c>
    </row>
    <row r="1692" spans="1:7" x14ac:dyDescent="0.25">
      <c r="A1692" t="s">
        <v>28</v>
      </c>
      <c r="B1692">
        <v>107413</v>
      </c>
      <c r="C1692">
        <v>21</v>
      </c>
      <c r="D1692" t="s">
        <v>24</v>
      </c>
      <c r="E1692">
        <v>0.7</v>
      </c>
      <c r="F1692">
        <v>0.85</v>
      </c>
      <c r="G1692">
        <v>0.48</v>
      </c>
    </row>
    <row r="1693" spans="1:7" x14ac:dyDescent="0.25">
      <c r="A1693" t="s">
        <v>9</v>
      </c>
      <c r="B1693">
        <v>106789</v>
      </c>
      <c r="C1693">
        <v>20</v>
      </c>
      <c r="D1693" t="s">
        <v>10</v>
      </c>
      <c r="E1693">
        <v>0.16</v>
      </c>
      <c r="F1693">
        <v>0.93</v>
      </c>
      <c r="G1693">
        <v>0.15</v>
      </c>
    </row>
    <row r="1694" spans="1:7" x14ac:dyDescent="0.25">
      <c r="A1694" t="s">
        <v>28</v>
      </c>
      <c r="B1694">
        <v>86193</v>
      </c>
      <c r="C1694">
        <v>3</v>
      </c>
      <c r="D1694" t="s">
        <v>12</v>
      </c>
      <c r="E1694">
        <v>0.33</v>
      </c>
      <c r="F1694">
        <v>1.23</v>
      </c>
      <c r="G1694">
        <v>0.53</v>
      </c>
    </row>
    <row r="1695" spans="1:7" x14ac:dyDescent="0.25">
      <c r="A1695" t="s">
        <v>28</v>
      </c>
      <c r="B1695">
        <v>102652</v>
      </c>
      <c r="C1695">
        <v>16</v>
      </c>
      <c r="D1695" t="s">
        <v>12</v>
      </c>
      <c r="E1695">
        <v>0.69</v>
      </c>
      <c r="F1695">
        <v>1.31</v>
      </c>
      <c r="G1695">
        <v>0.45</v>
      </c>
    </row>
    <row r="1696" spans="1:7" x14ac:dyDescent="0.25">
      <c r="A1696" t="s">
        <v>16</v>
      </c>
      <c r="B1696">
        <v>131038</v>
      </c>
      <c r="C1696">
        <v>25</v>
      </c>
      <c r="D1696" t="s">
        <v>10</v>
      </c>
      <c r="E1696">
        <v>0.57999999999999996</v>
      </c>
      <c r="F1696">
        <v>1.23</v>
      </c>
      <c r="G1696">
        <v>0.39</v>
      </c>
    </row>
    <row r="1697" spans="1:7" x14ac:dyDescent="0.25">
      <c r="A1697" t="s">
        <v>25</v>
      </c>
      <c r="B1697">
        <v>55143</v>
      </c>
      <c r="C1697">
        <v>2</v>
      </c>
      <c r="D1697" t="s">
        <v>8</v>
      </c>
      <c r="E1697">
        <v>0.19</v>
      </c>
      <c r="F1697">
        <v>1.08</v>
      </c>
      <c r="G1697">
        <v>0.85</v>
      </c>
    </row>
    <row r="1698" spans="1:7" x14ac:dyDescent="0.25">
      <c r="A1698" t="s">
        <v>14</v>
      </c>
      <c r="B1698">
        <v>112702</v>
      </c>
      <c r="C1698">
        <v>22</v>
      </c>
      <c r="D1698" t="s">
        <v>24</v>
      </c>
      <c r="E1698">
        <v>0.81</v>
      </c>
      <c r="F1698">
        <v>1.31</v>
      </c>
      <c r="G1698">
        <v>0.45</v>
      </c>
    </row>
    <row r="1699" spans="1:7" x14ac:dyDescent="0.25">
      <c r="A1699" t="s">
        <v>19</v>
      </c>
      <c r="B1699">
        <v>141459</v>
      </c>
      <c r="C1699">
        <v>26</v>
      </c>
      <c r="D1699" t="s">
        <v>10</v>
      </c>
      <c r="E1699">
        <v>0.02</v>
      </c>
      <c r="F1699">
        <v>0.7</v>
      </c>
      <c r="G1699">
        <v>0.8</v>
      </c>
    </row>
    <row r="1700" spans="1:7" x14ac:dyDescent="0.25">
      <c r="A1700" t="s">
        <v>23</v>
      </c>
      <c r="B1700">
        <v>56107</v>
      </c>
      <c r="C1700">
        <v>24</v>
      </c>
      <c r="D1700" t="s">
        <v>12</v>
      </c>
      <c r="E1700">
        <v>0.73</v>
      </c>
      <c r="F1700">
        <v>0.98</v>
      </c>
      <c r="G1700">
        <v>0.52</v>
      </c>
    </row>
    <row r="1701" spans="1:7" x14ac:dyDescent="0.25">
      <c r="A1701" t="s">
        <v>21</v>
      </c>
      <c r="B1701">
        <v>98402</v>
      </c>
      <c r="C1701">
        <v>8</v>
      </c>
      <c r="D1701" t="s">
        <v>24</v>
      </c>
      <c r="E1701">
        <v>0.47</v>
      </c>
      <c r="F1701">
        <v>0.7</v>
      </c>
      <c r="G1701">
        <v>0.43</v>
      </c>
    </row>
    <row r="1702" spans="1:7" x14ac:dyDescent="0.25">
      <c r="A1702" t="s">
        <v>7</v>
      </c>
      <c r="B1702">
        <v>36005</v>
      </c>
      <c r="C1702">
        <v>14</v>
      </c>
      <c r="D1702" t="s">
        <v>12</v>
      </c>
      <c r="E1702">
        <v>0.33</v>
      </c>
      <c r="F1702">
        <v>0.52</v>
      </c>
      <c r="G1702">
        <v>0.82</v>
      </c>
    </row>
    <row r="1703" spans="1:7" x14ac:dyDescent="0.25">
      <c r="A1703" t="s">
        <v>26</v>
      </c>
      <c r="B1703">
        <v>81038</v>
      </c>
      <c r="C1703">
        <v>25</v>
      </c>
      <c r="D1703" t="s">
        <v>24</v>
      </c>
      <c r="E1703">
        <v>7.0000000000000007E-2</v>
      </c>
      <c r="F1703">
        <v>0.88</v>
      </c>
      <c r="G1703">
        <v>0.26</v>
      </c>
    </row>
    <row r="1704" spans="1:7" x14ac:dyDescent="0.25">
      <c r="A1704" t="s">
        <v>20</v>
      </c>
      <c r="B1704">
        <v>96783</v>
      </c>
      <c r="C1704">
        <v>20</v>
      </c>
      <c r="D1704" t="s">
        <v>24</v>
      </c>
      <c r="E1704">
        <v>0.63</v>
      </c>
      <c r="F1704">
        <v>1.1599999999999999</v>
      </c>
      <c r="G1704">
        <v>0.49</v>
      </c>
    </row>
    <row r="1705" spans="1:7" x14ac:dyDescent="0.25">
      <c r="A1705" t="s">
        <v>29</v>
      </c>
      <c r="B1705">
        <v>101020</v>
      </c>
      <c r="C1705">
        <v>21</v>
      </c>
      <c r="D1705" t="s">
        <v>10</v>
      </c>
      <c r="E1705">
        <v>0.78</v>
      </c>
      <c r="F1705">
        <v>1.1499999999999999</v>
      </c>
      <c r="G1705">
        <v>0.16</v>
      </c>
    </row>
    <row r="1706" spans="1:7" x14ac:dyDescent="0.25">
      <c r="A1706" t="s">
        <v>21</v>
      </c>
      <c r="B1706">
        <v>95217</v>
      </c>
      <c r="C1706">
        <v>16</v>
      </c>
      <c r="D1706" t="s">
        <v>24</v>
      </c>
      <c r="E1706">
        <v>0.66</v>
      </c>
      <c r="F1706">
        <v>0.78</v>
      </c>
      <c r="G1706">
        <v>0.63</v>
      </c>
    </row>
    <row r="1707" spans="1:7" x14ac:dyDescent="0.25">
      <c r="A1707" t="s">
        <v>20</v>
      </c>
      <c r="B1707">
        <v>97323</v>
      </c>
      <c r="C1707">
        <v>19</v>
      </c>
      <c r="D1707" t="s">
        <v>24</v>
      </c>
      <c r="E1707">
        <v>0.61</v>
      </c>
      <c r="F1707">
        <v>0.84</v>
      </c>
      <c r="G1707">
        <v>0.42</v>
      </c>
    </row>
    <row r="1708" spans="1:7" x14ac:dyDescent="0.25">
      <c r="A1708" t="s">
        <v>17</v>
      </c>
      <c r="B1708">
        <v>80049</v>
      </c>
      <c r="C1708">
        <v>19</v>
      </c>
      <c r="D1708" t="s">
        <v>24</v>
      </c>
      <c r="E1708">
        <v>0.47</v>
      </c>
      <c r="F1708">
        <v>0.56000000000000005</v>
      </c>
      <c r="G1708">
        <v>0.28000000000000003</v>
      </c>
    </row>
    <row r="1709" spans="1:7" x14ac:dyDescent="0.25">
      <c r="A1709" t="s">
        <v>29</v>
      </c>
      <c r="B1709">
        <v>48428</v>
      </c>
      <c r="C1709">
        <v>2</v>
      </c>
      <c r="D1709" t="s">
        <v>8</v>
      </c>
      <c r="E1709">
        <v>0.22</v>
      </c>
      <c r="F1709">
        <v>0.68</v>
      </c>
      <c r="G1709">
        <v>0.24</v>
      </c>
    </row>
    <row r="1710" spans="1:7" x14ac:dyDescent="0.25">
      <c r="A1710" t="s">
        <v>17</v>
      </c>
      <c r="B1710">
        <v>85331</v>
      </c>
      <c r="C1710">
        <v>27</v>
      </c>
      <c r="D1710" t="s">
        <v>12</v>
      </c>
      <c r="E1710">
        <v>0.96</v>
      </c>
      <c r="F1710">
        <v>1.46</v>
      </c>
      <c r="G1710">
        <v>0.09</v>
      </c>
    </row>
    <row r="1711" spans="1:7" x14ac:dyDescent="0.25">
      <c r="A1711" t="s">
        <v>30</v>
      </c>
      <c r="B1711">
        <v>35973</v>
      </c>
      <c r="C1711">
        <v>2</v>
      </c>
      <c r="D1711" t="s">
        <v>12</v>
      </c>
      <c r="E1711">
        <v>0.53</v>
      </c>
      <c r="F1711">
        <v>0.88</v>
      </c>
      <c r="G1711">
        <v>0.45</v>
      </c>
    </row>
    <row r="1712" spans="1:7" x14ac:dyDescent="0.25">
      <c r="A1712" t="s">
        <v>13</v>
      </c>
      <c r="B1712">
        <v>67236</v>
      </c>
      <c r="C1712">
        <v>10</v>
      </c>
      <c r="D1712" t="s">
        <v>8</v>
      </c>
      <c r="E1712">
        <v>0.06</v>
      </c>
      <c r="F1712">
        <v>1.19</v>
      </c>
      <c r="G1712">
        <v>0.32</v>
      </c>
    </row>
    <row r="1713" spans="1:7" x14ac:dyDescent="0.25">
      <c r="A1713" t="s">
        <v>14</v>
      </c>
      <c r="B1713">
        <v>112473</v>
      </c>
      <c r="C1713">
        <v>25</v>
      </c>
      <c r="D1713" t="s">
        <v>10</v>
      </c>
      <c r="E1713">
        <v>0.4</v>
      </c>
      <c r="F1713">
        <v>1.28</v>
      </c>
      <c r="G1713">
        <v>0.56000000000000005</v>
      </c>
    </row>
    <row r="1714" spans="1:7" x14ac:dyDescent="0.25">
      <c r="A1714" t="s">
        <v>28</v>
      </c>
      <c r="B1714">
        <v>138480</v>
      </c>
      <c r="C1714">
        <v>27</v>
      </c>
      <c r="D1714" t="s">
        <v>24</v>
      </c>
      <c r="E1714">
        <v>0.12</v>
      </c>
      <c r="F1714">
        <v>0.95</v>
      </c>
      <c r="G1714">
        <v>0.47</v>
      </c>
    </row>
    <row r="1715" spans="1:7" x14ac:dyDescent="0.25">
      <c r="A1715" t="s">
        <v>22</v>
      </c>
      <c r="B1715">
        <v>73464</v>
      </c>
      <c r="C1715">
        <v>27</v>
      </c>
      <c r="D1715" t="s">
        <v>8</v>
      </c>
      <c r="E1715">
        <v>0.56000000000000005</v>
      </c>
      <c r="F1715">
        <v>1.1000000000000001</v>
      </c>
      <c r="G1715">
        <v>0.44</v>
      </c>
    </row>
    <row r="1716" spans="1:7" x14ac:dyDescent="0.25">
      <c r="A1716" t="s">
        <v>26</v>
      </c>
      <c r="B1716">
        <v>118060</v>
      </c>
      <c r="C1716">
        <v>19</v>
      </c>
      <c r="D1716" t="s">
        <v>24</v>
      </c>
      <c r="E1716">
        <v>0.26</v>
      </c>
      <c r="F1716">
        <v>0.76</v>
      </c>
      <c r="G1716">
        <v>0.14000000000000001</v>
      </c>
    </row>
    <row r="1717" spans="1:7" x14ac:dyDescent="0.25">
      <c r="A1717" t="s">
        <v>13</v>
      </c>
      <c r="B1717">
        <v>76905</v>
      </c>
      <c r="C1717">
        <v>12</v>
      </c>
      <c r="D1717" t="s">
        <v>12</v>
      </c>
      <c r="E1717">
        <v>0.87</v>
      </c>
      <c r="F1717">
        <v>0.62</v>
      </c>
      <c r="G1717">
        <v>0.67</v>
      </c>
    </row>
    <row r="1718" spans="1:7" x14ac:dyDescent="0.25">
      <c r="A1718" t="s">
        <v>22</v>
      </c>
      <c r="B1718">
        <v>101341</v>
      </c>
      <c r="C1718">
        <v>15</v>
      </c>
      <c r="D1718" t="s">
        <v>12</v>
      </c>
      <c r="E1718">
        <v>0.85</v>
      </c>
      <c r="F1718">
        <v>0.51</v>
      </c>
      <c r="G1718">
        <v>0.42</v>
      </c>
    </row>
    <row r="1719" spans="1:7" x14ac:dyDescent="0.25">
      <c r="A1719" t="s">
        <v>7</v>
      </c>
      <c r="B1719">
        <v>119314</v>
      </c>
      <c r="C1719">
        <v>26</v>
      </c>
      <c r="D1719" t="s">
        <v>8</v>
      </c>
      <c r="E1719">
        <v>0.49</v>
      </c>
      <c r="F1719">
        <v>1.3</v>
      </c>
      <c r="G1719">
        <v>0.79</v>
      </c>
    </row>
    <row r="1720" spans="1:7" x14ac:dyDescent="0.25">
      <c r="A1720" t="s">
        <v>19</v>
      </c>
      <c r="B1720">
        <v>109455</v>
      </c>
      <c r="C1720">
        <v>26</v>
      </c>
      <c r="D1720" t="s">
        <v>10</v>
      </c>
      <c r="E1720">
        <v>0.44</v>
      </c>
      <c r="F1720">
        <v>1.34</v>
      </c>
      <c r="G1720">
        <v>0.9</v>
      </c>
    </row>
    <row r="1721" spans="1:7" x14ac:dyDescent="0.25">
      <c r="A1721" t="s">
        <v>13</v>
      </c>
      <c r="B1721">
        <v>96951</v>
      </c>
      <c r="C1721">
        <v>6</v>
      </c>
      <c r="D1721" t="s">
        <v>8</v>
      </c>
      <c r="E1721">
        <v>0.08</v>
      </c>
      <c r="F1721">
        <v>1.34</v>
      </c>
      <c r="G1721">
        <v>0.69</v>
      </c>
    </row>
    <row r="1722" spans="1:7" x14ac:dyDescent="0.25">
      <c r="A1722" t="s">
        <v>13</v>
      </c>
      <c r="B1722">
        <v>44057</v>
      </c>
      <c r="C1722">
        <v>5</v>
      </c>
      <c r="D1722" t="s">
        <v>12</v>
      </c>
      <c r="E1722">
        <v>0.5</v>
      </c>
      <c r="F1722">
        <v>0.64</v>
      </c>
      <c r="G1722">
        <v>0.64</v>
      </c>
    </row>
    <row r="1723" spans="1:7" x14ac:dyDescent="0.25">
      <c r="A1723" t="s">
        <v>25</v>
      </c>
      <c r="B1723">
        <v>60185</v>
      </c>
      <c r="C1723">
        <v>28</v>
      </c>
      <c r="D1723" t="s">
        <v>12</v>
      </c>
      <c r="E1723">
        <v>0.36</v>
      </c>
      <c r="F1723">
        <v>0.6</v>
      </c>
      <c r="G1723">
        <v>0.78</v>
      </c>
    </row>
    <row r="1724" spans="1:7" x14ac:dyDescent="0.25">
      <c r="A1724" t="s">
        <v>22</v>
      </c>
      <c r="B1724">
        <v>63797</v>
      </c>
      <c r="C1724">
        <v>24</v>
      </c>
      <c r="D1724" t="s">
        <v>24</v>
      </c>
      <c r="E1724">
        <v>0.68</v>
      </c>
      <c r="F1724">
        <v>0.79</v>
      </c>
      <c r="G1724">
        <v>0.31</v>
      </c>
    </row>
    <row r="1725" spans="1:7" x14ac:dyDescent="0.25">
      <c r="A1725" t="s">
        <v>18</v>
      </c>
      <c r="B1725">
        <v>52792</v>
      </c>
      <c r="C1725">
        <v>6</v>
      </c>
      <c r="D1725" t="s">
        <v>12</v>
      </c>
      <c r="E1725">
        <v>0.47</v>
      </c>
      <c r="F1725">
        <v>0.91</v>
      </c>
      <c r="G1725">
        <v>0.39</v>
      </c>
    </row>
    <row r="1726" spans="1:7" x14ac:dyDescent="0.25">
      <c r="A1726" t="s">
        <v>15</v>
      </c>
      <c r="B1726">
        <v>136827</v>
      </c>
      <c r="C1726">
        <v>15</v>
      </c>
      <c r="D1726" t="s">
        <v>12</v>
      </c>
      <c r="E1726">
        <v>0.64</v>
      </c>
      <c r="F1726">
        <v>1.1499999999999999</v>
      </c>
      <c r="G1726">
        <v>7.0000000000000007E-2</v>
      </c>
    </row>
    <row r="1727" spans="1:7" x14ac:dyDescent="0.25">
      <c r="A1727" t="s">
        <v>29</v>
      </c>
      <c r="B1727">
        <v>34134</v>
      </c>
      <c r="C1727">
        <v>12</v>
      </c>
      <c r="D1727" t="s">
        <v>10</v>
      </c>
      <c r="E1727">
        <v>0.19</v>
      </c>
      <c r="F1727">
        <v>1.22</v>
      </c>
      <c r="G1727">
        <v>0.06</v>
      </c>
    </row>
    <row r="1728" spans="1:7" x14ac:dyDescent="0.25">
      <c r="A1728" t="s">
        <v>7</v>
      </c>
      <c r="B1728">
        <v>117463</v>
      </c>
      <c r="C1728">
        <v>19</v>
      </c>
      <c r="D1728" t="s">
        <v>12</v>
      </c>
      <c r="E1728">
        <v>0.06</v>
      </c>
      <c r="F1728">
        <v>0.9</v>
      </c>
      <c r="G1728">
        <v>0.8</v>
      </c>
    </row>
    <row r="1729" spans="1:7" x14ac:dyDescent="0.25">
      <c r="A1729" t="s">
        <v>15</v>
      </c>
      <c r="B1729">
        <v>74597</v>
      </c>
      <c r="C1729">
        <v>12</v>
      </c>
      <c r="D1729" t="s">
        <v>12</v>
      </c>
      <c r="E1729">
        <v>0.48</v>
      </c>
      <c r="F1729">
        <v>1.17</v>
      </c>
      <c r="G1729">
        <v>0.25</v>
      </c>
    </row>
    <row r="1730" spans="1:7" x14ac:dyDescent="0.25">
      <c r="A1730" t="s">
        <v>18</v>
      </c>
      <c r="B1730">
        <v>40603</v>
      </c>
      <c r="C1730">
        <v>24</v>
      </c>
      <c r="D1730" t="s">
        <v>12</v>
      </c>
      <c r="E1730">
        <v>0.49</v>
      </c>
      <c r="F1730">
        <v>0.94</v>
      </c>
      <c r="G1730">
        <v>0.42</v>
      </c>
    </row>
    <row r="1731" spans="1:7" x14ac:dyDescent="0.25">
      <c r="A1731" t="s">
        <v>17</v>
      </c>
      <c r="B1731">
        <v>106968</v>
      </c>
      <c r="C1731">
        <v>22</v>
      </c>
      <c r="D1731" t="s">
        <v>8</v>
      </c>
      <c r="E1731">
        <v>0.7</v>
      </c>
      <c r="F1731">
        <v>0.56000000000000005</v>
      </c>
      <c r="G1731">
        <v>0.22</v>
      </c>
    </row>
    <row r="1732" spans="1:7" x14ac:dyDescent="0.25">
      <c r="A1732" t="s">
        <v>23</v>
      </c>
      <c r="B1732">
        <v>149700</v>
      </c>
      <c r="C1732">
        <v>26</v>
      </c>
      <c r="D1732" t="s">
        <v>10</v>
      </c>
      <c r="E1732">
        <v>0.79</v>
      </c>
      <c r="F1732">
        <v>0.79</v>
      </c>
      <c r="G1732">
        <v>0.61</v>
      </c>
    </row>
    <row r="1733" spans="1:7" x14ac:dyDescent="0.25">
      <c r="A1733" t="s">
        <v>26</v>
      </c>
      <c r="B1733">
        <v>77890</v>
      </c>
      <c r="C1733">
        <v>26</v>
      </c>
      <c r="D1733" t="s">
        <v>12</v>
      </c>
      <c r="E1733">
        <v>0.19</v>
      </c>
      <c r="F1733">
        <v>1.48</v>
      </c>
      <c r="G1733">
        <v>0.23</v>
      </c>
    </row>
    <row r="1734" spans="1:7" x14ac:dyDescent="0.25">
      <c r="A1734" t="s">
        <v>9</v>
      </c>
      <c r="B1734">
        <v>141930</v>
      </c>
      <c r="C1734">
        <v>5</v>
      </c>
      <c r="D1734" t="s">
        <v>24</v>
      </c>
      <c r="E1734">
        <v>0.02</v>
      </c>
      <c r="F1734">
        <v>1.08</v>
      </c>
      <c r="G1734">
        <v>0.26</v>
      </c>
    </row>
    <row r="1735" spans="1:7" x14ac:dyDescent="0.25">
      <c r="A1735" t="s">
        <v>14</v>
      </c>
      <c r="B1735">
        <v>65976</v>
      </c>
      <c r="C1735">
        <v>2</v>
      </c>
      <c r="D1735" t="s">
        <v>24</v>
      </c>
      <c r="E1735">
        <v>0.47</v>
      </c>
      <c r="F1735">
        <v>1.03</v>
      </c>
      <c r="G1735">
        <v>0.6</v>
      </c>
    </row>
    <row r="1736" spans="1:7" x14ac:dyDescent="0.25">
      <c r="A1736" t="s">
        <v>30</v>
      </c>
      <c r="B1736">
        <v>81356</v>
      </c>
      <c r="C1736">
        <v>7</v>
      </c>
      <c r="D1736" t="s">
        <v>12</v>
      </c>
      <c r="E1736">
        <v>0.14000000000000001</v>
      </c>
      <c r="F1736">
        <v>0.94</v>
      </c>
      <c r="G1736">
        <v>0.36</v>
      </c>
    </row>
    <row r="1737" spans="1:7" x14ac:dyDescent="0.25">
      <c r="A1737" t="s">
        <v>29</v>
      </c>
      <c r="B1737">
        <v>129928</v>
      </c>
      <c r="C1737">
        <v>0</v>
      </c>
      <c r="D1737" t="s">
        <v>24</v>
      </c>
      <c r="E1737">
        <v>0.76</v>
      </c>
      <c r="F1737">
        <v>0.8</v>
      </c>
      <c r="G1737">
        <v>0.25</v>
      </c>
    </row>
    <row r="1738" spans="1:7" x14ac:dyDescent="0.25">
      <c r="A1738" t="s">
        <v>27</v>
      </c>
      <c r="B1738">
        <v>51625</v>
      </c>
      <c r="C1738">
        <v>1</v>
      </c>
      <c r="D1738" t="s">
        <v>24</v>
      </c>
      <c r="E1738">
        <v>0.61</v>
      </c>
      <c r="F1738">
        <v>0.74</v>
      </c>
      <c r="G1738">
        <v>0.75</v>
      </c>
    </row>
    <row r="1739" spans="1:7" x14ac:dyDescent="0.25">
      <c r="A1739" t="s">
        <v>28</v>
      </c>
      <c r="B1739">
        <v>118760</v>
      </c>
      <c r="C1739">
        <v>20</v>
      </c>
      <c r="D1739" t="s">
        <v>12</v>
      </c>
      <c r="E1739">
        <v>0.05</v>
      </c>
      <c r="F1739">
        <v>0.9</v>
      </c>
      <c r="G1739">
        <v>0.4</v>
      </c>
    </row>
    <row r="1740" spans="1:7" x14ac:dyDescent="0.25">
      <c r="A1740" t="s">
        <v>13</v>
      </c>
      <c r="B1740">
        <v>111299</v>
      </c>
      <c r="C1740">
        <v>27</v>
      </c>
      <c r="D1740" t="s">
        <v>12</v>
      </c>
      <c r="E1740">
        <v>0.16</v>
      </c>
      <c r="F1740">
        <v>0.9</v>
      </c>
      <c r="G1740">
        <v>0.52</v>
      </c>
    </row>
    <row r="1741" spans="1:7" x14ac:dyDescent="0.25">
      <c r="A1741" t="s">
        <v>20</v>
      </c>
      <c r="B1741">
        <v>94535</v>
      </c>
      <c r="C1741">
        <v>1</v>
      </c>
      <c r="D1741" t="s">
        <v>12</v>
      </c>
      <c r="E1741">
        <v>0.7</v>
      </c>
      <c r="F1741">
        <v>0.71</v>
      </c>
      <c r="G1741">
        <v>0.41</v>
      </c>
    </row>
    <row r="1742" spans="1:7" x14ac:dyDescent="0.25">
      <c r="A1742" t="s">
        <v>27</v>
      </c>
      <c r="B1742">
        <v>116030</v>
      </c>
      <c r="C1742">
        <v>1</v>
      </c>
      <c r="D1742" t="s">
        <v>8</v>
      </c>
      <c r="E1742">
        <v>0.79</v>
      </c>
      <c r="F1742">
        <v>0.88</v>
      </c>
      <c r="G1742">
        <v>0.95</v>
      </c>
    </row>
    <row r="1743" spans="1:7" x14ac:dyDescent="0.25">
      <c r="A1743" t="s">
        <v>7</v>
      </c>
      <c r="B1743">
        <v>90127</v>
      </c>
      <c r="C1743">
        <v>24</v>
      </c>
      <c r="D1743" t="s">
        <v>10</v>
      </c>
      <c r="E1743">
        <v>0.08</v>
      </c>
      <c r="F1743">
        <v>1.1399999999999999</v>
      </c>
      <c r="G1743">
        <v>0.9</v>
      </c>
    </row>
    <row r="1744" spans="1:7" x14ac:dyDescent="0.25">
      <c r="A1744" t="s">
        <v>13</v>
      </c>
      <c r="B1744">
        <v>55577</v>
      </c>
      <c r="C1744">
        <v>7</v>
      </c>
      <c r="D1744" t="s">
        <v>12</v>
      </c>
      <c r="E1744">
        <v>0.81</v>
      </c>
      <c r="F1744">
        <v>1.1000000000000001</v>
      </c>
      <c r="G1744">
        <v>0.69</v>
      </c>
    </row>
    <row r="1745" spans="1:7" x14ac:dyDescent="0.25">
      <c r="A1745" t="s">
        <v>11</v>
      </c>
      <c r="B1745">
        <v>82573</v>
      </c>
      <c r="C1745">
        <v>24</v>
      </c>
      <c r="D1745" t="s">
        <v>12</v>
      </c>
      <c r="E1745">
        <v>0.95</v>
      </c>
      <c r="F1745">
        <v>0.74</v>
      </c>
      <c r="G1745">
        <v>0.89</v>
      </c>
    </row>
    <row r="1746" spans="1:7" x14ac:dyDescent="0.25">
      <c r="A1746" t="s">
        <v>26</v>
      </c>
      <c r="B1746">
        <v>44703</v>
      </c>
      <c r="C1746">
        <v>3</v>
      </c>
      <c r="D1746" t="s">
        <v>10</v>
      </c>
      <c r="E1746">
        <v>0.56000000000000005</v>
      </c>
      <c r="F1746">
        <v>0.86</v>
      </c>
      <c r="G1746">
        <v>0.09</v>
      </c>
    </row>
    <row r="1747" spans="1:7" x14ac:dyDescent="0.25">
      <c r="A1747" t="s">
        <v>14</v>
      </c>
      <c r="B1747">
        <v>66003</v>
      </c>
      <c r="C1747">
        <v>2</v>
      </c>
      <c r="D1747" t="s">
        <v>12</v>
      </c>
      <c r="E1747">
        <v>0.77</v>
      </c>
      <c r="F1747">
        <v>1.1499999999999999</v>
      </c>
      <c r="G1747">
        <v>0.42</v>
      </c>
    </row>
    <row r="1748" spans="1:7" x14ac:dyDescent="0.25">
      <c r="A1748" t="s">
        <v>9</v>
      </c>
      <c r="B1748">
        <v>44756</v>
      </c>
      <c r="C1748">
        <v>11</v>
      </c>
      <c r="D1748" t="s">
        <v>12</v>
      </c>
      <c r="E1748">
        <v>0.2</v>
      </c>
      <c r="F1748">
        <v>0.86</v>
      </c>
      <c r="G1748">
        <v>0.28999999999999998</v>
      </c>
    </row>
    <row r="1749" spans="1:7" x14ac:dyDescent="0.25">
      <c r="A1749" t="s">
        <v>23</v>
      </c>
      <c r="B1749">
        <v>45380</v>
      </c>
      <c r="C1749">
        <v>20</v>
      </c>
      <c r="D1749" t="s">
        <v>24</v>
      </c>
      <c r="E1749">
        <v>0.04</v>
      </c>
      <c r="F1749">
        <v>1</v>
      </c>
      <c r="G1749">
        <v>0.32</v>
      </c>
    </row>
    <row r="1750" spans="1:7" x14ac:dyDescent="0.25">
      <c r="A1750" t="s">
        <v>27</v>
      </c>
      <c r="B1750">
        <v>139044</v>
      </c>
      <c r="C1750">
        <v>6</v>
      </c>
      <c r="D1750" t="s">
        <v>12</v>
      </c>
      <c r="E1750">
        <v>0.19</v>
      </c>
      <c r="F1750">
        <v>1.23</v>
      </c>
      <c r="G1750">
        <v>0.83</v>
      </c>
    </row>
    <row r="1751" spans="1:7" x14ac:dyDescent="0.25">
      <c r="A1751" t="s">
        <v>22</v>
      </c>
      <c r="B1751">
        <v>114705</v>
      </c>
      <c r="C1751">
        <v>29</v>
      </c>
      <c r="D1751" t="s">
        <v>8</v>
      </c>
      <c r="E1751">
        <v>0.52</v>
      </c>
      <c r="F1751">
        <v>1.45</v>
      </c>
      <c r="G1751">
        <v>0.56000000000000005</v>
      </c>
    </row>
    <row r="1752" spans="1:7" x14ac:dyDescent="0.25">
      <c r="A1752" t="s">
        <v>29</v>
      </c>
      <c r="B1752">
        <v>141375</v>
      </c>
      <c r="C1752">
        <v>16</v>
      </c>
      <c r="D1752" t="s">
        <v>10</v>
      </c>
      <c r="E1752">
        <v>0.34</v>
      </c>
      <c r="F1752">
        <v>1.41</v>
      </c>
      <c r="G1752">
        <v>0.09</v>
      </c>
    </row>
    <row r="1753" spans="1:7" x14ac:dyDescent="0.25">
      <c r="A1753" t="s">
        <v>11</v>
      </c>
      <c r="B1753">
        <v>135454</v>
      </c>
      <c r="C1753">
        <v>16</v>
      </c>
      <c r="D1753" t="s">
        <v>10</v>
      </c>
      <c r="E1753">
        <v>0.19</v>
      </c>
      <c r="F1753">
        <v>0.97</v>
      </c>
      <c r="G1753">
        <v>0.91</v>
      </c>
    </row>
    <row r="1754" spans="1:7" x14ac:dyDescent="0.25">
      <c r="A1754" t="s">
        <v>9</v>
      </c>
      <c r="B1754">
        <v>55903</v>
      </c>
      <c r="C1754">
        <v>23</v>
      </c>
      <c r="D1754" t="s">
        <v>8</v>
      </c>
      <c r="E1754">
        <v>0.26</v>
      </c>
      <c r="F1754">
        <v>0.68</v>
      </c>
      <c r="G1754">
        <v>0.09</v>
      </c>
    </row>
    <row r="1755" spans="1:7" x14ac:dyDescent="0.25">
      <c r="A1755" t="s">
        <v>25</v>
      </c>
      <c r="B1755">
        <v>55036</v>
      </c>
      <c r="C1755">
        <v>21</v>
      </c>
      <c r="D1755" t="s">
        <v>12</v>
      </c>
      <c r="E1755">
        <v>0.44</v>
      </c>
      <c r="F1755">
        <v>0.94</v>
      </c>
      <c r="G1755">
        <v>0.83</v>
      </c>
    </row>
    <row r="1756" spans="1:7" x14ac:dyDescent="0.25">
      <c r="A1756" t="s">
        <v>14</v>
      </c>
      <c r="B1756">
        <v>117309</v>
      </c>
      <c r="C1756">
        <v>8</v>
      </c>
      <c r="D1756" t="s">
        <v>10</v>
      </c>
      <c r="E1756">
        <v>0.77</v>
      </c>
      <c r="F1756">
        <v>1.24</v>
      </c>
      <c r="G1756">
        <v>0.44</v>
      </c>
    </row>
    <row r="1757" spans="1:7" x14ac:dyDescent="0.25">
      <c r="A1757" t="s">
        <v>13</v>
      </c>
      <c r="B1757">
        <v>100412</v>
      </c>
      <c r="C1757">
        <v>21</v>
      </c>
      <c r="D1757" t="s">
        <v>24</v>
      </c>
      <c r="E1757">
        <v>0.28000000000000003</v>
      </c>
      <c r="F1757">
        <v>0.61</v>
      </c>
      <c r="G1757">
        <v>0.56999999999999995</v>
      </c>
    </row>
    <row r="1758" spans="1:7" x14ac:dyDescent="0.25">
      <c r="A1758" t="s">
        <v>14</v>
      </c>
      <c r="B1758">
        <v>32414</v>
      </c>
      <c r="C1758">
        <v>16</v>
      </c>
      <c r="D1758" t="s">
        <v>24</v>
      </c>
      <c r="E1758">
        <v>0.84</v>
      </c>
      <c r="F1758">
        <v>1.04</v>
      </c>
      <c r="G1758">
        <v>0.6</v>
      </c>
    </row>
    <row r="1759" spans="1:7" x14ac:dyDescent="0.25">
      <c r="A1759" t="s">
        <v>16</v>
      </c>
      <c r="B1759">
        <v>140419</v>
      </c>
      <c r="C1759">
        <v>14</v>
      </c>
      <c r="D1759" t="s">
        <v>10</v>
      </c>
      <c r="E1759">
        <v>0.28999999999999998</v>
      </c>
      <c r="F1759">
        <v>0.98</v>
      </c>
      <c r="G1759">
        <v>0.46</v>
      </c>
    </row>
    <row r="1760" spans="1:7" x14ac:dyDescent="0.25">
      <c r="A1760" t="s">
        <v>9</v>
      </c>
      <c r="B1760">
        <v>55976</v>
      </c>
      <c r="C1760">
        <v>17</v>
      </c>
      <c r="D1760" t="s">
        <v>8</v>
      </c>
      <c r="E1760">
        <v>0.11</v>
      </c>
      <c r="F1760">
        <v>1.01</v>
      </c>
      <c r="G1760">
        <v>0.18</v>
      </c>
    </row>
    <row r="1761" spans="1:7" x14ac:dyDescent="0.25">
      <c r="A1761" t="s">
        <v>26</v>
      </c>
      <c r="B1761">
        <v>78787</v>
      </c>
      <c r="C1761">
        <v>25</v>
      </c>
      <c r="D1761" t="s">
        <v>8</v>
      </c>
      <c r="E1761">
        <v>0.96</v>
      </c>
      <c r="F1761">
        <v>1.0900000000000001</v>
      </c>
      <c r="G1761">
        <v>0.13</v>
      </c>
    </row>
    <row r="1762" spans="1:7" x14ac:dyDescent="0.25">
      <c r="A1762" t="s">
        <v>7</v>
      </c>
      <c r="B1762">
        <v>104918</v>
      </c>
      <c r="C1762">
        <v>4</v>
      </c>
      <c r="D1762" t="s">
        <v>12</v>
      </c>
      <c r="E1762">
        <v>0.41</v>
      </c>
      <c r="F1762">
        <v>1.21</v>
      </c>
      <c r="G1762">
        <v>0.92</v>
      </c>
    </row>
    <row r="1763" spans="1:7" x14ac:dyDescent="0.25">
      <c r="A1763" t="s">
        <v>25</v>
      </c>
      <c r="B1763">
        <v>118121</v>
      </c>
      <c r="C1763">
        <v>25</v>
      </c>
      <c r="D1763" t="s">
        <v>8</v>
      </c>
      <c r="E1763">
        <v>0.46</v>
      </c>
      <c r="F1763">
        <v>1.18</v>
      </c>
      <c r="G1763">
        <v>0.83</v>
      </c>
    </row>
    <row r="1764" spans="1:7" x14ac:dyDescent="0.25">
      <c r="A1764" t="s">
        <v>27</v>
      </c>
      <c r="B1764">
        <v>34847</v>
      </c>
      <c r="C1764">
        <v>10</v>
      </c>
      <c r="D1764" t="s">
        <v>10</v>
      </c>
      <c r="E1764">
        <v>0.21</v>
      </c>
      <c r="F1764">
        <v>1.23</v>
      </c>
      <c r="G1764">
        <v>0.82</v>
      </c>
    </row>
    <row r="1765" spans="1:7" x14ac:dyDescent="0.25">
      <c r="A1765" t="s">
        <v>25</v>
      </c>
      <c r="B1765">
        <v>100182</v>
      </c>
      <c r="C1765">
        <v>12</v>
      </c>
      <c r="D1765" t="s">
        <v>10</v>
      </c>
      <c r="E1765">
        <v>0.78</v>
      </c>
      <c r="F1765">
        <v>1.04</v>
      </c>
      <c r="G1765">
        <v>0.76</v>
      </c>
    </row>
    <row r="1766" spans="1:7" x14ac:dyDescent="0.25">
      <c r="A1766" t="s">
        <v>13</v>
      </c>
      <c r="B1766">
        <v>128757</v>
      </c>
      <c r="C1766">
        <v>14</v>
      </c>
      <c r="D1766" t="s">
        <v>10</v>
      </c>
      <c r="E1766">
        <v>0.41</v>
      </c>
      <c r="F1766">
        <v>0.85</v>
      </c>
      <c r="G1766">
        <v>0.34</v>
      </c>
    </row>
    <row r="1767" spans="1:7" x14ac:dyDescent="0.25">
      <c r="A1767" t="s">
        <v>20</v>
      </c>
      <c r="B1767">
        <v>129584</v>
      </c>
      <c r="C1767">
        <v>7</v>
      </c>
      <c r="D1767" t="s">
        <v>24</v>
      </c>
      <c r="E1767">
        <v>0.77</v>
      </c>
      <c r="F1767">
        <v>1.2</v>
      </c>
      <c r="G1767">
        <v>0.36</v>
      </c>
    </row>
    <row r="1768" spans="1:7" x14ac:dyDescent="0.25">
      <c r="A1768" t="s">
        <v>11</v>
      </c>
      <c r="B1768">
        <v>59476</v>
      </c>
      <c r="C1768">
        <v>5</v>
      </c>
      <c r="D1768" t="s">
        <v>8</v>
      </c>
      <c r="E1768">
        <v>0.03</v>
      </c>
      <c r="F1768">
        <v>0.5</v>
      </c>
      <c r="G1768">
        <v>0.77</v>
      </c>
    </row>
    <row r="1769" spans="1:7" x14ac:dyDescent="0.25">
      <c r="A1769" t="s">
        <v>9</v>
      </c>
      <c r="B1769">
        <v>81880</v>
      </c>
      <c r="C1769">
        <v>3</v>
      </c>
      <c r="D1769" t="s">
        <v>8</v>
      </c>
      <c r="E1769">
        <v>0.52</v>
      </c>
      <c r="F1769">
        <v>1.08</v>
      </c>
      <c r="G1769">
        <v>0.24</v>
      </c>
    </row>
    <row r="1770" spans="1:7" x14ac:dyDescent="0.25">
      <c r="A1770" t="s">
        <v>15</v>
      </c>
      <c r="B1770">
        <v>148283</v>
      </c>
      <c r="C1770">
        <v>25</v>
      </c>
      <c r="D1770" t="s">
        <v>24</v>
      </c>
      <c r="E1770">
        <v>0.37</v>
      </c>
      <c r="F1770">
        <v>1.48</v>
      </c>
      <c r="G1770">
        <v>0.08</v>
      </c>
    </row>
    <row r="1771" spans="1:7" x14ac:dyDescent="0.25">
      <c r="A1771" t="s">
        <v>21</v>
      </c>
      <c r="B1771">
        <v>32393</v>
      </c>
      <c r="C1771">
        <v>24</v>
      </c>
      <c r="D1771" t="s">
        <v>10</v>
      </c>
      <c r="E1771">
        <v>0.59</v>
      </c>
      <c r="F1771">
        <v>1.22</v>
      </c>
      <c r="G1771">
        <v>0.56000000000000005</v>
      </c>
    </row>
    <row r="1772" spans="1:7" x14ac:dyDescent="0.25">
      <c r="A1772" t="s">
        <v>25</v>
      </c>
      <c r="B1772">
        <v>35481</v>
      </c>
      <c r="C1772">
        <v>1</v>
      </c>
      <c r="D1772" t="s">
        <v>12</v>
      </c>
      <c r="E1772">
        <v>0.13</v>
      </c>
      <c r="F1772">
        <v>1.39</v>
      </c>
      <c r="G1772">
        <v>0.89</v>
      </c>
    </row>
    <row r="1773" spans="1:7" x14ac:dyDescent="0.25">
      <c r="A1773" t="s">
        <v>22</v>
      </c>
      <c r="B1773">
        <v>137033</v>
      </c>
      <c r="C1773">
        <v>28</v>
      </c>
      <c r="D1773" t="s">
        <v>24</v>
      </c>
      <c r="E1773">
        <v>0.88</v>
      </c>
      <c r="F1773">
        <v>1.24</v>
      </c>
      <c r="G1773">
        <v>0.48</v>
      </c>
    </row>
    <row r="1774" spans="1:7" x14ac:dyDescent="0.25">
      <c r="A1774" t="s">
        <v>15</v>
      </c>
      <c r="B1774">
        <v>49361</v>
      </c>
      <c r="C1774">
        <v>20</v>
      </c>
      <c r="D1774" t="s">
        <v>8</v>
      </c>
      <c r="E1774">
        <v>0.68</v>
      </c>
      <c r="F1774">
        <v>1.34</v>
      </c>
      <c r="G1774">
        <v>0.17</v>
      </c>
    </row>
    <row r="1775" spans="1:7" x14ac:dyDescent="0.25">
      <c r="A1775" t="s">
        <v>17</v>
      </c>
      <c r="B1775">
        <v>59146</v>
      </c>
      <c r="C1775">
        <v>9</v>
      </c>
      <c r="D1775" t="s">
        <v>24</v>
      </c>
      <c r="E1775">
        <v>0.04</v>
      </c>
      <c r="F1775">
        <v>1.43</v>
      </c>
      <c r="G1775">
        <v>0.1</v>
      </c>
    </row>
    <row r="1776" spans="1:7" x14ac:dyDescent="0.25">
      <c r="A1776" t="s">
        <v>14</v>
      </c>
      <c r="B1776">
        <v>113102</v>
      </c>
      <c r="C1776">
        <v>26</v>
      </c>
      <c r="D1776" t="s">
        <v>10</v>
      </c>
      <c r="E1776">
        <v>0.75</v>
      </c>
      <c r="F1776">
        <v>1.34</v>
      </c>
      <c r="G1776">
        <v>0.67</v>
      </c>
    </row>
    <row r="1777" spans="1:7" x14ac:dyDescent="0.25">
      <c r="A1777" t="s">
        <v>20</v>
      </c>
      <c r="B1777">
        <v>37769</v>
      </c>
      <c r="C1777">
        <v>22</v>
      </c>
      <c r="D1777" t="s">
        <v>10</v>
      </c>
      <c r="E1777">
        <v>0.41</v>
      </c>
      <c r="F1777">
        <v>0.96</v>
      </c>
      <c r="G1777">
        <v>0.33</v>
      </c>
    </row>
    <row r="1778" spans="1:7" x14ac:dyDescent="0.25">
      <c r="A1778" t="s">
        <v>19</v>
      </c>
      <c r="B1778">
        <v>126939</v>
      </c>
      <c r="C1778">
        <v>9</v>
      </c>
      <c r="D1778" t="s">
        <v>12</v>
      </c>
      <c r="E1778">
        <v>0.5</v>
      </c>
      <c r="F1778">
        <v>1.1100000000000001</v>
      </c>
      <c r="G1778">
        <v>0.82</v>
      </c>
    </row>
    <row r="1779" spans="1:7" x14ac:dyDescent="0.25">
      <c r="A1779" t="s">
        <v>25</v>
      </c>
      <c r="B1779">
        <v>68226</v>
      </c>
      <c r="C1779">
        <v>11</v>
      </c>
      <c r="D1779" t="s">
        <v>10</v>
      </c>
      <c r="E1779">
        <v>0.79</v>
      </c>
      <c r="F1779">
        <v>1.41</v>
      </c>
      <c r="G1779">
        <v>0.85</v>
      </c>
    </row>
    <row r="1780" spans="1:7" x14ac:dyDescent="0.25">
      <c r="A1780" t="s">
        <v>19</v>
      </c>
      <c r="B1780">
        <v>99516</v>
      </c>
      <c r="C1780">
        <v>21</v>
      </c>
      <c r="D1780" t="s">
        <v>10</v>
      </c>
      <c r="E1780">
        <v>0.46</v>
      </c>
      <c r="F1780">
        <v>1.44</v>
      </c>
      <c r="G1780">
        <v>0.72</v>
      </c>
    </row>
    <row r="1781" spans="1:7" x14ac:dyDescent="0.25">
      <c r="A1781" t="s">
        <v>7</v>
      </c>
      <c r="B1781">
        <v>143645</v>
      </c>
      <c r="C1781">
        <v>26</v>
      </c>
      <c r="D1781" t="s">
        <v>24</v>
      </c>
      <c r="E1781">
        <v>0.78</v>
      </c>
      <c r="F1781">
        <v>0.62</v>
      </c>
      <c r="G1781">
        <v>0.91</v>
      </c>
    </row>
    <row r="1782" spans="1:7" x14ac:dyDescent="0.25">
      <c r="A1782" t="s">
        <v>23</v>
      </c>
      <c r="B1782">
        <v>134230</v>
      </c>
      <c r="C1782">
        <v>21</v>
      </c>
      <c r="D1782" t="s">
        <v>8</v>
      </c>
      <c r="E1782">
        <v>0.11</v>
      </c>
      <c r="F1782">
        <v>1.05</v>
      </c>
      <c r="G1782">
        <v>0.36</v>
      </c>
    </row>
    <row r="1783" spans="1:7" x14ac:dyDescent="0.25">
      <c r="A1783" t="s">
        <v>21</v>
      </c>
      <c r="B1783">
        <v>53167</v>
      </c>
      <c r="C1783">
        <v>22</v>
      </c>
      <c r="D1783" t="s">
        <v>12</v>
      </c>
      <c r="E1783">
        <v>0.28000000000000003</v>
      </c>
      <c r="F1783">
        <v>1.34</v>
      </c>
      <c r="G1783">
        <v>0.38</v>
      </c>
    </row>
    <row r="1784" spans="1:7" x14ac:dyDescent="0.25">
      <c r="A1784" t="s">
        <v>20</v>
      </c>
      <c r="B1784">
        <v>52772</v>
      </c>
      <c r="C1784">
        <v>29</v>
      </c>
      <c r="D1784" t="s">
        <v>10</v>
      </c>
      <c r="E1784">
        <v>0.01</v>
      </c>
      <c r="F1784">
        <v>1.03</v>
      </c>
      <c r="G1784">
        <v>0.39</v>
      </c>
    </row>
    <row r="1785" spans="1:7" x14ac:dyDescent="0.25">
      <c r="A1785" t="s">
        <v>17</v>
      </c>
      <c r="B1785">
        <v>55354</v>
      </c>
      <c r="C1785">
        <v>29</v>
      </c>
      <c r="D1785" t="s">
        <v>24</v>
      </c>
      <c r="E1785">
        <v>0.19</v>
      </c>
      <c r="F1785">
        <v>1.0900000000000001</v>
      </c>
      <c r="G1785">
        <v>0.06</v>
      </c>
    </row>
    <row r="1786" spans="1:7" x14ac:dyDescent="0.25">
      <c r="A1786" t="s">
        <v>21</v>
      </c>
      <c r="B1786">
        <v>51942</v>
      </c>
      <c r="C1786">
        <v>7</v>
      </c>
      <c r="D1786" t="s">
        <v>24</v>
      </c>
      <c r="E1786">
        <v>0.81</v>
      </c>
      <c r="F1786">
        <v>1.45</v>
      </c>
      <c r="G1786">
        <v>0.56999999999999995</v>
      </c>
    </row>
    <row r="1787" spans="1:7" x14ac:dyDescent="0.25">
      <c r="A1787" t="s">
        <v>18</v>
      </c>
      <c r="B1787">
        <v>38152</v>
      </c>
      <c r="C1787">
        <v>6</v>
      </c>
      <c r="D1787" t="s">
        <v>12</v>
      </c>
      <c r="E1787">
        <v>0.11</v>
      </c>
      <c r="F1787">
        <v>0.71</v>
      </c>
      <c r="G1787">
        <v>0.37</v>
      </c>
    </row>
    <row r="1788" spans="1:7" x14ac:dyDescent="0.25">
      <c r="A1788" t="s">
        <v>23</v>
      </c>
      <c r="B1788">
        <v>134753</v>
      </c>
      <c r="C1788">
        <v>3</v>
      </c>
      <c r="D1788" t="s">
        <v>8</v>
      </c>
      <c r="E1788">
        <v>0.67</v>
      </c>
      <c r="F1788">
        <v>0.65</v>
      </c>
      <c r="G1788">
        <v>0.56999999999999995</v>
      </c>
    </row>
    <row r="1789" spans="1:7" x14ac:dyDescent="0.25">
      <c r="A1789" t="s">
        <v>18</v>
      </c>
      <c r="B1789">
        <v>42061</v>
      </c>
      <c r="C1789">
        <v>5</v>
      </c>
      <c r="D1789" t="s">
        <v>12</v>
      </c>
      <c r="E1789">
        <v>0.32</v>
      </c>
      <c r="F1789">
        <v>1.03</v>
      </c>
      <c r="G1789">
        <v>0.64</v>
      </c>
    </row>
    <row r="1790" spans="1:7" x14ac:dyDescent="0.25">
      <c r="A1790" t="s">
        <v>18</v>
      </c>
      <c r="B1790">
        <v>76350</v>
      </c>
      <c r="C1790">
        <v>12</v>
      </c>
      <c r="D1790" t="s">
        <v>12</v>
      </c>
      <c r="E1790">
        <v>0.08</v>
      </c>
      <c r="F1790">
        <v>0.95</v>
      </c>
      <c r="G1790">
        <v>0.56999999999999995</v>
      </c>
    </row>
    <row r="1791" spans="1:7" x14ac:dyDescent="0.25">
      <c r="A1791" t="s">
        <v>14</v>
      </c>
      <c r="B1791">
        <v>99828</v>
      </c>
      <c r="C1791">
        <v>27</v>
      </c>
      <c r="D1791" t="s">
        <v>24</v>
      </c>
      <c r="E1791">
        <v>0.63</v>
      </c>
      <c r="F1791">
        <v>1.43</v>
      </c>
      <c r="G1791">
        <v>0.53</v>
      </c>
    </row>
    <row r="1792" spans="1:7" x14ac:dyDescent="0.25">
      <c r="A1792" t="s">
        <v>23</v>
      </c>
      <c r="B1792">
        <v>37084</v>
      </c>
      <c r="C1792">
        <v>11</v>
      </c>
      <c r="D1792" t="s">
        <v>24</v>
      </c>
      <c r="E1792">
        <v>0.97</v>
      </c>
      <c r="F1792">
        <v>0.84</v>
      </c>
      <c r="G1792">
        <v>0.35</v>
      </c>
    </row>
    <row r="1793" spans="1:7" x14ac:dyDescent="0.25">
      <c r="A1793" t="s">
        <v>28</v>
      </c>
      <c r="B1793">
        <v>112617</v>
      </c>
      <c r="C1793">
        <v>26</v>
      </c>
      <c r="D1793" t="s">
        <v>12</v>
      </c>
      <c r="E1793">
        <v>0.84</v>
      </c>
      <c r="F1793">
        <v>1.25</v>
      </c>
      <c r="G1793">
        <v>0.59</v>
      </c>
    </row>
    <row r="1794" spans="1:7" x14ac:dyDescent="0.25">
      <c r="A1794" t="s">
        <v>7</v>
      </c>
      <c r="B1794">
        <v>36486</v>
      </c>
      <c r="C1794">
        <v>5</v>
      </c>
      <c r="D1794" t="s">
        <v>24</v>
      </c>
      <c r="E1794">
        <v>7.0000000000000007E-2</v>
      </c>
      <c r="F1794">
        <v>0.61</v>
      </c>
      <c r="G1794">
        <v>0.86</v>
      </c>
    </row>
    <row r="1795" spans="1:7" x14ac:dyDescent="0.25">
      <c r="A1795" t="s">
        <v>13</v>
      </c>
      <c r="B1795">
        <v>107925</v>
      </c>
      <c r="C1795">
        <v>19</v>
      </c>
      <c r="D1795" t="s">
        <v>10</v>
      </c>
      <c r="E1795">
        <v>0.77</v>
      </c>
      <c r="F1795">
        <v>1</v>
      </c>
      <c r="G1795">
        <v>0.62</v>
      </c>
    </row>
    <row r="1796" spans="1:7" x14ac:dyDescent="0.25">
      <c r="A1796" t="s">
        <v>16</v>
      </c>
      <c r="B1796">
        <v>52474</v>
      </c>
      <c r="C1796">
        <v>27</v>
      </c>
      <c r="D1796" t="s">
        <v>8</v>
      </c>
      <c r="E1796">
        <v>0.17</v>
      </c>
      <c r="F1796">
        <v>0.91</v>
      </c>
      <c r="G1796">
        <v>0.34</v>
      </c>
    </row>
    <row r="1797" spans="1:7" x14ac:dyDescent="0.25">
      <c r="A1797" t="s">
        <v>27</v>
      </c>
      <c r="B1797">
        <v>48274</v>
      </c>
      <c r="C1797">
        <v>11</v>
      </c>
      <c r="D1797" t="s">
        <v>24</v>
      </c>
      <c r="E1797">
        <v>0.67</v>
      </c>
      <c r="F1797">
        <v>1.3</v>
      </c>
      <c r="G1797">
        <v>0.71</v>
      </c>
    </row>
    <row r="1798" spans="1:7" x14ac:dyDescent="0.25">
      <c r="A1798" t="s">
        <v>30</v>
      </c>
      <c r="B1798">
        <v>79696</v>
      </c>
      <c r="C1798">
        <v>28</v>
      </c>
      <c r="D1798" t="s">
        <v>10</v>
      </c>
      <c r="E1798">
        <v>0.31</v>
      </c>
      <c r="F1798">
        <v>0.94</v>
      </c>
      <c r="G1798">
        <v>0.44</v>
      </c>
    </row>
    <row r="1799" spans="1:7" x14ac:dyDescent="0.25">
      <c r="A1799" t="s">
        <v>20</v>
      </c>
      <c r="B1799">
        <v>82736</v>
      </c>
      <c r="C1799">
        <v>21</v>
      </c>
      <c r="D1799" t="s">
        <v>10</v>
      </c>
      <c r="E1799">
        <v>0.01</v>
      </c>
      <c r="F1799">
        <v>0.72</v>
      </c>
      <c r="G1799">
        <v>0.57999999999999996</v>
      </c>
    </row>
    <row r="1800" spans="1:7" x14ac:dyDescent="0.25">
      <c r="A1800" t="s">
        <v>26</v>
      </c>
      <c r="B1800">
        <v>65539</v>
      </c>
      <c r="C1800">
        <v>9</v>
      </c>
      <c r="D1800" t="s">
        <v>24</v>
      </c>
      <c r="E1800">
        <v>0.33</v>
      </c>
      <c r="F1800">
        <v>1.1599999999999999</v>
      </c>
      <c r="G1800">
        <v>0.19</v>
      </c>
    </row>
    <row r="1801" spans="1:7" x14ac:dyDescent="0.25">
      <c r="A1801" t="s">
        <v>30</v>
      </c>
      <c r="B1801">
        <v>71135</v>
      </c>
      <c r="C1801">
        <v>9</v>
      </c>
      <c r="D1801" t="s">
        <v>24</v>
      </c>
      <c r="E1801">
        <v>0.71</v>
      </c>
      <c r="F1801">
        <v>1.42</v>
      </c>
      <c r="G1801">
        <v>0.53</v>
      </c>
    </row>
    <row r="1802" spans="1:7" x14ac:dyDescent="0.25">
      <c r="A1802" t="s">
        <v>21</v>
      </c>
      <c r="B1802">
        <v>107487</v>
      </c>
      <c r="C1802">
        <v>3</v>
      </c>
      <c r="D1802" t="s">
        <v>24</v>
      </c>
      <c r="E1802">
        <v>0.05</v>
      </c>
      <c r="F1802">
        <v>0.57999999999999996</v>
      </c>
      <c r="G1802">
        <v>0.32</v>
      </c>
    </row>
    <row r="1803" spans="1:7" x14ac:dyDescent="0.25">
      <c r="A1803" t="s">
        <v>20</v>
      </c>
      <c r="B1803">
        <v>146298</v>
      </c>
      <c r="C1803">
        <v>6</v>
      </c>
      <c r="D1803" t="s">
        <v>24</v>
      </c>
      <c r="E1803">
        <v>0.64</v>
      </c>
      <c r="F1803">
        <v>1.04</v>
      </c>
      <c r="G1803">
        <v>0.54</v>
      </c>
    </row>
    <row r="1804" spans="1:7" x14ac:dyDescent="0.25">
      <c r="A1804" t="s">
        <v>28</v>
      </c>
      <c r="B1804">
        <v>144571</v>
      </c>
      <c r="C1804">
        <v>22</v>
      </c>
      <c r="D1804" t="s">
        <v>8</v>
      </c>
      <c r="E1804">
        <v>0.38</v>
      </c>
      <c r="F1804">
        <v>0.68</v>
      </c>
      <c r="G1804">
        <v>0.56000000000000005</v>
      </c>
    </row>
    <row r="1805" spans="1:7" x14ac:dyDescent="0.25">
      <c r="A1805" t="s">
        <v>13</v>
      </c>
      <c r="B1805">
        <v>112753</v>
      </c>
      <c r="C1805">
        <v>1</v>
      </c>
      <c r="D1805" t="s">
        <v>8</v>
      </c>
      <c r="E1805">
        <v>0.38</v>
      </c>
      <c r="F1805">
        <v>0.67</v>
      </c>
      <c r="G1805">
        <v>0.64</v>
      </c>
    </row>
    <row r="1806" spans="1:7" x14ac:dyDescent="0.25">
      <c r="A1806" t="s">
        <v>13</v>
      </c>
      <c r="B1806">
        <v>81716</v>
      </c>
      <c r="C1806">
        <v>26</v>
      </c>
      <c r="D1806" t="s">
        <v>8</v>
      </c>
      <c r="E1806">
        <v>0.88</v>
      </c>
      <c r="F1806">
        <v>0.66</v>
      </c>
      <c r="G1806">
        <v>0.47</v>
      </c>
    </row>
    <row r="1807" spans="1:7" x14ac:dyDescent="0.25">
      <c r="A1807" t="s">
        <v>15</v>
      </c>
      <c r="B1807">
        <v>46250</v>
      </c>
      <c r="C1807">
        <v>19</v>
      </c>
      <c r="D1807" t="s">
        <v>10</v>
      </c>
      <c r="E1807">
        <v>0.34</v>
      </c>
      <c r="F1807">
        <v>1.1399999999999999</v>
      </c>
      <c r="G1807">
        <v>0.28999999999999998</v>
      </c>
    </row>
    <row r="1808" spans="1:7" x14ac:dyDescent="0.25">
      <c r="A1808" t="s">
        <v>26</v>
      </c>
      <c r="B1808">
        <v>102006</v>
      </c>
      <c r="C1808">
        <v>17</v>
      </c>
      <c r="D1808" t="s">
        <v>24</v>
      </c>
      <c r="E1808">
        <v>0.14000000000000001</v>
      </c>
      <c r="F1808">
        <v>0.84</v>
      </c>
      <c r="G1808">
        <v>0.25</v>
      </c>
    </row>
    <row r="1809" spans="1:7" x14ac:dyDescent="0.25">
      <c r="A1809" t="s">
        <v>26</v>
      </c>
      <c r="B1809">
        <v>60837</v>
      </c>
      <c r="C1809">
        <v>5</v>
      </c>
      <c r="D1809" t="s">
        <v>8</v>
      </c>
      <c r="E1809">
        <v>0.67</v>
      </c>
      <c r="F1809">
        <v>1.1100000000000001</v>
      </c>
      <c r="G1809">
        <v>0.23</v>
      </c>
    </row>
    <row r="1810" spans="1:7" x14ac:dyDescent="0.25">
      <c r="A1810" t="s">
        <v>22</v>
      </c>
      <c r="B1810">
        <v>66742</v>
      </c>
      <c r="C1810">
        <v>3</v>
      </c>
      <c r="D1810" t="s">
        <v>12</v>
      </c>
      <c r="E1810">
        <v>0.6</v>
      </c>
      <c r="F1810">
        <v>0.97</v>
      </c>
      <c r="G1810">
        <v>0.43</v>
      </c>
    </row>
    <row r="1811" spans="1:7" x14ac:dyDescent="0.25">
      <c r="A1811" t="s">
        <v>23</v>
      </c>
      <c r="B1811">
        <v>119131</v>
      </c>
      <c r="C1811">
        <v>10</v>
      </c>
      <c r="D1811" t="s">
        <v>10</v>
      </c>
      <c r="E1811">
        <v>0.56000000000000005</v>
      </c>
      <c r="F1811">
        <v>0.75</v>
      </c>
      <c r="G1811">
        <v>0.31</v>
      </c>
    </row>
    <row r="1812" spans="1:7" x14ac:dyDescent="0.25">
      <c r="A1812" t="s">
        <v>16</v>
      </c>
      <c r="B1812">
        <v>107497</v>
      </c>
      <c r="C1812">
        <v>29</v>
      </c>
      <c r="D1812" t="s">
        <v>10</v>
      </c>
      <c r="E1812">
        <v>0.56000000000000005</v>
      </c>
      <c r="F1812">
        <v>1.26</v>
      </c>
      <c r="G1812">
        <v>0.61</v>
      </c>
    </row>
    <row r="1813" spans="1:7" x14ac:dyDescent="0.25">
      <c r="A1813" t="s">
        <v>18</v>
      </c>
      <c r="B1813">
        <v>57788</v>
      </c>
      <c r="C1813">
        <v>14</v>
      </c>
      <c r="D1813" t="s">
        <v>10</v>
      </c>
      <c r="E1813">
        <v>0.68</v>
      </c>
      <c r="F1813">
        <v>0.82</v>
      </c>
      <c r="G1813">
        <v>0.35</v>
      </c>
    </row>
    <row r="1814" spans="1:7" x14ac:dyDescent="0.25">
      <c r="A1814" t="s">
        <v>16</v>
      </c>
      <c r="B1814">
        <v>64712</v>
      </c>
      <c r="C1814">
        <v>19</v>
      </c>
      <c r="D1814" t="s">
        <v>10</v>
      </c>
      <c r="E1814">
        <v>0.65</v>
      </c>
      <c r="F1814">
        <v>0.78</v>
      </c>
      <c r="G1814">
        <v>0.62</v>
      </c>
    </row>
    <row r="1815" spans="1:7" x14ac:dyDescent="0.25">
      <c r="A1815" t="s">
        <v>14</v>
      </c>
      <c r="B1815">
        <v>68319</v>
      </c>
      <c r="C1815">
        <v>6</v>
      </c>
      <c r="D1815" t="s">
        <v>8</v>
      </c>
      <c r="E1815">
        <v>0.43</v>
      </c>
      <c r="F1815">
        <v>0.84</v>
      </c>
      <c r="G1815">
        <v>0.54</v>
      </c>
    </row>
    <row r="1816" spans="1:7" x14ac:dyDescent="0.25">
      <c r="A1816" t="s">
        <v>25</v>
      </c>
      <c r="B1816">
        <v>67289</v>
      </c>
      <c r="C1816">
        <v>22</v>
      </c>
      <c r="D1816" t="s">
        <v>10</v>
      </c>
      <c r="E1816">
        <v>0.86</v>
      </c>
      <c r="F1816">
        <v>0.56000000000000005</v>
      </c>
      <c r="G1816">
        <v>0.75</v>
      </c>
    </row>
    <row r="1817" spans="1:7" x14ac:dyDescent="0.25">
      <c r="A1817" t="s">
        <v>20</v>
      </c>
      <c r="B1817">
        <v>75040</v>
      </c>
      <c r="C1817">
        <v>4</v>
      </c>
      <c r="D1817" t="s">
        <v>8</v>
      </c>
      <c r="E1817">
        <v>0.5</v>
      </c>
      <c r="F1817">
        <v>1.02</v>
      </c>
      <c r="G1817">
        <v>0.55000000000000004</v>
      </c>
    </row>
    <row r="1818" spans="1:7" x14ac:dyDescent="0.25">
      <c r="A1818" t="s">
        <v>27</v>
      </c>
      <c r="B1818">
        <v>120886</v>
      </c>
      <c r="C1818">
        <v>1</v>
      </c>
      <c r="D1818" t="s">
        <v>24</v>
      </c>
      <c r="E1818">
        <v>0.9</v>
      </c>
      <c r="F1818">
        <v>1.39</v>
      </c>
      <c r="G1818">
        <v>0.73</v>
      </c>
    </row>
    <row r="1819" spans="1:7" x14ac:dyDescent="0.25">
      <c r="A1819" t="s">
        <v>14</v>
      </c>
      <c r="B1819">
        <v>64118</v>
      </c>
      <c r="C1819">
        <v>5</v>
      </c>
      <c r="D1819" t="s">
        <v>10</v>
      </c>
      <c r="E1819">
        <v>0.28000000000000003</v>
      </c>
      <c r="F1819">
        <v>0.94</v>
      </c>
      <c r="G1819">
        <v>0.45</v>
      </c>
    </row>
    <row r="1820" spans="1:7" x14ac:dyDescent="0.25">
      <c r="A1820" t="s">
        <v>23</v>
      </c>
      <c r="B1820">
        <v>125381</v>
      </c>
      <c r="C1820">
        <v>13</v>
      </c>
      <c r="D1820" t="s">
        <v>12</v>
      </c>
      <c r="E1820">
        <v>0.1</v>
      </c>
      <c r="F1820">
        <v>1.32</v>
      </c>
      <c r="G1820">
        <v>0.35</v>
      </c>
    </row>
    <row r="1821" spans="1:7" x14ac:dyDescent="0.25">
      <c r="A1821" t="s">
        <v>19</v>
      </c>
      <c r="B1821">
        <v>62146</v>
      </c>
      <c r="C1821">
        <v>26</v>
      </c>
      <c r="D1821" t="s">
        <v>8</v>
      </c>
      <c r="E1821">
        <v>0.88</v>
      </c>
      <c r="F1821">
        <v>0.95</v>
      </c>
      <c r="G1821">
        <v>0.74</v>
      </c>
    </row>
    <row r="1822" spans="1:7" x14ac:dyDescent="0.25">
      <c r="A1822" t="s">
        <v>14</v>
      </c>
      <c r="B1822">
        <v>60410</v>
      </c>
      <c r="C1822">
        <v>8</v>
      </c>
      <c r="D1822" t="s">
        <v>10</v>
      </c>
      <c r="E1822">
        <v>0.78</v>
      </c>
      <c r="F1822">
        <v>1.25</v>
      </c>
      <c r="G1822">
        <v>0.4</v>
      </c>
    </row>
    <row r="1823" spans="1:7" x14ac:dyDescent="0.25">
      <c r="A1823" t="s">
        <v>27</v>
      </c>
      <c r="B1823">
        <v>110449</v>
      </c>
      <c r="C1823">
        <v>21</v>
      </c>
      <c r="D1823" t="s">
        <v>12</v>
      </c>
      <c r="E1823">
        <v>0.47</v>
      </c>
      <c r="F1823">
        <v>0.88</v>
      </c>
      <c r="G1823">
        <v>0.75</v>
      </c>
    </row>
    <row r="1824" spans="1:7" x14ac:dyDescent="0.25">
      <c r="A1824" t="s">
        <v>14</v>
      </c>
      <c r="B1824">
        <v>142691</v>
      </c>
      <c r="C1824">
        <v>18</v>
      </c>
      <c r="D1824" t="s">
        <v>8</v>
      </c>
      <c r="E1824">
        <v>0.31</v>
      </c>
      <c r="F1824">
        <v>0.84</v>
      </c>
      <c r="G1824">
        <v>0.51</v>
      </c>
    </row>
    <row r="1825" spans="1:7" x14ac:dyDescent="0.25">
      <c r="A1825" t="s">
        <v>7</v>
      </c>
      <c r="B1825">
        <v>33659</v>
      </c>
      <c r="C1825">
        <v>17</v>
      </c>
      <c r="D1825" t="s">
        <v>10</v>
      </c>
      <c r="E1825">
        <v>0.68</v>
      </c>
      <c r="F1825">
        <v>1.47</v>
      </c>
      <c r="G1825">
        <v>0.83</v>
      </c>
    </row>
    <row r="1826" spans="1:7" x14ac:dyDescent="0.25">
      <c r="A1826" t="s">
        <v>26</v>
      </c>
      <c r="B1826">
        <v>109911</v>
      </c>
      <c r="C1826">
        <v>9</v>
      </c>
      <c r="D1826" t="s">
        <v>10</v>
      </c>
      <c r="E1826">
        <v>0.94</v>
      </c>
      <c r="F1826">
        <v>1.21</v>
      </c>
      <c r="G1826">
        <v>0.12</v>
      </c>
    </row>
    <row r="1827" spans="1:7" x14ac:dyDescent="0.25">
      <c r="A1827" t="s">
        <v>16</v>
      </c>
      <c r="B1827">
        <v>117298</v>
      </c>
      <c r="C1827">
        <v>28</v>
      </c>
      <c r="D1827" t="s">
        <v>10</v>
      </c>
      <c r="E1827">
        <v>0.42</v>
      </c>
      <c r="F1827">
        <v>1.49</v>
      </c>
      <c r="G1827">
        <v>0.36</v>
      </c>
    </row>
    <row r="1828" spans="1:7" x14ac:dyDescent="0.25">
      <c r="A1828" t="s">
        <v>29</v>
      </c>
      <c r="B1828">
        <v>100114</v>
      </c>
      <c r="C1828">
        <v>14</v>
      </c>
      <c r="D1828" t="s">
        <v>10</v>
      </c>
      <c r="E1828">
        <v>0.98</v>
      </c>
      <c r="F1828">
        <v>1.17</v>
      </c>
      <c r="G1828">
        <v>0.14000000000000001</v>
      </c>
    </row>
    <row r="1829" spans="1:7" x14ac:dyDescent="0.25">
      <c r="A1829" t="s">
        <v>29</v>
      </c>
      <c r="B1829">
        <v>149401</v>
      </c>
      <c r="C1829">
        <v>18</v>
      </c>
      <c r="D1829" t="s">
        <v>12</v>
      </c>
      <c r="E1829">
        <v>0.92</v>
      </c>
      <c r="F1829">
        <v>0.73</v>
      </c>
      <c r="G1829">
        <v>0.3</v>
      </c>
    </row>
    <row r="1830" spans="1:7" x14ac:dyDescent="0.25">
      <c r="A1830" t="s">
        <v>21</v>
      </c>
      <c r="B1830">
        <v>101160</v>
      </c>
      <c r="C1830">
        <v>3</v>
      </c>
      <c r="D1830" t="s">
        <v>12</v>
      </c>
      <c r="E1830">
        <v>0</v>
      </c>
      <c r="F1830">
        <v>0.74</v>
      </c>
      <c r="G1830">
        <v>0.32</v>
      </c>
    </row>
    <row r="1831" spans="1:7" x14ac:dyDescent="0.25">
      <c r="A1831" t="s">
        <v>28</v>
      </c>
      <c r="B1831">
        <v>66594</v>
      </c>
      <c r="C1831">
        <v>23</v>
      </c>
      <c r="D1831" t="s">
        <v>12</v>
      </c>
      <c r="E1831">
        <v>0.65</v>
      </c>
      <c r="F1831">
        <v>0.65</v>
      </c>
      <c r="G1831">
        <v>0.55000000000000004</v>
      </c>
    </row>
    <row r="1832" spans="1:7" x14ac:dyDescent="0.25">
      <c r="A1832" t="s">
        <v>28</v>
      </c>
      <c r="B1832">
        <v>94043</v>
      </c>
      <c r="C1832">
        <v>5</v>
      </c>
      <c r="D1832" t="s">
        <v>10</v>
      </c>
      <c r="E1832">
        <v>0.9</v>
      </c>
      <c r="F1832">
        <v>1.06</v>
      </c>
      <c r="G1832">
        <v>0.67</v>
      </c>
    </row>
    <row r="1833" spans="1:7" x14ac:dyDescent="0.25">
      <c r="A1833" t="s">
        <v>29</v>
      </c>
      <c r="B1833">
        <v>110270</v>
      </c>
      <c r="C1833">
        <v>21</v>
      </c>
      <c r="D1833" t="s">
        <v>12</v>
      </c>
      <c r="E1833">
        <v>0.83</v>
      </c>
      <c r="F1833">
        <v>0.84</v>
      </c>
      <c r="G1833">
        <v>7.0000000000000007E-2</v>
      </c>
    </row>
    <row r="1834" spans="1:7" x14ac:dyDescent="0.25">
      <c r="A1834" t="s">
        <v>29</v>
      </c>
      <c r="B1834">
        <v>98393</v>
      </c>
      <c r="C1834">
        <v>29</v>
      </c>
      <c r="D1834" t="s">
        <v>12</v>
      </c>
      <c r="E1834">
        <v>0.66</v>
      </c>
      <c r="F1834">
        <v>0.87</v>
      </c>
      <c r="G1834">
        <v>0.22</v>
      </c>
    </row>
    <row r="1835" spans="1:7" x14ac:dyDescent="0.25">
      <c r="A1835" t="s">
        <v>29</v>
      </c>
      <c r="B1835">
        <v>104038</v>
      </c>
      <c r="C1835">
        <v>26</v>
      </c>
      <c r="D1835" t="s">
        <v>8</v>
      </c>
      <c r="E1835">
        <v>0.37</v>
      </c>
      <c r="F1835">
        <v>1.1599999999999999</v>
      </c>
      <c r="G1835">
        <v>0.14000000000000001</v>
      </c>
    </row>
    <row r="1836" spans="1:7" x14ac:dyDescent="0.25">
      <c r="A1836" t="s">
        <v>21</v>
      </c>
      <c r="B1836">
        <v>104088</v>
      </c>
      <c r="C1836">
        <v>11</v>
      </c>
      <c r="D1836" t="s">
        <v>10</v>
      </c>
      <c r="E1836">
        <v>0.99</v>
      </c>
      <c r="F1836">
        <v>0.65</v>
      </c>
      <c r="G1836">
        <v>0.54</v>
      </c>
    </row>
    <row r="1837" spans="1:7" x14ac:dyDescent="0.25">
      <c r="A1837" t="s">
        <v>30</v>
      </c>
      <c r="B1837">
        <v>38290</v>
      </c>
      <c r="C1837">
        <v>27</v>
      </c>
      <c r="D1837" t="s">
        <v>10</v>
      </c>
      <c r="E1837">
        <v>0.27</v>
      </c>
      <c r="F1837">
        <v>0.99</v>
      </c>
      <c r="G1837">
        <v>0.57999999999999996</v>
      </c>
    </row>
    <row r="1838" spans="1:7" x14ac:dyDescent="0.25">
      <c r="A1838" t="s">
        <v>9</v>
      </c>
      <c r="B1838">
        <v>86373</v>
      </c>
      <c r="C1838">
        <v>16</v>
      </c>
      <c r="D1838" t="s">
        <v>10</v>
      </c>
      <c r="E1838">
        <v>0.39</v>
      </c>
      <c r="F1838">
        <v>1.41</v>
      </c>
      <c r="G1838">
        <v>0.27</v>
      </c>
    </row>
    <row r="1839" spans="1:7" x14ac:dyDescent="0.25">
      <c r="A1839" t="s">
        <v>28</v>
      </c>
      <c r="B1839">
        <v>73532</v>
      </c>
      <c r="C1839">
        <v>24</v>
      </c>
      <c r="D1839" t="s">
        <v>8</v>
      </c>
      <c r="E1839">
        <v>0.25</v>
      </c>
      <c r="F1839">
        <v>0.73</v>
      </c>
      <c r="G1839">
        <v>0.65</v>
      </c>
    </row>
    <row r="1840" spans="1:7" x14ac:dyDescent="0.25">
      <c r="A1840" t="s">
        <v>29</v>
      </c>
      <c r="B1840">
        <v>132708</v>
      </c>
      <c r="C1840">
        <v>28</v>
      </c>
      <c r="D1840" t="s">
        <v>12</v>
      </c>
      <c r="E1840">
        <v>7.0000000000000007E-2</v>
      </c>
      <c r="F1840">
        <v>0.89</v>
      </c>
      <c r="G1840">
        <v>0.26</v>
      </c>
    </row>
    <row r="1841" spans="1:7" x14ac:dyDescent="0.25">
      <c r="A1841" t="s">
        <v>29</v>
      </c>
      <c r="B1841">
        <v>144846</v>
      </c>
      <c r="C1841">
        <v>21</v>
      </c>
      <c r="D1841" t="s">
        <v>10</v>
      </c>
      <c r="E1841">
        <v>0.35</v>
      </c>
      <c r="F1841">
        <v>1.03</v>
      </c>
      <c r="G1841">
        <v>0.2</v>
      </c>
    </row>
    <row r="1842" spans="1:7" x14ac:dyDescent="0.25">
      <c r="A1842" t="s">
        <v>29</v>
      </c>
      <c r="B1842">
        <v>90254</v>
      </c>
      <c r="C1842">
        <v>8</v>
      </c>
      <c r="D1842" t="s">
        <v>24</v>
      </c>
      <c r="E1842">
        <v>0.28999999999999998</v>
      </c>
      <c r="F1842">
        <v>1.03</v>
      </c>
      <c r="G1842">
        <v>0.24</v>
      </c>
    </row>
    <row r="1843" spans="1:7" x14ac:dyDescent="0.25">
      <c r="A1843" t="s">
        <v>29</v>
      </c>
      <c r="B1843">
        <v>51219</v>
      </c>
      <c r="C1843">
        <v>14</v>
      </c>
      <c r="D1843" t="s">
        <v>24</v>
      </c>
      <c r="E1843">
        <v>0.84</v>
      </c>
      <c r="F1843">
        <v>0.79</v>
      </c>
      <c r="G1843">
        <v>0.26</v>
      </c>
    </row>
    <row r="1844" spans="1:7" x14ac:dyDescent="0.25">
      <c r="A1844" t="s">
        <v>23</v>
      </c>
      <c r="B1844">
        <v>114899</v>
      </c>
      <c r="C1844">
        <v>19</v>
      </c>
      <c r="D1844" t="s">
        <v>8</v>
      </c>
      <c r="E1844">
        <v>0.47</v>
      </c>
      <c r="F1844">
        <v>0.56999999999999995</v>
      </c>
      <c r="G1844">
        <v>0.5</v>
      </c>
    </row>
    <row r="1845" spans="1:7" x14ac:dyDescent="0.25">
      <c r="A1845" t="s">
        <v>25</v>
      </c>
      <c r="B1845">
        <v>63275</v>
      </c>
      <c r="C1845">
        <v>20</v>
      </c>
      <c r="D1845" t="s">
        <v>10</v>
      </c>
      <c r="E1845">
        <v>0.97</v>
      </c>
      <c r="F1845">
        <v>0.76</v>
      </c>
      <c r="G1845">
        <v>0.93</v>
      </c>
    </row>
    <row r="1846" spans="1:7" x14ac:dyDescent="0.25">
      <c r="A1846" t="s">
        <v>23</v>
      </c>
      <c r="B1846">
        <v>79662</v>
      </c>
      <c r="C1846">
        <v>18</v>
      </c>
      <c r="D1846" t="s">
        <v>12</v>
      </c>
      <c r="E1846">
        <v>0.47</v>
      </c>
      <c r="F1846">
        <v>0.63</v>
      </c>
      <c r="G1846">
        <v>0.47</v>
      </c>
    </row>
    <row r="1847" spans="1:7" x14ac:dyDescent="0.25">
      <c r="A1847" t="s">
        <v>26</v>
      </c>
      <c r="B1847">
        <v>62158</v>
      </c>
      <c r="C1847">
        <v>20</v>
      </c>
      <c r="D1847" t="s">
        <v>12</v>
      </c>
      <c r="E1847">
        <v>0.05</v>
      </c>
      <c r="F1847">
        <v>1.22</v>
      </c>
      <c r="G1847">
        <v>0.22</v>
      </c>
    </row>
    <row r="1848" spans="1:7" x14ac:dyDescent="0.25">
      <c r="A1848" t="s">
        <v>9</v>
      </c>
      <c r="B1848">
        <v>103484</v>
      </c>
      <c r="C1848">
        <v>0</v>
      </c>
      <c r="D1848" t="s">
        <v>8</v>
      </c>
      <c r="E1848">
        <v>0.68</v>
      </c>
      <c r="F1848">
        <v>0.52</v>
      </c>
      <c r="G1848">
        <v>0.27</v>
      </c>
    </row>
    <row r="1849" spans="1:7" x14ac:dyDescent="0.25">
      <c r="A1849" t="s">
        <v>26</v>
      </c>
      <c r="B1849">
        <v>116810</v>
      </c>
      <c r="C1849">
        <v>4</v>
      </c>
      <c r="D1849" t="s">
        <v>8</v>
      </c>
      <c r="E1849">
        <v>0.46</v>
      </c>
      <c r="F1849">
        <v>1.21</v>
      </c>
      <c r="G1849">
        <v>0.11</v>
      </c>
    </row>
    <row r="1850" spans="1:7" x14ac:dyDescent="0.25">
      <c r="A1850" t="s">
        <v>7</v>
      </c>
      <c r="B1850">
        <v>104035</v>
      </c>
      <c r="C1850">
        <v>19</v>
      </c>
      <c r="D1850" t="s">
        <v>24</v>
      </c>
      <c r="E1850">
        <v>0.77</v>
      </c>
      <c r="F1850">
        <v>0.89</v>
      </c>
      <c r="G1850">
        <v>0.88</v>
      </c>
    </row>
    <row r="1851" spans="1:7" x14ac:dyDescent="0.25">
      <c r="A1851" t="s">
        <v>14</v>
      </c>
      <c r="B1851">
        <v>83917</v>
      </c>
      <c r="C1851">
        <v>17</v>
      </c>
      <c r="D1851" t="s">
        <v>8</v>
      </c>
      <c r="E1851">
        <v>0.83</v>
      </c>
      <c r="F1851">
        <v>1.39</v>
      </c>
      <c r="G1851">
        <v>0.67</v>
      </c>
    </row>
    <row r="1852" spans="1:7" x14ac:dyDescent="0.25">
      <c r="A1852" t="s">
        <v>20</v>
      </c>
      <c r="B1852">
        <v>91752</v>
      </c>
      <c r="C1852">
        <v>29</v>
      </c>
      <c r="D1852" t="s">
        <v>10</v>
      </c>
      <c r="E1852">
        <v>0.05</v>
      </c>
      <c r="F1852">
        <v>1.26</v>
      </c>
      <c r="G1852">
        <v>0.46</v>
      </c>
    </row>
    <row r="1853" spans="1:7" x14ac:dyDescent="0.25">
      <c r="A1853" t="s">
        <v>25</v>
      </c>
      <c r="B1853">
        <v>120866</v>
      </c>
      <c r="C1853">
        <v>3</v>
      </c>
      <c r="D1853" t="s">
        <v>24</v>
      </c>
      <c r="E1853">
        <v>0.3</v>
      </c>
      <c r="F1853">
        <v>1.36</v>
      </c>
      <c r="G1853">
        <v>0.73</v>
      </c>
    </row>
    <row r="1854" spans="1:7" x14ac:dyDescent="0.25">
      <c r="A1854" t="s">
        <v>7</v>
      </c>
      <c r="B1854">
        <v>56974</v>
      </c>
      <c r="C1854">
        <v>6</v>
      </c>
      <c r="D1854" t="s">
        <v>12</v>
      </c>
      <c r="E1854">
        <v>0.14000000000000001</v>
      </c>
      <c r="F1854">
        <v>0.54</v>
      </c>
      <c r="G1854">
        <v>0.7</v>
      </c>
    </row>
    <row r="1855" spans="1:7" x14ac:dyDescent="0.25">
      <c r="A1855" t="s">
        <v>14</v>
      </c>
      <c r="B1855">
        <v>130672</v>
      </c>
      <c r="C1855">
        <v>16</v>
      </c>
      <c r="D1855" t="s">
        <v>24</v>
      </c>
      <c r="E1855">
        <v>0.93</v>
      </c>
      <c r="F1855">
        <v>1.43</v>
      </c>
      <c r="G1855">
        <v>0.47</v>
      </c>
    </row>
    <row r="1856" spans="1:7" x14ac:dyDescent="0.25">
      <c r="A1856" t="s">
        <v>15</v>
      </c>
      <c r="B1856">
        <v>58327</v>
      </c>
      <c r="C1856">
        <v>13</v>
      </c>
      <c r="D1856" t="s">
        <v>8</v>
      </c>
      <c r="E1856">
        <v>0.74</v>
      </c>
      <c r="F1856">
        <v>0.63</v>
      </c>
      <c r="G1856">
        <v>0.18</v>
      </c>
    </row>
    <row r="1857" spans="1:7" x14ac:dyDescent="0.25">
      <c r="A1857" t="s">
        <v>26</v>
      </c>
      <c r="B1857">
        <v>63258</v>
      </c>
      <c r="C1857">
        <v>22</v>
      </c>
      <c r="D1857" t="s">
        <v>10</v>
      </c>
      <c r="E1857">
        <v>0.4</v>
      </c>
      <c r="F1857">
        <v>1.18</v>
      </c>
      <c r="G1857">
        <v>0.13</v>
      </c>
    </row>
    <row r="1858" spans="1:7" x14ac:dyDescent="0.25">
      <c r="A1858" t="s">
        <v>21</v>
      </c>
      <c r="B1858">
        <v>95777</v>
      </c>
      <c r="C1858">
        <v>27</v>
      </c>
      <c r="D1858" t="s">
        <v>10</v>
      </c>
      <c r="E1858">
        <v>0.73</v>
      </c>
      <c r="F1858">
        <v>1.44</v>
      </c>
      <c r="G1858">
        <v>0.36</v>
      </c>
    </row>
    <row r="1859" spans="1:7" x14ac:dyDescent="0.25">
      <c r="A1859" t="s">
        <v>20</v>
      </c>
      <c r="B1859">
        <v>105127</v>
      </c>
      <c r="C1859">
        <v>14</v>
      </c>
      <c r="D1859" t="s">
        <v>24</v>
      </c>
      <c r="E1859">
        <v>0.6</v>
      </c>
      <c r="F1859">
        <v>0.52</v>
      </c>
      <c r="G1859">
        <v>0.43</v>
      </c>
    </row>
    <row r="1860" spans="1:7" x14ac:dyDescent="0.25">
      <c r="A1860" t="s">
        <v>17</v>
      </c>
      <c r="B1860">
        <v>64846</v>
      </c>
      <c r="C1860">
        <v>17</v>
      </c>
      <c r="D1860" t="s">
        <v>24</v>
      </c>
      <c r="E1860">
        <v>0.73</v>
      </c>
      <c r="F1860">
        <v>1.44</v>
      </c>
      <c r="G1860">
        <v>0.11</v>
      </c>
    </row>
    <row r="1861" spans="1:7" x14ac:dyDescent="0.25">
      <c r="A1861" t="s">
        <v>21</v>
      </c>
      <c r="B1861">
        <v>89397</v>
      </c>
      <c r="C1861">
        <v>11</v>
      </c>
      <c r="D1861" t="s">
        <v>24</v>
      </c>
      <c r="E1861">
        <v>0.77</v>
      </c>
      <c r="F1861">
        <v>0.73</v>
      </c>
      <c r="G1861">
        <v>0.65</v>
      </c>
    </row>
    <row r="1862" spans="1:7" x14ac:dyDescent="0.25">
      <c r="A1862" t="s">
        <v>17</v>
      </c>
      <c r="B1862">
        <v>148915</v>
      </c>
      <c r="C1862">
        <v>21</v>
      </c>
      <c r="D1862" t="s">
        <v>24</v>
      </c>
      <c r="E1862">
        <v>0.98</v>
      </c>
      <c r="F1862">
        <v>1.08</v>
      </c>
      <c r="G1862">
        <v>0.26</v>
      </c>
    </row>
    <row r="1863" spans="1:7" x14ac:dyDescent="0.25">
      <c r="A1863" t="s">
        <v>9</v>
      </c>
      <c r="B1863">
        <v>140554</v>
      </c>
      <c r="C1863">
        <v>16</v>
      </c>
      <c r="D1863" t="s">
        <v>12</v>
      </c>
      <c r="E1863">
        <v>0.95</v>
      </c>
      <c r="F1863">
        <v>1.21</v>
      </c>
      <c r="G1863">
        <v>0.27</v>
      </c>
    </row>
    <row r="1864" spans="1:7" x14ac:dyDescent="0.25">
      <c r="A1864" t="s">
        <v>14</v>
      </c>
      <c r="B1864">
        <v>114153</v>
      </c>
      <c r="C1864">
        <v>28</v>
      </c>
      <c r="D1864" t="s">
        <v>10</v>
      </c>
      <c r="E1864">
        <v>0.06</v>
      </c>
      <c r="F1864">
        <v>1.31</v>
      </c>
      <c r="G1864">
        <v>0.67</v>
      </c>
    </row>
    <row r="1865" spans="1:7" x14ac:dyDescent="0.25">
      <c r="A1865" t="s">
        <v>23</v>
      </c>
      <c r="B1865">
        <v>137526</v>
      </c>
      <c r="C1865">
        <v>27</v>
      </c>
      <c r="D1865" t="s">
        <v>10</v>
      </c>
      <c r="E1865">
        <v>0.8</v>
      </c>
      <c r="F1865">
        <v>0.83</v>
      </c>
      <c r="G1865">
        <v>0.44</v>
      </c>
    </row>
    <row r="1866" spans="1:7" x14ac:dyDescent="0.25">
      <c r="A1866" t="s">
        <v>29</v>
      </c>
      <c r="B1866">
        <v>126482</v>
      </c>
      <c r="C1866">
        <v>14</v>
      </c>
      <c r="D1866" t="s">
        <v>10</v>
      </c>
      <c r="E1866">
        <v>0.65</v>
      </c>
      <c r="F1866">
        <v>0.56000000000000005</v>
      </c>
      <c r="G1866">
        <v>0.25</v>
      </c>
    </row>
    <row r="1867" spans="1:7" x14ac:dyDescent="0.25">
      <c r="A1867" t="s">
        <v>20</v>
      </c>
      <c r="B1867">
        <v>124274</v>
      </c>
      <c r="C1867">
        <v>26</v>
      </c>
      <c r="D1867" t="s">
        <v>12</v>
      </c>
      <c r="E1867">
        <v>0.49</v>
      </c>
      <c r="F1867">
        <v>0.63</v>
      </c>
      <c r="G1867">
        <v>0.67</v>
      </c>
    </row>
    <row r="1868" spans="1:7" x14ac:dyDescent="0.25">
      <c r="A1868" t="s">
        <v>18</v>
      </c>
      <c r="B1868">
        <v>48638</v>
      </c>
      <c r="C1868">
        <v>22</v>
      </c>
      <c r="D1868" t="s">
        <v>10</v>
      </c>
      <c r="E1868">
        <v>0.63</v>
      </c>
      <c r="F1868">
        <v>1.2</v>
      </c>
      <c r="G1868">
        <v>0.46</v>
      </c>
    </row>
    <row r="1869" spans="1:7" x14ac:dyDescent="0.25">
      <c r="A1869" t="s">
        <v>13</v>
      </c>
      <c r="B1869">
        <v>73162</v>
      </c>
      <c r="C1869">
        <v>6</v>
      </c>
      <c r="D1869" t="s">
        <v>12</v>
      </c>
      <c r="E1869">
        <v>0.74</v>
      </c>
      <c r="F1869">
        <v>1.17</v>
      </c>
      <c r="G1869">
        <v>0.56000000000000005</v>
      </c>
    </row>
    <row r="1870" spans="1:7" x14ac:dyDescent="0.25">
      <c r="A1870" t="s">
        <v>17</v>
      </c>
      <c r="B1870">
        <v>66105</v>
      </c>
      <c r="C1870">
        <v>28</v>
      </c>
      <c r="D1870" t="s">
        <v>12</v>
      </c>
      <c r="E1870">
        <v>0.06</v>
      </c>
      <c r="F1870">
        <v>1.27</v>
      </c>
      <c r="G1870">
        <v>0.23</v>
      </c>
    </row>
    <row r="1871" spans="1:7" x14ac:dyDescent="0.25">
      <c r="A1871" t="s">
        <v>15</v>
      </c>
      <c r="B1871">
        <v>48246</v>
      </c>
      <c r="C1871">
        <v>10</v>
      </c>
      <c r="D1871" t="s">
        <v>12</v>
      </c>
      <c r="E1871">
        <v>0.72</v>
      </c>
      <c r="F1871">
        <v>0.99</v>
      </c>
      <c r="G1871">
        <v>0.05</v>
      </c>
    </row>
    <row r="1872" spans="1:7" x14ac:dyDescent="0.25">
      <c r="A1872" t="s">
        <v>7</v>
      </c>
      <c r="B1872">
        <v>86470</v>
      </c>
      <c r="C1872">
        <v>11</v>
      </c>
      <c r="D1872" t="s">
        <v>8</v>
      </c>
      <c r="E1872">
        <v>0.92</v>
      </c>
      <c r="F1872">
        <v>0.84</v>
      </c>
      <c r="G1872">
        <v>0.8</v>
      </c>
    </row>
    <row r="1873" spans="1:7" x14ac:dyDescent="0.25">
      <c r="A1873" t="s">
        <v>30</v>
      </c>
      <c r="B1873">
        <v>136054</v>
      </c>
      <c r="C1873">
        <v>12</v>
      </c>
      <c r="D1873" t="s">
        <v>24</v>
      </c>
      <c r="E1873">
        <v>0.22</v>
      </c>
      <c r="F1873">
        <v>1.19</v>
      </c>
      <c r="G1873">
        <v>0.52</v>
      </c>
    </row>
    <row r="1874" spans="1:7" x14ac:dyDescent="0.25">
      <c r="A1874" t="s">
        <v>25</v>
      </c>
      <c r="B1874">
        <v>109721</v>
      </c>
      <c r="C1874">
        <v>27</v>
      </c>
      <c r="D1874" t="s">
        <v>10</v>
      </c>
      <c r="E1874">
        <v>0.47</v>
      </c>
      <c r="F1874">
        <v>1.3</v>
      </c>
      <c r="G1874">
        <v>0.85</v>
      </c>
    </row>
    <row r="1875" spans="1:7" x14ac:dyDescent="0.25">
      <c r="A1875" t="s">
        <v>13</v>
      </c>
      <c r="B1875">
        <v>90475</v>
      </c>
      <c r="C1875">
        <v>2</v>
      </c>
      <c r="D1875" t="s">
        <v>8</v>
      </c>
      <c r="E1875">
        <v>0.12</v>
      </c>
      <c r="F1875">
        <v>1.04</v>
      </c>
      <c r="G1875">
        <v>0.59</v>
      </c>
    </row>
    <row r="1876" spans="1:7" x14ac:dyDescent="0.25">
      <c r="A1876" t="s">
        <v>27</v>
      </c>
      <c r="B1876">
        <v>48422</v>
      </c>
      <c r="C1876">
        <v>24</v>
      </c>
      <c r="D1876" t="s">
        <v>8</v>
      </c>
      <c r="E1876">
        <v>0.11</v>
      </c>
      <c r="F1876">
        <v>1.1399999999999999</v>
      </c>
      <c r="G1876">
        <v>0.73</v>
      </c>
    </row>
    <row r="1877" spans="1:7" x14ac:dyDescent="0.25">
      <c r="A1877" t="s">
        <v>22</v>
      </c>
      <c r="B1877">
        <v>74380</v>
      </c>
      <c r="C1877">
        <v>15</v>
      </c>
      <c r="D1877" t="s">
        <v>8</v>
      </c>
      <c r="E1877">
        <v>0.33</v>
      </c>
      <c r="F1877">
        <v>0.71</v>
      </c>
      <c r="G1877">
        <v>0.41</v>
      </c>
    </row>
    <row r="1878" spans="1:7" x14ac:dyDescent="0.25">
      <c r="A1878" t="s">
        <v>28</v>
      </c>
      <c r="B1878">
        <v>114999</v>
      </c>
      <c r="C1878">
        <v>10</v>
      </c>
      <c r="D1878" t="s">
        <v>24</v>
      </c>
      <c r="E1878">
        <v>0.56999999999999995</v>
      </c>
      <c r="F1878">
        <v>1.1399999999999999</v>
      </c>
      <c r="G1878">
        <v>0.68</v>
      </c>
    </row>
    <row r="1879" spans="1:7" x14ac:dyDescent="0.25">
      <c r="A1879" t="s">
        <v>11</v>
      </c>
      <c r="B1879">
        <v>45224</v>
      </c>
      <c r="C1879">
        <v>6</v>
      </c>
      <c r="D1879" t="s">
        <v>12</v>
      </c>
      <c r="E1879">
        <v>0.56999999999999995</v>
      </c>
      <c r="F1879">
        <v>1.27</v>
      </c>
      <c r="G1879">
        <v>0.92</v>
      </c>
    </row>
    <row r="1880" spans="1:7" x14ac:dyDescent="0.25">
      <c r="A1880" t="s">
        <v>11</v>
      </c>
      <c r="B1880">
        <v>73302</v>
      </c>
      <c r="C1880">
        <v>10</v>
      </c>
      <c r="D1880" t="s">
        <v>12</v>
      </c>
      <c r="E1880">
        <v>0.24</v>
      </c>
      <c r="F1880">
        <v>0.95</v>
      </c>
      <c r="G1880">
        <v>0.9</v>
      </c>
    </row>
    <row r="1881" spans="1:7" x14ac:dyDescent="0.25">
      <c r="A1881" t="s">
        <v>11</v>
      </c>
      <c r="B1881">
        <v>97743</v>
      </c>
      <c r="C1881">
        <v>7</v>
      </c>
      <c r="D1881" t="s">
        <v>24</v>
      </c>
      <c r="E1881">
        <v>0.67</v>
      </c>
      <c r="F1881">
        <v>1.1399999999999999</v>
      </c>
      <c r="G1881">
        <v>0.93</v>
      </c>
    </row>
    <row r="1882" spans="1:7" x14ac:dyDescent="0.25">
      <c r="A1882" t="s">
        <v>22</v>
      </c>
      <c r="B1882">
        <v>136974</v>
      </c>
      <c r="C1882">
        <v>26</v>
      </c>
      <c r="D1882" t="s">
        <v>8</v>
      </c>
      <c r="E1882">
        <v>0.25</v>
      </c>
      <c r="F1882">
        <v>0.53</v>
      </c>
      <c r="G1882">
        <v>0.68</v>
      </c>
    </row>
    <row r="1883" spans="1:7" x14ac:dyDescent="0.25">
      <c r="A1883" t="s">
        <v>23</v>
      </c>
      <c r="B1883">
        <v>31987</v>
      </c>
      <c r="C1883">
        <v>7</v>
      </c>
      <c r="D1883" t="s">
        <v>12</v>
      </c>
      <c r="E1883">
        <v>0.33</v>
      </c>
      <c r="F1883">
        <v>0.79</v>
      </c>
      <c r="G1883">
        <v>0.41</v>
      </c>
    </row>
    <row r="1884" spans="1:7" x14ac:dyDescent="0.25">
      <c r="A1884" t="s">
        <v>30</v>
      </c>
      <c r="B1884">
        <v>102587</v>
      </c>
      <c r="C1884">
        <v>17</v>
      </c>
      <c r="D1884" t="s">
        <v>24</v>
      </c>
      <c r="E1884">
        <v>0.37</v>
      </c>
      <c r="F1884">
        <v>0.7</v>
      </c>
      <c r="G1884">
        <v>0.41</v>
      </c>
    </row>
    <row r="1885" spans="1:7" x14ac:dyDescent="0.25">
      <c r="A1885" t="s">
        <v>26</v>
      </c>
      <c r="B1885">
        <v>56932</v>
      </c>
      <c r="C1885">
        <v>11</v>
      </c>
      <c r="D1885" t="s">
        <v>24</v>
      </c>
      <c r="E1885">
        <v>0.38</v>
      </c>
      <c r="F1885">
        <v>0.63</v>
      </c>
      <c r="G1885">
        <v>0.25</v>
      </c>
    </row>
    <row r="1886" spans="1:7" x14ac:dyDescent="0.25">
      <c r="A1886" t="s">
        <v>17</v>
      </c>
      <c r="B1886">
        <v>114371</v>
      </c>
      <c r="C1886">
        <v>3</v>
      </c>
      <c r="D1886" t="s">
        <v>10</v>
      </c>
      <c r="E1886">
        <v>0.03</v>
      </c>
      <c r="F1886">
        <v>1.0900000000000001</v>
      </c>
      <c r="G1886">
        <v>0.12</v>
      </c>
    </row>
    <row r="1887" spans="1:7" x14ac:dyDescent="0.25">
      <c r="A1887" t="s">
        <v>29</v>
      </c>
      <c r="B1887">
        <v>133027</v>
      </c>
      <c r="C1887">
        <v>2</v>
      </c>
      <c r="D1887" t="s">
        <v>8</v>
      </c>
      <c r="E1887">
        <v>0.12</v>
      </c>
      <c r="F1887">
        <v>1.08</v>
      </c>
      <c r="G1887">
        <v>0.28000000000000003</v>
      </c>
    </row>
    <row r="1888" spans="1:7" x14ac:dyDescent="0.25">
      <c r="A1888" t="s">
        <v>9</v>
      </c>
      <c r="B1888">
        <v>45353</v>
      </c>
      <c r="C1888">
        <v>0</v>
      </c>
      <c r="D1888" t="s">
        <v>10</v>
      </c>
      <c r="E1888">
        <v>0.66</v>
      </c>
      <c r="F1888">
        <v>1.29</v>
      </c>
      <c r="G1888">
        <v>0.22</v>
      </c>
    </row>
    <row r="1889" spans="1:7" x14ac:dyDescent="0.25">
      <c r="A1889" t="s">
        <v>11</v>
      </c>
      <c r="B1889">
        <v>67970</v>
      </c>
      <c r="C1889">
        <v>19</v>
      </c>
      <c r="D1889" t="s">
        <v>10</v>
      </c>
      <c r="E1889">
        <v>0.98</v>
      </c>
      <c r="F1889">
        <v>0.68</v>
      </c>
      <c r="G1889">
        <v>0.82</v>
      </c>
    </row>
    <row r="1890" spans="1:7" x14ac:dyDescent="0.25">
      <c r="A1890" t="s">
        <v>22</v>
      </c>
      <c r="B1890">
        <v>57154</v>
      </c>
      <c r="C1890">
        <v>15</v>
      </c>
      <c r="D1890" t="s">
        <v>10</v>
      </c>
      <c r="E1890">
        <v>0.36</v>
      </c>
      <c r="F1890">
        <v>0.86</v>
      </c>
      <c r="G1890">
        <v>0.42</v>
      </c>
    </row>
    <row r="1891" spans="1:7" x14ac:dyDescent="0.25">
      <c r="A1891" t="s">
        <v>30</v>
      </c>
      <c r="B1891">
        <v>115793</v>
      </c>
      <c r="C1891">
        <v>25</v>
      </c>
      <c r="D1891" t="s">
        <v>24</v>
      </c>
      <c r="E1891">
        <v>0.49</v>
      </c>
      <c r="F1891">
        <v>1.26</v>
      </c>
      <c r="G1891">
        <v>0.51</v>
      </c>
    </row>
    <row r="1892" spans="1:7" x14ac:dyDescent="0.25">
      <c r="A1892" t="s">
        <v>27</v>
      </c>
      <c r="B1892">
        <v>43174</v>
      </c>
      <c r="C1892">
        <v>1</v>
      </c>
      <c r="D1892" t="s">
        <v>10</v>
      </c>
      <c r="E1892">
        <v>0.22</v>
      </c>
      <c r="F1892">
        <v>0.99</v>
      </c>
      <c r="G1892">
        <v>0.81</v>
      </c>
    </row>
    <row r="1893" spans="1:7" x14ac:dyDescent="0.25">
      <c r="A1893" t="s">
        <v>14</v>
      </c>
      <c r="B1893">
        <v>88323</v>
      </c>
      <c r="C1893">
        <v>19</v>
      </c>
      <c r="D1893" t="s">
        <v>12</v>
      </c>
      <c r="E1893">
        <v>0.62</v>
      </c>
      <c r="F1893">
        <v>1.23</v>
      </c>
      <c r="G1893">
        <v>0.32</v>
      </c>
    </row>
    <row r="1894" spans="1:7" x14ac:dyDescent="0.25">
      <c r="A1894" t="s">
        <v>22</v>
      </c>
      <c r="B1894">
        <v>123335</v>
      </c>
      <c r="C1894">
        <v>22</v>
      </c>
      <c r="D1894" t="s">
        <v>10</v>
      </c>
      <c r="E1894">
        <v>0.26</v>
      </c>
      <c r="F1894">
        <v>0.86</v>
      </c>
      <c r="G1894">
        <v>0.5</v>
      </c>
    </row>
    <row r="1895" spans="1:7" x14ac:dyDescent="0.25">
      <c r="A1895" t="s">
        <v>26</v>
      </c>
      <c r="B1895">
        <v>67877</v>
      </c>
      <c r="C1895">
        <v>22</v>
      </c>
      <c r="D1895" t="s">
        <v>10</v>
      </c>
      <c r="E1895">
        <v>0.36</v>
      </c>
      <c r="F1895">
        <v>1.01</v>
      </c>
      <c r="G1895">
        <v>0.17</v>
      </c>
    </row>
    <row r="1896" spans="1:7" x14ac:dyDescent="0.25">
      <c r="A1896" t="s">
        <v>29</v>
      </c>
      <c r="B1896">
        <v>86779</v>
      </c>
      <c r="C1896">
        <v>14</v>
      </c>
      <c r="D1896" t="s">
        <v>10</v>
      </c>
      <c r="E1896">
        <v>0.2</v>
      </c>
      <c r="F1896">
        <v>1.39</v>
      </c>
      <c r="G1896">
        <v>0.22</v>
      </c>
    </row>
    <row r="1897" spans="1:7" x14ac:dyDescent="0.25">
      <c r="A1897" t="s">
        <v>11</v>
      </c>
      <c r="B1897">
        <v>34650</v>
      </c>
      <c r="C1897">
        <v>3</v>
      </c>
      <c r="D1897" t="s">
        <v>10</v>
      </c>
      <c r="E1897">
        <v>0.03</v>
      </c>
      <c r="F1897">
        <v>0.54</v>
      </c>
      <c r="G1897">
        <v>0.81</v>
      </c>
    </row>
    <row r="1898" spans="1:7" x14ac:dyDescent="0.25">
      <c r="A1898" t="s">
        <v>21</v>
      </c>
      <c r="B1898">
        <v>93884</v>
      </c>
      <c r="C1898">
        <v>3</v>
      </c>
      <c r="D1898" t="s">
        <v>10</v>
      </c>
      <c r="E1898">
        <v>0.05</v>
      </c>
      <c r="F1898">
        <v>1.1599999999999999</v>
      </c>
      <c r="G1898">
        <v>0.44</v>
      </c>
    </row>
    <row r="1899" spans="1:7" x14ac:dyDescent="0.25">
      <c r="A1899" t="s">
        <v>21</v>
      </c>
      <c r="B1899">
        <v>37317</v>
      </c>
      <c r="C1899">
        <v>0</v>
      </c>
      <c r="D1899" t="s">
        <v>12</v>
      </c>
      <c r="E1899">
        <v>0.62</v>
      </c>
      <c r="F1899">
        <v>0.74</v>
      </c>
      <c r="G1899">
        <v>0.59</v>
      </c>
    </row>
    <row r="1900" spans="1:7" x14ac:dyDescent="0.25">
      <c r="A1900" t="s">
        <v>28</v>
      </c>
      <c r="B1900">
        <v>123947</v>
      </c>
      <c r="C1900">
        <v>12</v>
      </c>
      <c r="D1900" t="s">
        <v>8</v>
      </c>
      <c r="E1900">
        <v>0.67</v>
      </c>
      <c r="F1900">
        <v>1.1200000000000001</v>
      </c>
      <c r="G1900">
        <v>0.67</v>
      </c>
    </row>
    <row r="1901" spans="1:7" x14ac:dyDescent="0.25">
      <c r="A1901" t="s">
        <v>17</v>
      </c>
      <c r="B1901">
        <v>88524</v>
      </c>
      <c r="C1901">
        <v>9</v>
      </c>
      <c r="D1901" t="s">
        <v>12</v>
      </c>
      <c r="E1901">
        <v>0.26</v>
      </c>
      <c r="F1901">
        <v>1.31</v>
      </c>
      <c r="G1901">
        <v>0.18</v>
      </c>
    </row>
    <row r="1902" spans="1:7" x14ac:dyDescent="0.25">
      <c r="A1902" t="s">
        <v>29</v>
      </c>
      <c r="B1902">
        <v>44316</v>
      </c>
      <c r="C1902">
        <v>28</v>
      </c>
      <c r="D1902" t="s">
        <v>8</v>
      </c>
      <c r="E1902">
        <v>0.62</v>
      </c>
      <c r="F1902">
        <v>0.88</v>
      </c>
      <c r="G1902">
        <v>0.22</v>
      </c>
    </row>
    <row r="1903" spans="1:7" x14ac:dyDescent="0.25">
      <c r="A1903" t="s">
        <v>25</v>
      </c>
      <c r="B1903">
        <v>112142</v>
      </c>
      <c r="C1903">
        <v>7</v>
      </c>
      <c r="D1903" t="s">
        <v>10</v>
      </c>
      <c r="E1903">
        <v>0.54</v>
      </c>
      <c r="F1903">
        <v>0.85</v>
      </c>
      <c r="G1903">
        <v>0.76</v>
      </c>
    </row>
    <row r="1904" spans="1:7" x14ac:dyDescent="0.25">
      <c r="A1904" t="s">
        <v>19</v>
      </c>
      <c r="B1904">
        <v>124939</v>
      </c>
      <c r="C1904">
        <v>22</v>
      </c>
      <c r="D1904" t="s">
        <v>12</v>
      </c>
      <c r="E1904">
        <v>0.09</v>
      </c>
      <c r="F1904">
        <v>0.67</v>
      </c>
      <c r="G1904">
        <v>0.79</v>
      </c>
    </row>
    <row r="1905" spans="1:7" x14ac:dyDescent="0.25">
      <c r="A1905" t="s">
        <v>19</v>
      </c>
      <c r="B1905">
        <v>125756</v>
      </c>
      <c r="C1905">
        <v>16</v>
      </c>
      <c r="D1905" t="s">
        <v>12</v>
      </c>
      <c r="E1905">
        <v>0.85</v>
      </c>
      <c r="F1905">
        <v>0.77</v>
      </c>
      <c r="G1905">
        <v>0.91</v>
      </c>
    </row>
    <row r="1906" spans="1:7" x14ac:dyDescent="0.25">
      <c r="A1906" t="s">
        <v>25</v>
      </c>
      <c r="B1906">
        <v>53255</v>
      </c>
      <c r="C1906">
        <v>21</v>
      </c>
      <c r="D1906" t="s">
        <v>24</v>
      </c>
      <c r="E1906">
        <v>0.32</v>
      </c>
      <c r="F1906">
        <v>0.79</v>
      </c>
      <c r="G1906">
        <v>0.82</v>
      </c>
    </row>
    <row r="1907" spans="1:7" x14ac:dyDescent="0.25">
      <c r="A1907" t="s">
        <v>25</v>
      </c>
      <c r="B1907">
        <v>111808</v>
      </c>
      <c r="C1907">
        <v>4</v>
      </c>
      <c r="D1907" t="s">
        <v>12</v>
      </c>
      <c r="E1907">
        <v>0.62</v>
      </c>
      <c r="F1907">
        <v>1.08</v>
      </c>
      <c r="G1907">
        <v>0.75</v>
      </c>
    </row>
    <row r="1908" spans="1:7" x14ac:dyDescent="0.25">
      <c r="A1908" t="s">
        <v>14</v>
      </c>
      <c r="B1908">
        <v>142102</v>
      </c>
      <c r="C1908">
        <v>14</v>
      </c>
      <c r="D1908" t="s">
        <v>10</v>
      </c>
      <c r="E1908">
        <v>0.05</v>
      </c>
      <c r="F1908">
        <v>1.31</v>
      </c>
      <c r="G1908">
        <v>0.33</v>
      </c>
    </row>
    <row r="1909" spans="1:7" x14ac:dyDescent="0.25">
      <c r="A1909" t="s">
        <v>29</v>
      </c>
      <c r="B1909">
        <v>72690</v>
      </c>
      <c r="C1909">
        <v>5</v>
      </c>
      <c r="D1909" t="s">
        <v>12</v>
      </c>
      <c r="E1909">
        <v>0.43</v>
      </c>
      <c r="F1909">
        <v>1.27</v>
      </c>
      <c r="G1909">
        <v>0.25</v>
      </c>
    </row>
    <row r="1910" spans="1:7" x14ac:dyDescent="0.25">
      <c r="A1910" t="s">
        <v>19</v>
      </c>
      <c r="B1910">
        <v>39304</v>
      </c>
      <c r="C1910">
        <v>25</v>
      </c>
      <c r="D1910" t="s">
        <v>12</v>
      </c>
      <c r="E1910">
        <v>0.3</v>
      </c>
      <c r="F1910">
        <v>0.92</v>
      </c>
      <c r="G1910">
        <v>0.87</v>
      </c>
    </row>
    <row r="1911" spans="1:7" x14ac:dyDescent="0.25">
      <c r="A1911" t="s">
        <v>18</v>
      </c>
      <c r="B1911">
        <v>129581</v>
      </c>
      <c r="C1911">
        <v>3</v>
      </c>
      <c r="D1911" t="s">
        <v>10</v>
      </c>
      <c r="E1911">
        <v>0.82</v>
      </c>
      <c r="F1911">
        <v>1.2</v>
      </c>
      <c r="G1911">
        <v>0.33</v>
      </c>
    </row>
    <row r="1912" spans="1:7" x14ac:dyDescent="0.25">
      <c r="A1912" t="s">
        <v>13</v>
      </c>
      <c r="B1912">
        <v>69819</v>
      </c>
      <c r="C1912">
        <v>4</v>
      </c>
      <c r="D1912" t="s">
        <v>8</v>
      </c>
      <c r="E1912">
        <v>0.63</v>
      </c>
      <c r="F1912">
        <v>0.63</v>
      </c>
      <c r="G1912">
        <v>0.39</v>
      </c>
    </row>
    <row r="1913" spans="1:7" x14ac:dyDescent="0.25">
      <c r="A1913" t="s">
        <v>27</v>
      </c>
      <c r="B1913">
        <v>141925</v>
      </c>
      <c r="C1913">
        <v>23</v>
      </c>
      <c r="D1913" t="s">
        <v>24</v>
      </c>
      <c r="E1913">
        <v>0.41</v>
      </c>
      <c r="F1913">
        <v>1.38</v>
      </c>
      <c r="G1913">
        <v>0.81</v>
      </c>
    </row>
    <row r="1914" spans="1:7" x14ac:dyDescent="0.25">
      <c r="A1914" t="s">
        <v>9</v>
      </c>
      <c r="B1914">
        <v>75805</v>
      </c>
      <c r="C1914">
        <v>19</v>
      </c>
      <c r="D1914" t="s">
        <v>24</v>
      </c>
      <c r="E1914">
        <v>0.78</v>
      </c>
      <c r="F1914">
        <v>0.57999999999999996</v>
      </c>
      <c r="G1914">
        <v>0.09</v>
      </c>
    </row>
    <row r="1915" spans="1:7" x14ac:dyDescent="0.25">
      <c r="A1915" t="s">
        <v>11</v>
      </c>
      <c r="B1915">
        <v>67326</v>
      </c>
      <c r="C1915">
        <v>15</v>
      </c>
      <c r="D1915" t="s">
        <v>12</v>
      </c>
      <c r="E1915">
        <v>0.92</v>
      </c>
      <c r="F1915">
        <v>1.2</v>
      </c>
      <c r="G1915">
        <v>0.91</v>
      </c>
    </row>
    <row r="1916" spans="1:7" x14ac:dyDescent="0.25">
      <c r="A1916" t="s">
        <v>18</v>
      </c>
      <c r="B1916">
        <v>69224</v>
      </c>
      <c r="C1916">
        <v>18</v>
      </c>
      <c r="D1916" t="s">
        <v>24</v>
      </c>
      <c r="E1916">
        <v>0.17</v>
      </c>
      <c r="F1916">
        <v>1.25</v>
      </c>
      <c r="G1916">
        <v>0.54</v>
      </c>
    </row>
    <row r="1917" spans="1:7" x14ac:dyDescent="0.25">
      <c r="A1917" t="s">
        <v>22</v>
      </c>
      <c r="B1917">
        <v>132567</v>
      </c>
      <c r="C1917">
        <v>4</v>
      </c>
      <c r="D1917" t="s">
        <v>24</v>
      </c>
      <c r="E1917">
        <v>0</v>
      </c>
      <c r="F1917">
        <v>1.2</v>
      </c>
      <c r="G1917">
        <v>0.52</v>
      </c>
    </row>
    <row r="1918" spans="1:7" x14ac:dyDescent="0.25">
      <c r="A1918" t="s">
        <v>17</v>
      </c>
      <c r="B1918">
        <v>129417</v>
      </c>
      <c r="C1918">
        <v>23</v>
      </c>
      <c r="D1918" t="s">
        <v>8</v>
      </c>
      <c r="E1918">
        <v>0.33</v>
      </c>
      <c r="F1918">
        <v>0.71</v>
      </c>
      <c r="G1918">
        <v>0.28000000000000003</v>
      </c>
    </row>
    <row r="1919" spans="1:7" x14ac:dyDescent="0.25">
      <c r="A1919" t="s">
        <v>16</v>
      </c>
      <c r="B1919">
        <v>129652</v>
      </c>
      <c r="C1919">
        <v>28</v>
      </c>
      <c r="D1919" t="s">
        <v>12</v>
      </c>
      <c r="E1919">
        <v>0.35</v>
      </c>
      <c r="F1919">
        <v>1.38</v>
      </c>
      <c r="G1919">
        <v>0.31</v>
      </c>
    </row>
    <row r="1920" spans="1:7" x14ac:dyDescent="0.25">
      <c r="A1920" t="s">
        <v>13</v>
      </c>
      <c r="B1920">
        <v>58498</v>
      </c>
      <c r="C1920">
        <v>10</v>
      </c>
      <c r="D1920" t="s">
        <v>24</v>
      </c>
      <c r="E1920">
        <v>0.86</v>
      </c>
      <c r="F1920">
        <v>1.23</v>
      </c>
      <c r="G1920">
        <v>0.45</v>
      </c>
    </row>
    <row r="1921" spans="1:7" x14ac:dyDescent="0.25">
      <c r="A1921" t="s">
        <v>27</v>
      </c>
      <c r="B1921">
        <v>37816</v>
      </c>
      <c r="C1921">
        <v>17</v>
      </c>
      <c r="D1921" t="s">
        <v>8</v>
      </c>
      <c r="E1921">
        <v>0.9</v>
      </c>
      <c r="F1921">
        <v>1.25</v>
      </c>
      <c r="G1921">
        <v>0.93</v>
      </c>
    </row>
    <row r="1922" spans="1:7" x14ac:dyDescent="0.25">
      <c r="A1922" t="s">
        <v>21</v>
      </c>
      <c r="B1922">
        <v>65074</v>
      </c>
      <c r="C1922">
        <v>22</v>
      </c>
      <c r="D1922" t="s">
        <v>24</v>
      </c>
      <c r="E1922">
        <v>0.42</v>
      </c>
      <c r="F1922">
        <v>1.23</v>
      </c>
      <c r="G1922">
        <v>0.42</v>
      </c>
    </row>
    <row r="1923" spans="1:7" x14ac:dyDescent="0.25">
      <c r="A1923" t="s">
        <v>16</v>
      </c>
      <c r="B1923">
        <v>46775</v>
      </c>
      <c r="C1923">
        <v>29</v>
      </c>
      <c r="D1923" t="s">
        <v>10</v>
      </c>
      <c r="E1923">
        <v>0.11</v>
      </c>
      <c r="F1923">
        <v>0.99</v>
      </c>
      <c r="G1923">
        <v>0.48</v>
      </c>
    </row>
    <row r="1924" spans="1:7" x14ac:dyDescent="0.25">
      <c r="A1924" t="s">
        <v>13</v>
      </c>
      <c r="B1924">
        <v>127095</v>
      </c>
      <c r="C1924">
        <v>14</v>
      </c>
      <c r="D1924" t="s">
        <v>12</v>
      </c>
      <c r="E1924">
        <v>0.77</v>
      </c>
      <c r="F1924">
        <v>1.4</v>
      </c>
      <c r="G1924">
        <v>0.54</v>
      </c>
    </row>
    <row r="1925" spans="1:7" x14ac:dyDescent="0.25">
      <c r="A1925" t="s">
        <v>15</v>
      </c>
      <c r="B1925">
        <v>85124</v>
      </c>
      <c r="C1925">
        <v>18</v>
      </c>
      <c r="D1925" t="s">
        <v>8</v>
      </c>
      <c r="E1925">
        <v>0.37</v>
      </c>
      <c r="F1925">
        <v>1.05</v>
      </c>
      <c r="G1925">
        <v>0.13</v>
      </c>
    </row>
    <row r="1926" spans="1:7" x14ac:dyDescent="0.25">
      <c r="A1926" t="s">
        <v>29</v>
      </c>
      <c r="B1926">
        <v>48224</v>
      </c>
      <c r="C1926">
        <v>22</v>
      </c>
      <c r="D1926" t="s">
        <v>24</v>
      </c>
      <c r="E1926">
        <v>0.62</v>
      </c>
      <c r="F1926">
        <v>0.53</v>
      </c>
      <c r="G1926">
        <v>0.16</v>
      </c>
    </row>
    <row r="1927" spans="1:7" x14ac:dyDescent="0.25">
      <c r="A1927" t="s">
        <v>28</v>
      </c>
      <c r="B1927">
        <v>80421</v>
      </c>
      <c r="C1927">
        <v>9</v>
      </c>
      <c r="D1927" t="s">
        <v>12</v>
      </c>
      <c r="E1927">
        <v>0.82</v>
      </c>
      <c r="F1927">
        <v>1.28</v>
      </c>
      <c r="G1927">
        <v>0.65</v>
      </c>
    </row>
    <row r="1928" spans="1:7" x14ac:dyDescent="0.25">
      <c r="A1928" t="s">
        <v>30</v>
      </c>
      <c r="B1928">
        <v>149028</v>
      </c>
      <c r="C1928">
        <v>19</v>
      </c>
      <c r="D1928" t="s">
        <v>10</v>
      </c>
      <c r="E1928">
        <v>0.65</v>
      </c>
      <c r="F1928">
        <v>1.06</v>
      </c>
      <c r="G1928">
        <v>0.5</v>
      </c>
    </row>
    <row r="1929" spans="1:7" x14ac:dyDescent="0.25">
      <c r="A1929" t="s">
        <v>27</v>
      </c>
      <c r="B1929">
        <v>137919</v>
      </c>
      <c r="C1929">
        <v>29</v>
      </c>
      <c r="D1929" t="s">
        <v>12</v>
      </c>
      <c r="E1929">
        <v>0.9</v>
      </c>
      <c r="F1929">
        <v>1.33</v>
      </c>
      <c r="G1929">
        <v>0.8</v>
      </c>
    </row>
    <row r="1930" spans="1:7" x14ac:dyDescent="0.25">
      <c r="A1930" t="s">
        <v>23</v>
      </c>
      <c r="B1930">
        <v>129391</v>
      </c>
      <c r="C1930">
        <v>13</v>
      </c>
      <c r="D1930" t="s">
        <v>8</v>
      </c>
      <c r="E1930">
        <v>0.5</v>
      </c>
      <c r="F1930">
        <v>0.6</v>
      </c>
      <c r="G1930">
        <v>0.4</v>
      </c>
    </row>
    <row r="1931" spans="1:7" x14ac:dyDescent="0.25">
      <c r="A1931" t="s">
        <v>30</v>
      </c>
      <c r="B1931">
        <v>105125</v>
      </c>
      <c r="C1931">
        <v>29</v>
      </c>
      <c r="D1931" t="s">
        <v>8</v>
      </c>
      <c r="E1931">
        <v>0.06</v>
      </c>
      <c r="F1931">
        <v>1.01</v>
      </c>
      <c r="G1931">
        <v>0.33</v>
      </c>
    </row>
    <row r="1932" spans="1:7" x14ac:dyDescent="0.25">
      <c r="A1932" t="s">
        <v>20</v>
      </c>
      <c r="B1932">
        <v>127071</v>
      </c>
      <c r="C1932">
        <v>20</v>
      </c>
      <c r="D1932" t="s">
        <v>8</v>
      </c>
      <c r="E1932">
        <v>0.66</v>
      </c>
      <c r="F1932">
        <v>0.81</v>
      </c>
      <c r="G1932">
        <v>0.41</v>
      </c>
    </row>
    <row r="1933" spans="1:7" x14ac:dyDescent="0.25">
      <c r="A1933" t="s">
        <v>15</v>
      </c>
      <c r="B1933">
        <v>109036</v>
      </c>
      <c r="C1933">
        <v>1</v>
      </c>
      <c r="D1933" t="s">
        <v>8</v>
      </c>
      <c r="E1933">
        <v>0.68</v>
      </c>
      <c r="F1933">
        <v>1.45</v>
      </c>
      <c r="G1933">
        <v>0.12</v>
      </c>
    </row>
    <row r="1934" spans="1:7" x14ac:dyDescent="0.25">
      <c r="A1934" t="s">
        <v>7</v>
      </c>
      <c r="B1934">
        <v>59000</v>
      </c>
      <c r="C1934">
        <v>5</v>
      </c>
      <c r="D1934" t="s">
        <v>24</v>
      </c>
      <c r="E1934">
        <v>0.9</v>
      </c>
      <c r="F1934">
        <v>0.8</v>
      </c>
      <c r="G1934">
        <v>0.8</v>
      </c>
    </row>
    <row r="1935" spans="1:7" x14ac:dyDescent="0.25">
      <c r="A1935" t="s">
        <v>27</v>
      </c>
      <c r="B1935">
        <v>45529</v>
      </c>
      <c r="C1935">
        <v>22</v>
      </c>
      <c r="D1935" t="s">
        <v>12</v>
      </c>
      <c r="E1935">
        <v>0.5</v>
      </c>
      <c r="F1935">
        <v>0.51</v>
      </c>
      <c r="G1935">
        <v>0.85</v>
      </c>
    </row>
    <row r="1936" spans="1:7" x14ac:dyDescent="0.25">
      <c r="A1936" t="s">
        <v>7</v>
      </c>
      <c r="B1936">
        <v>124845</v>
      </c>
      <c r="C1936">
        <v>15</v>
      </c>
      <c r="D1936" t="s">
        <v>10</v>
      </c>
      <c r="E1936">
        <v>0.33</v>
      </c>
      <c r="F1936">
        <v>1.02</v>
      </c>
      <c r="G1936">
        <v>0.94</v>
      </c>
    </row>
    <row r="1937" spans="1:7" x14ac:dyDescent="0.25">
      <c r="A1937" t="s">
        <v>7</v>
      </c>
      <c r="B1937">
        <v>135312</v>
      </c>
      <c r="C1937">
        <v>28</v>
      </c>
      <c r="D1937" t="s">
        <v>12</v>
      </c>
      <c r="E1937">
        <v>0.43</v>
      </c>
      <c r="F1937">
        <v>0.53</v>
      </c>
      <c r="G1937">
        <v>0.73</v>
      </c>
    </row>
    <row r="1938" spans="1:7" x14ac:dyDescent="0.25">
      <c r="A1938" t="s">
        <v>29</v>
      </c>
      <c r="B1938">
        <v>95478</v>
      </c>
      <c r="C1938">
        <v>22</v>
      </c>
      <c r="D1938" t="s">
        <v>12</v>
      </c>
      <c r="E1938">
        <v>0.6</v>
      </c>
      <c r="F1938">
        <v>1.5</v>
      </c>
      <c r="G1938">
        <v>0.08</v>
      </c>
    </row>
    <row r="1939" spans="1:7" x14ac:dyDescent="0.25">
      <c r="A1939" t="s">
        <v>23</v>
      </c>
      <c r="B1939">
        <v>71702</v>
      </c>
      <c r="C1939">
        <v>8</v>
      </c>
      <c r="D1939" t="s">
        <v>24</v>
      </c>
      <c r="E1939">
        <v>0.35</v>
      </c>
      <c r="F1939">
        <v>0.91</v>
      </c>
      <c r="G1939">
        <v>0.35</v>
      </c>
    </row>
    <row r="1940" spans="1:7" x14ac:dyDescent="0.25">
      <c r="A1940" t="s">
        <v>25</v>
      </c>
      <c r="B1940">
        <v>123068</v>
      </c>
      <c r="C1940">
        <v>25</v>
      </c>
      <c r="D1940" t="s">
        <v>8</v>
      </c>
      <c r="E1940">
        <v>0.01</v>
      </c>
      <c r="F1940">
        <v>0.81</v>
      </c>
      <c r="G1940">
        <v>0.72</v>
      </c>
    </row>
    <row r="1941" spans="1:7" x14ac:dyDescent="0.25">
      <c r="A1941" t="s">
        <v>11</v>
      </c>
      <c r="B1941">
        <v>33911</v>
      </c>
      <c r="C1941">
        <v>13</v>
      </c>
      <c r="D1941" t="s">
        <v>24</v>
      </c>
      <c r="E1941">
        <v>0.6</v>
      </c>
      <c r="F1941">
        <v>1.38</v>
      </c>
      <c r="G1941">
        <v>0.72</v>
      </c>
    </row>
    <row r="1942" spans="1:7" x14ac:dyDescent="0.25">
      <c r="A1942" t="s">
        <v>21</v>
      </c>
      <c r="B1942">
        <v>121964</v>
      </c>
      <c r="C1942">
        <v>14</v>
      </c>
      <c r="D1942" t="s">
        <v>10</v>
      </c>
      <c r="E1942">
        <v>0.64</v>
      </c>
      <c r="F1942">
        <v>1.45</v>
      </c>
      <c r="G1942">
        <v>0.49</v>
      </c>
    </row>
    <row r="1943" spans="1:7" x14ac:dyDescent="0.25">
      <c r="A1943" t="s">
        <v>22</v>
      </c>
      <c r="B1943">
        <v>78229</v>
      </c>
      <c r="C1943">
        <v>16</v>
      </c>
      <c r="D1943" t="s">
        <v>8</v>
      </c>
      <c r="E1943">
        <v>0.12</v>
      </c>
      <c r="F1943">
        <v>1.42</v>
      </c>
      <c r="G1943">
        <v>0.56999999999999995</v>
      </c>
    </row>
    <row r="1944" spans="1:7" x14ac:dyDescent="0.25">
      <c r="A1944" t="s">
        <v>11</v>
      </c>
      <c r="B1944">
        <v>66704</v>
      </c>
      <c r="C1944">
        <v>18</v>
      </c>
      <c r="D1944" t="s">
        <v>10</v>
      </c>
      <c r="E1944">
        <v>0.98</v>
      </c>
      <c r="F1944">
        <v>0.56999999999999995</v>
      </c>
      <c r="G1944">
        <v>0.83</v>
      </c>
    </row>
    <row r="1945" spans="1:7" x14ac:dyDescent="0.25">
      <c r="A1945" t="s">
        <v>25</v>
      </c>
      <c r="B1945">
        <v>91295</v>
      </c>
      <c r="C1945">
        <v>20</v>
      </c>
      <c r="D1945" t="s">
        <v>24</v>
      </c>
      <c r="E1945">
        <v>0.92</v>
      </c>
      <c r="F1945">
        <v>1.1200000000000001</v>
      </c>
      <c r="G1945">
        <v>0.88</v>
      </c>
    </row>
    <row r="1946" spans="1:7" x14ac:dyDescent="0.25">
      <c r="A1946" t="s">
        <v>19</v>
      </c>
      <c r="B1946">
        <v>114532</v>
      </c>
      <c r="C1946">
        <v>0</v>
      </c>
      <c r="D1946" t="s">
        <v>24</v>
      </c>
      <c r="E1946">
        <v>0.01</v>
      </c>
      <c r="F1946">
        <v>0.56000000000000005</v>
      </c>
      <c r="G1946">
        <v>0.86</v>
      </c>
    </row>
    <row r="1947" spans="1:7" x14ac:dyDescent="0.25">
      <c r="A1947" t="s">
        <v>9</v>
      </c>
      <c r="B1947">
        <v>129211</v>
      </c>
      <c r="C1947">
        <v>27</v>
      </c>
      <c r="D1947" t="s">
        <v>8</v>
      </c>
      <c r="E1947">
        <v>0.14000000000000001</v>
      </c>
      <c r="F1947">
        <v>0.9</v>
      </c>
      <c r="G1947">
        <v>0.06</v>
      </c>
    </row>
    <row r="1948" spans="1:7" x14ac:dyDescent="0.25">
      <c r="A1948" t="s">
        <v>29</v>
      </c>
      <c r="B1948">
        <v>36826</v>
      </c>
      <c r="C1948">
        <v>12</v>
      </c>
      <c r="D1948" t="s">
        <v>10</v>
      </c>
      <c r="E1948">
        <v>0.69</v>
      </c>
      <c r="F1948">
        <v>1.1200000000000001</v>
      </c>
      <c r="G1948">
        <v>0.16</v>
      </c>
    </row>
    <row r="1949" spans="1:7" x14ac:dyDescent="0.25">
      <c r="A1949" t="s">
        <v>29</v>
      </c>
      <c r="B1949">
        <v>113899</v>
      </c>
      <c r="C1949">
        <v>28</v>
      </c>
      <c r="D1949" t="s">
        <v>8</v>
      </c>
      <c r="E1949">
        <v>0.91</v>
      </c>
      <c r="F1949">
        <v>1.03</v>
      </c>
      <c r="G1949">
        <v>0.19</v>
      </c>
    </row>
    <row r="1950" spans="1:7" x14ac:dyDescent="0.25">
      <c r="A1950" t="s">
        <v>28</v>
      </c>
      <c r="B1950">
        <v>59407</v>
      </c>
      <c r="C1950">
        <v>0</v>
      </c>
      <c r="D1950" t="s">
        <v>24</v>
      </c>
      <c r="E1950">
        <v>0.78</v>
      </c>
      <c r="F1950">
        <v>0.53</v>
      </c>
      <c r="G1950">
        <v>0.61</v>
      </c>
    </row>
    <row r="1951" spans="1:7" x14ac:dyDescent="0.25">
      <c r="A1951" t="s">
        <v>26</v>
      </c>
      <c r="B1951">
        <v>120389</v>
      </c>
      <c r="C1951">
        <v>28</v>
      </c>
      <c r="D1951" t="s">
        <v>8</v>
      </c>
      <c r="E1951">
        <v>0.77</v>
      </c>
      <c r="F1951">
        <v>0.59</v>
      </c>
      <c r="G1951">
        <v>0.12</v>
      </c>
    </row>
    <row r="1952" spans="1:7" x14ac:dyDescent="0.25">
      <c r="A1952" t="s">
        <v>17</v>
      </c>
      <c r="B1952">
        <v>145796</v>
      </c>
      <c r="C1952">
        <v>23</v>
      </c>
      <c r="D1952" t="s">
        <v>10</v>
      </c>
      <c r="E1952">
        <v>0.98</v>
      </c>
      <c r="F1952">
        <v>1.19</v>
      </c>
      <c r="G1952">
        <v>0.2</v>
      </c>
    </row>
    <row r="1953" spans="1:7" x14ac:dyDescent="0.25">
      <c r="A1953" t="s">
        <v>14</v>
      </c>
      <c r="B1953">
        <v>44433</v>
      </c>
      <c r="C1953">
        <v>0</v>
      </c>
      <c r="D1953" t="s">
        <v>12</v>
      </c>
      <c r="E1953">
        <v>0.5</v>
      </c>
      <c r="F1953">
        <v>1.01</v>
      </c>
      <c r="G1953">
        <v>0.44</v>
      </c>
    </row>
    <row r="1954" spans="1:7" x14ac:dyDescent="0.25">
      <c r="A1954" t="s">
        <v>11</v>
      </c>
      <c r="B1954">
        <v>120913</v>
      </c>
      <c r="C1954">
        <v>26</v>
      </c>
      <c r="D1954" t="s">
        <v>12</v>
      </c>
      <c r="E1954">
        <v>0.97</v>
      </c>
      <c r="F1954">
        <v>1.17</v>
      </c>
      <c r="G1954">
        <v>0.93</v>
      </c>
    </row>
    <row r="1955" spans="1:7" x14ac:dyDescent="0.25">
      <c r="A1955" t="s">
        <v>20</v>
      </c>
      <c r="B1955">
        <v>128747</v>
      </c>
      <c r="C1955">
        <v>21</v>
      </c>
      <c r="D1955" t="s">
        <v>24</v>
      </c>
      <c r="E1955">
        <v>0.64</v>
      </c>
      <c r="F1955">
        <v>0.79</v>
      </c>
      <c r="G1955">
        <v>0.4</v>
      </c>
    </row>
    <row r="1956" spans="1:7" x14ac:dyDescent="0.25">
      <c r="A1956" t="s">
        <v>16</v>
      </c>
      <c r="B1956">
        <v>102593</v>
      </c>
      <c r="C1956">
        <v>22</v>
      </c>
      <c r="D1956" t="s">
        <v>8</v>
      </c>
      <c r="E1956">
        <v>0.15</v>
      </c>
      <c r="F1956">
        <v>0.84</v>
      </c>
      <c r="G1956">
        <v>0.32</v>
      </c>
    </row>
    <row r="1957" spans="1:7" x14ac:dyDescent="0.25">
      <c r="A1957" t="s">
        <v>17</v>
      </c>
      <c r="B1957">
        <v>57706</v>
      </c>
      <c r="C1957">
        <v>12</v>
      </c>
      <c r="D1957" t="s">
        <v>8</v>
      </c>
      <c r="E1957">
        <v>0.26</v>
      </c>
      <c r="F1957">
        <v>0.74</v>
      </c>
      <c r="G1957">
        <v>0.19</v>
      </c>
    </row>
    <row r="1958" spans="1:7" x14ac:dyDescent="0.25">
      <c r="A1958" t="s">
        <v>7</v>
      </c>
      <c r="B1958">
        <v>53665</v>
      </c>
      <c r="C1958">
        <v>21</v>
      </c>
      <c r="D1958" t="s">
        <v>12</v>
      </c>
      <c r="E1958">
        <v>0.43</v>
      </c>
      <c r="F1958">
        <v>0.84</v>
      </c>
      <c r="G1958">
        <v>0.75</v>
      </c>
    </row>
    <row r="1959" spans="1:7" x14ac:dyDescent="0.25">
      <c r="A1959" t="s">
        <v>18</v>
      </c>
      <c r="B1959">
        <v>109133</v>
      </c>
      <c r="C1959">
        <v>24</v>
      </c>
      <c r="D1959" t="s">
        <v>10</v>
      </c>
      <c r="E1959">
        <v>0.48</v>
      </c>
      <c r="F1959">
        <v>1.02</v>
      </c>
      <c r="G1959">
        <v>0.31</v>
      </c>
    </row>
    <row r="1960" spans="1:7" x14ac:dyDescent="0.25">
      <c r="A1960" t="s">
        <v>22</v>
      </c>
      <c r="B1960">
        <v>74329</v>
      </c>
      <c r="C1960">
        <v>5</v>
      </c>
      <c r="D1960" t="s">
        <v>8</v>
      </c>
      <c r="E1960">
        <v>0.73</v>
      </c>
      <c r="F1960">
        <v>1.03</v>
      </c>
      <c r="G1960">
        <v>0.47</v>
      </c>
    </row>
    <row r="1961" spans="1:7" x14ac:dyDescent="0.25">
      <c r="A1961" t="s">
        <v>30</v>
      </c>
      <c r="B1961">
        <v>37279</v>
      </c>
      <c r="C1961">
        <v>9</v>
      </c>
      <c r="D1961" t="s">
        <v>12</v>
      </c>
      <c r="E1961">
        <v>0.52</v>
      </c>
      <c r="F1961">
        <v>0.54</v>
      </c>
      <c r="G1961">
        <v>0.39</v>
      </c>
    </row>
    <row r="1962" spans="1:7" x14ac:dyDescent="0.25">
      <c r="A1962" t="s">
        <v>28</v>
      </c>
      <c r="B1962">
        <v>69323</v>
      </c>
      <c r="C1962">
        <v>9</v>
      </c>
      <c r="D1962" t="s">
        <v>12</v>
      </c>
      <c r="E1962">
        <v>0.32</v>
      </c>
      <c r="F1962">
        <v>1.19</v>
      </c>
      <c r="G1962">
        <v>0.63</v>
      </c>
    </row>
    <row r="1963" spans="1:7" x14ac:dyDescent="0.25">
      <c r="A1963" t="s">
        <v>23</v>
      </c>
      <c r="B1963">
        <v>81454</v>
      </c>
      <c r="C1963">
        <v>18</v>
      </c>
      <c r="D1963" t="s">
        <v>12</v>
      </c>
      <c r="E1963">
        <v>0.96</v>
      </c>
      <c r="F1963">
        <v>0.91</v>
      </c>
      <c r="G1963">
        <v>0.39</v>
      </c>
    </row>
    <row r="1964" spans="1:7" x14ac:dyDescent="0.25">
      <c r="A1964" t="s">
        <v>11</v>
      </c>
      <c r="B1964">
        <v>80366</v>
      </c>
      <c r="C1964">
        <v>15</v>
      </c>
      <c r="D1964" t="s">
        <v>8</v>
      </c>
      <c r="E1964">
        <v>0.45</v>
      </c>
      <c r="F1964">
        <v>1.25</v>
      </c>
      <c r="G1964">
        <v>0.78</v>
      </c>
    </row>
    <row r="1965" spans="1:7" x14ac:dyDescent="0.25">
      <c r="A1965" t="s">
        <v>13</v>
      </c>
      <c r="B1965">
        <v>71476</v>
      </c>
      <c r="C1965">
        <v>0</v>
      </c>
      <c r="D1965" t="s">
        <v>10</v>
      </c>
      <c r="E1965">
        <v>0.42</v>
      </c>
      <c r="F1965">
        <v>1.21</v>
      </c>
      <c r="G1965">
        <v>0.3</v>
      </c>
    </row>
    <row r="1966" spans="1:7" x14ac:dyDescent="0.25">
      <c r="A1966" t="s">
        <v>16</v>
      </c>
      <c r="B1966">
        <v>122850</v>
      </c>
      <c r="C1966">
        <v>11</v>
      </c>
      <c r="D1966" t="s">
        <v>12</v>
      </c>
      <c r="E1966">
        <v>0.37</v>
      </c>
      <c r="F1966">
        <v>0.87</v>
      </c>
      <c r="G1966">
        <v>0.6</v>
      </c>
    </row>
    <row r="1967" spans="1:7" x14ac:dyDescent="0.25">
      <c r="A1967" t="s">
        <v>13</v>
      </c>
      <c r="B1967">
        <v>80608</v>
      </c>
      <c r="C1967">
        <v>17</v>
      </c>
      <c r="D1967" t="s">
        <v>12</v>
      </c>
      <c r="E1967">
        <v>0.06</v>
      </c>
      <c r="F1967">
        <v>0.56000000000000005</v>
      </c>
      <c r="G1967">
        <v>0.45</v>
      </c>
    </row>
    <row r="1968" spans="1:7" x14ac:dyDescent="0.25">
      <c r="A1968" t="s">
        <v>15</v>
      </c>
      <c r="B1968">
        <v>92188</v>
      </c>
      <c r="C1968">
        <v>24</v>
      </c>
      <c r="D1968" t="s">
        <v>8</v>
      </c>
      <c r="E1968">
        <v>0.25</v>
      </c>
      <c r="F1968">
        <v>1.08</v>
      </c>
      <c r="G1968">
        <v>0.22</v>
      </c>
    </row>
    <row r="1969" spans="1:7" x14ac:dyDescent="0.25">
      <c r="A1969" t="s">
        <v>30</v>
      </c>
      <c r="B1969">
        <v>43606</v>
      </c>
      <c r="C1969">
        <v>29</v>
      </c>
      <c r="D1969" t="s">
        <v>12</v>
      </c>
      <c r="E1969">
        <v>0.93</v>
      </c>
      <c r="F1969">
        <v>0.89</v>
      </c>
      <c r="G1969">
        <v>0.32</v>
      </c>
    </row>
    <row r="1970" spans="1:7" x14ac:dyDescent="0.25">
      <c r="A1970" t="s">
        <v>17</v>
      </c>
      <c r="B1970">
        <v>83568</v>
      </c>
      <c r="C1970">
        <v>29</v>
      </c>
      <c r="D1970" t="s">
        <v>10</v>
      </c>
      <c r="E1970">
        <v>0.64</v>
      </c>
      <c r="F1970">
        <v>0.53</v>
      </c>
      <c r="G1970">
        <v>0.22</v>
      </c>
    </row>
    <row r="1971" spans="1:7" x14ac:dyDescent="0.25">
      <c r="A1971" t="s">
        <v>20</v>
      </c>
      <c r="B1971">
        <v>81638</v>
      </c>
      <c r="C1971">
        <v>21</v>
      </c>
      <c r="D1971" t="s">
        <v>12</v>
      </c>
      <c r="E1971">
        <v>0.63</v>
      </c>
      <c r="F1971">
        <v>0.64</v>
      </c>
      <c r="G1971">
        <v>0.44</v>
      </c>
    </row>
    <row r="1972" spans="1:7" x14ac:dyDescent="0.25">
      <c r="A1972" t="s">
        <v>25</v>
      </c>
      <c r="B1972">
        <v>123309</v>
      </c>
      <c r="C1972">
        <v>25</v>
      </c>
      <c r="D1972" t="s">
        <v>12</v>
      </c>
      <c r="E1972">
        <v>7.0000000000000007E-2</v>
      </c>
      <c r="F1972">
        <v>0.78</v>
      </c>
      <c r="G1972">
        <v>0.71</v>
      </c>
    </row>
    <row r="1973" spans="1:7" x14ac:dyDescent="0.25">
      <c r="A1973" t="s">
        <v>28</v>
      </c>
      <c r="B1973">
        <v>64873</v>
      </c>
      <c r="C1973">
        <v>24</v>
      </c>
      <c r="D1973" t="s">
        <v>8</v>
      </c>
      <c r="E1973">
        <v>0.13</v>
      </c>
      <c r="F1973">
        <v>1.41</v>
      </c>
      <c r="G1973">
        <v>0.53</v>
      </c>
    </row>
    <row r="1974" spans="1:7" x14ac:dyDescent="0.25">
      <c r="A1974" t="s">
        <v>17</v>
      </c>
      <c r="B1974">
        <v>78179</v>
      </c>
      <c r="C1974">
        <v>18</v>
      </c>
      <c r="D1974" t="s">
        <v>8</v>
      </c>
      <c r="E1974">
        <v>0.93</v>
      </c>
      <c r="F1974">
        <v>0.7</v>
      </c>
      <c r="G1974">
        <v>0.05</v>
      </c>
    </row>
    <row r="1975" spans="1:7" x14ac:dyDescent="0.25">
      <c r="A1975" t="s">
        <v>9</v>
      </c>
      <c r="B1975">
        <v>78139</v>
      </c>
      <c r="C1975">
        <v>11</v>
      </c>
      <c r="D1975" t="s">
        <v>24</v>
      </c>
      <c r="E1975">
        <v>0.32</v>
      </c>
      <c r="F1975">
        <v>0.5</v>
      </c>
      <c r="G1975">
        <v>7.0000000000000007E-2</v>
      </c>
    </row>
    <row r="1976" spans="1:7" x14ac:dyDescent="0.25">
      <c r="A1976" t="s">
        <v>17</v>
      </c>
      <c r="B1976">
        <v>43445</v>
      </c>
      <c r="C1976">
        <v>11</v>
      </c>
      <c r="D1976" t="s">
        <v>24</v>
      </c>
      <c r="E1976">
        <v>0.43</v>
      </c>
      <c r="F1976">
        <v>1.31</v>
      </c>
      <c r="G1976">
        <v>0.28000000000000003</v>
      </c>
    </row>
    <row r="1977" spans="1:7" x14ac:dyDescent="0.25">
      <c r="A1977" t="s">
        <v>28</v>
      </c>
      <c r="B1977">
        <v>31299</v>
      </c>
      <c r="C1977">
        <v>6</v>
      </c>
      <c r="D1977" t="s">
        <v>10</v>
      </c>
      <c r="E1977">
        <v>0.82</v>
      </c>
      <c r="F1977">
        <v>1.35</v>
      </c>
      <c r="G1977">
        <v>0.56000000000000005</v>
      </c>
    </row>
    <row r="1978" spans="1:7" x14ac:dyDescent="0.25">
      <c r="A1978" t="s">
        <v>22</v>
      </c>
      <c r="B1978">
        <v>104263</v>
      </c>
      <c r="C1978">
        <v>4</v>
      </c>
      <c r="D1978" t="s">
        <v>12</v>
      </c>
      <c r="E1978">
        <v>0.02</v>
      </c>
      <c r="F1978">
        <v>0.97</v>
      </c>
      <c r="G1978">
        <v>0.61</v>
      </c>
    </row>
    <row r="1979" spans="1:7" x14ac:dyDescent="0.25">
      <c r="A1979" t="s">
        <v>17</v>
      </c>
      <c r="B1979">
        <v>33250</v>
      </c>
      <c r="C1979">
        <v>2</v>
      </c>
      <c r="D1979" t="s">
        <v>8</v>
      </c>
      <c r="E1979">
        <v>0.88</v>
      </c>
      <c r="F1979">
        <v>0.59</v>
      </c>
      <c r="G1979">
        <v>0.28000000000000003</v>
      </c>
    </row>
    <row r="1980" spans="1:7" x14ac:dyDescent="0.25">
      <c r="A1980" t="s">
        <v>9</v>
      </c>
      <c r="B1980">
        <v>135050</v>
      </c>
      <c r="C1980">
        <v>21</v>
      </c>
      <c r="D1980" t="s">
        <v>8</v>
      </c>
      <c r="E1980">
        <v>0.96</v>
      </c>
      <c r="F1980">
        <v>1.01</v>
      </c>
      <c r="G1980">
        <v>0.15</v>
      </c>
    </row>
    <row r="1981" spans="1:7" x14ac:dyDescent="0.25">
      <c r="A1981" t="s">
        <v>18</v>
      </c>
      <c r="B1981">
        <v>80029</v>
      </c>
      <c r="C1981">
        <v>23</v>
      </c>
      <c r="D1981" t="s">
        <v>24</v>
      </c>
      <c r="E1981">
        <v>0.67</v>
      </c>
      <c r="F1981">
        <v>1.27</v>
      </c>
      <c r="G1981">
        <v>0.69</v>
      </c>
    </row>
    <row r="1982" spans="1:7" x14ac:dyDescent="0.25">
      <c r="A1982" t="s">
        <v>7</v>
      </c>
      <c r="B1982">
        <v>34965</v>
      </c>
      <c r="C1982">
        <v>8</v>
      </c>
      <c r="D1982" t="s">
        <v>24</v>
      </c>
      <c r="E1982">
        <v>0.33</v>
      </c>
      <c r="F1982">
        <v>0.92</v>
      </c>
      <c r="G1982">
        <v>0.82</v>
      </c>
    </row>
    <row r="1983" spans="1:7" x14ac:dyDescent="0.25">
      <c r="A1983" t="s">
        <v>26</v>
      </c>
      <c r="B1983">
        <v>148225</v>
      </c>
      <c r="C1983">
        <v>11</v>
      </c>
      <c r="D1983" t="s">
        <v>12</v>
      </c>
      <c r="E1983">
        <v>0.23</v>
      </c>
      <c r="F1983">
        <v>1.1399999999999999</v>
      </c>
      <c r="G1983">
        <v>0.28000000000000003</v>
      </c>
    </row>
    <row r="1984" spans="1:7" x14ac:dyDescent="0.25">
      <c r="A1984" t="s">
        <v>20</v>
      </c>
      <c r="B1984">
        <v>118458</v>
      </c>
      <c r="C1984">
        <v>27</v>
      </c>
      <c r="D1984" t="s">
        <v>24</v>
      </c>
      <c r="E1984">
        <v>0.28999999999999998</v>
      </c>
      <c r="F1984">
        <v>0.6</v>
      </c>
      <c r="G1984">
        <v>0.44</v>
      </c>
    </row>
    <row r="1985" spans="1:7" x14ac:dyDescent="0.25">
      <c r="A1985" t="s">
        <v>7</v>
      </c>
      <c r="B1985">
        <v>105763</v>
      </c>
      <c r="C1985">
        <v>6</v>
      </c>
      <c r="D1985" t="s">
        <v>10</v>
      </c>
      <c r="E1985">
        <v>0.55000000000000004</v>
      </c>
      <c r="F1985">
        <v>1.49</v>
      </c>
      <c r="G1985">
        <v>0.9</v>
      </c>
    </row>
    <row r="1986" spans="1:7" x14ac:dyDescent="0.25">
      <c r="A1986" t="s">
        <v>7</v>
      </c>
      <c r="B1986">
        <v>99458</v>
      </c>
      <c r="C1986">
        <v>16</v>
      </c>
      <c r="D1986" t="s">
        <v>24</v>
      </c>
      <c r="E1986">
        <v>0.85</v>
      </c>
      <c r="F1986">
        <v>0.91</v>
      </c>
      <c r="G1986">
        <v>0.94</v>
      </c>
    </row>
    <row r="1987" spans="1:7" x14ac:dyDescent="0.25">
      <c r="A1987" t="s">
        <v>29</v>
      </c>
      <c r="B1987">
        <v>34516</v>
      </c>
      <c r="C1987">
        <v>11</v>
      </c>
      <c r="D1987" t="s">
        <v>24</v>
      </c>
      <c r="E1987">
        <v>0.91</v>
      </c>
      <c r="F1987">
        <v>0.56999999999999995</v>
      </c>
      <c r="G1987">
        <v>0.24</v>
      </c>
    </row>
    <row r="1988" spans="1:7" x14ac:dyDescent="0.25">
      <c r="A1988" t="s">
        <v>17</v>
      </c>
      <c r="B1988">
        <v>123606</v>
      </c>
      <c r="C1988">
        <v>9</v>
      </c>
      <c r="D1988" t="s">
        <v>8</v>
      </c>
      <c r="E1988">
        <v>0.34</v>
      </c>
      <c r="F1988">
        <v>1.02</v>
      </c>
      <c r="G1988">
        <v>0.18</v>
      </c>
    </row>
    <row r="1989" spans="1:7" x14ac:dyDescent="0.25">
      <c r="A1989" t="s">
        <v>22</v>
      </c>
      <c r="B1989">
        <v>149359</v>
      </c>
      <c r="C1989">
        <v>0</v>
      </c>
      <c r="D1989" t="s">
        <v>10</v>
      </c>
      <c r="E1989">
        <v>0.47</v>
      </c>
      <c r="F1989">
        <v>0.68</v>
      </c>
      <c r="G1989">
        <v>0.53</v>
      </c>
    </row>
    <row r="1990" spans="1:7" x14ac:dyDescent="0.25">
      <c r="A1990" t="s">
        <v>14</v>
      </c>
      <c r="B1990">
        <v>37509</v>
      </c>
      <c r="C1990">
        <v>28</v>
      </c>
      <c r="D1990" t="s">
        <v>24</v>
      </c>
      <c r="E1990">
        <v>0.31</v>
      </c>
      <c r="F1990">
        <v>1.45</v>
      </c>
      <c r="G1990">
        <v>0.55000000000000004</v>
      </c>
    </row>
    <row r="1991" spans="1:7" x14ac:dyDescent="0.25">
      <c r="A1991" t="s">
        <v>22</v>
      </c>
      <c r="B1991">
        <v>117178</v>
      </c>
      <c r="C1991">
        <v>4</v>
      </c>
      <c r="D1991" t="s">
        <v>10</v>
      </c>
      <c r="E1991">
        <v>0.21</v>
      </c>
      <c r="F1991">
        <v>0.89</v>
      </c>
      <c r="G1991">
        <v>0.64</v>
      </c>
    </row>
    <row r="1992" spans="1:7" x14ac:dyDescent="0.25">
      <c r="A1992" t="s">
        <v>30</v>
      </c>
      <c r="B1992">
        <v>49060</v>
      </c>
      <c r="C1992">
        <v>0</v>
      </c>
      <c r="D1992" t="s">
        <v>24</v>
      </c>
      <c r="E1992">
        <v>0.4</v>
      </c>
      <c r="F1992">
        <v>1.45</v>
      </c>
      <c r="G1992">
        <v>0.43</v>
      </c>
    </row>
    <row r="1993" spans="1:7" x14ac:dyDescent="0.25">
      <c r="A1993" t="s">
        <v>17</v>
      </c>
      <c r="B1993">
        <v>59235</v>
      </c>
      <c r="C1993">
        <v>11</v>
      </c>
      <c r="D1993" t="s">
        <v>12</v>
      </c>
      <c r="E1993">
        <v>0.44</v>
      </c>
      <c r="F1993">
        <v>1.4</v>
      </c>
      <c r="G1993">
        <v>0.14000000000000001</v>
      </c>
    </row>
    <row r="1994" spans="1:7" x14ac:dyDescent="0.25">
      <c r="A1994" t="s">
        <v>17</v>
      </c>
      <c r="B1994">
        <v>79216</v>
      </c>
      <c r="C1994">
        <v>21</v>
      </c>
      <c r="D1994" t="s">
        <v>24</v>
      </c>
      <c r="E1994">
        <v>0.7</v>
      </c>
      <c r="F1994">
        <v>0.89</v>
      </c>
      <c r="G1994">
        <v>0.21</v>
      </c>
    </row>
    <row r="1995" spans="1:7" x14ac:dyDescent="0.25">
      <c r="A1995" t="s">
        <v>17</v>
      </c>
      <c r="B1995">
        <v>49789</v>
      </c>
      <c r="C1995">
        <v>20</v>
      </c>
      <c r="D1995" t="s">
        <v>8</v>
      </c>
      <c r="E1995">
        <v>0.17</v>
      </c>
      <c r="F1995">
        <v>1.23</v>
      </c>
      <c r="G1995">
        <v>0.11</v>
      </c>
    </row>
    <row r="1996" spans="1:7" x14ac:dyDescent="0.25">
      <c r="A1996" t="s">
        <v>25</v>
      </c>
      <c r="B1996">
        <v>107171</v>
      </c>
      <c r="C1996">
        <v>21</v>
      </c>
      <c r="D1996" t="s">
        <v>12</v>
      </c>
      <c r="E1996">
        <v>0.02</v>
      </c>
      <c r="F1996">
        <v>0.92</v>
      </c>
      <c r="G1996">
        <v>0.87</v>
      </c>
    </row>
    <row r="1997" spans="1:7" x14ac:dyDescent="0.25">
      <c r="A1997" t="s">
        <v>17</v>
      </c>
      <c r="B1997">
        <v>30443</v>
      </c>
      <c r="C1997">
        <v>21</v>
      </c>
      <c r="D1997" t="s">
        <v>10</v>
      </c>
      <c r="E1997">
        <v>0.86</v>
      </c>
      <c r="F1997">
        <v>0.83</v>
      </c>
      <c r="G1997">
        <v>0.23</v>
      </c>
    </row>
    <row r="1998" spans="1:7" x14ac:dyDescent="0.25">
      <c r="A1998" t="s">
        <v>16</v>
      </c>
      <c r="B1998">
        <v>105494</v>
      </c>
      <c r="C1998">
        <v>7</v>
      </c>
      <c r="D1998" t="s">
        <v>24</v>
      </c>
      <c r="E1998">
        <v>0.09</v>
      </c>
      <c r="F1998">
        <v>0.61</v>
      </c>
      <c r="G1998">
        <v>0.66</v>
      </c>
    </row>
    <row r="1999" spans="1:7" x14ac:dyDescent="0.25">
      <c r="A1999" t="s">
        <v>20</v>
      </c>
      <c r="B1999">
        <v>45231</v>
      </c>
      <c r="C1999">
        <v>0</v>
      </c>
      <c r="D1999" t="s">
        <v>12</v>
      </c>
      <c r="E1999">
        <v>0.01</v>
      </c>
      <c r="F1999">
        <v>1.07</v>
      </c>
      <c r="G1999">
        <v>0.55000000000000004</v>
      </c>
    </row>
    <row r="2000" spans="1:7" x14ac:dyDescent="0.25">
      <c r="A2000" t="s">
        <v>27</v>
      </c>
      <c r="B2000">
        <v>116065</v>
      </c>
      <c r="C2000">
        <v>9</v>
      </c>
      <c r="D2000" t="s">
        <v>10</v>
      </c>
      <c r="E2000">
        <v>0.84</v>
      </c>
      <c r="F2000">
        <v>0.57999999999999996</v>
      </c>
      <c r="G2000">
        <v>0.74</v>
      </c>
    </row>
    <row r="2001" spans="1:7" x14ac:dyDescent="0.25">
      <c r="A2001" t="s">
        <v>21</v>
      </c>
      <c r="B2001">
        <v>102436</v>
      </c>
      <c r="C2001">
        <v>19</v>
      </c>
      <c r="D2001" t="s">
        <v>10</v>
      </c>
      <c r="E2001">
        <v>0.08</v>
      </c>
      <c r="F2001">
        <v>1.29</v>
      </c>
      <c r="G2001">
        <v>0.66</v>
      </c>
    </row>
    <row r="2002" spans="1:7" x14ac:dyDescent="0.25">
      <c r="A2002" t="s">
        <v>18</v>
      </c>
      <c r="B2002">
        <v>62256</v>
      </c>
      <c r="C2002">
        <v>25</v>
      </c>
      <c r="D2002" t="s">
        <v>10</v>
      </c>
      <c r="E2002">
        <v>1</v>
      </c>
      <c r="F2002">
        <v>1.25</v>
      </c>
      <c r="G2002">
        <v>0.4</v>
      </c>
    </row>
    <row r="2003" spans="1:7" x14ac:dyDescent="0.25">
      <c r="A2003" t="s">
        <v>20</v>
      </c>
      <c r="B2003">
        <v>61917</v>
      </c>
      <c r="C2003">
        <v>10</v>
      </c>
      <c r="D2003" t="s">
        <v>8</v>
      </c>
      <c r="E2003">
        <v>0.8</v>
      </c>
      <c r="F2003">
        <v>0.78</v>
      </c>
      <c r="G2003">
        <v>0.41</v>
      </c>
    </row>
    <row r="2004" spans="1:7" x14ac:dyDescent="0.25">
      <c r="A2004" t="s">
        <v>21</v>
      </c>
      <c r="B2004">
        <v>62948</v>
      </c>
      <c r="C2004">
        <v>6</v>
      </c>
      <c r="D2004" t="s">
        <v>10</v>
      </c>
      <c r="E2004">
        <v>0.67</v>
      </c>
      <c r="F2004">
        <v>1.34</v>
      </c>
      <c r="G2004">
        <v>0.39</v>
      </c>
    </row>
    <row r="2005" spans="1:7" x14ac:dyDescent="0.25">
      <c r="A2005" t="s">
        <v>21</v>
      </c>
      <c r="B2005">
        <v>138602</v>
      </c>
      <c r="C2005">
        <v>23</v>
      </c>
      <c r="D2005" t="s">
        <v>8</v>
      </c>
      <c r="E2005">
        <v>0.59</v>
      </c>
      <c r="F2005">
        <v>0.6</v>
      </c>
      <c r="G2005">
        <v>0.49</v>
      </c>
    </row>
    <row r="2006" spans="1:7" x14ac:dyDescent="0.25">
      <c r="A2006" t="s">
        <v>11</v>
      </c>
      <c r="B2006">
        <v>43322</v>
      </c>
      <c r="C2006">
        <v>3</v>
      </c>
      <c r="D2006" t="s">
        <v>10</v>
      </c>
      <c r="E2006">
        <v>0.79</v>
      </c>
      <c r="F2006">
        <v>0.76</v>
      </c>
      <c r="G2006">
        <v>0.9</v>
      </c>
    </row>
    <row r="2007" spans="1:7" x14ac:dyDescent="0.25">
      <c r="A2007" t="s">
        <v>25</v>
      </c>
      <c r="B2007">
        <v>143044</v>
      </c>
      <c r="C2007">
        <v>14</v>
      </c>
      <c r="D2007" t="s">
        <v>12</v>
      </c>
      <c r="E2007">
        <v>0.52</v>
      </c>
      <c r="F2007">
        <v>0.64</v>
      </c>
      <c r="G2007">
        <v>0.81</v>
      </c>
    </row>
    <row r="2008" spans="1:7" x14ac:dyDescent="0.25">
      <c r="A2008" t="s">
        <v>11</v>
      </c>
      <c r="B2008">
        <v>128875</v>
      </c>
      <c r="C2008">
        <v>7</v>
      </c>
      <c r="D2008" t="s">
        <v>24</v>
      </c>
      <c r="E2008">
        <v>0.54</v>
      </c>
      <c r="F2008">
        <v>0.96</v>
      </c>
      <c r="G2008">
        <v>0.78</v>
      </c>
    </row>
    <row r="2009" spans="1:7" x14ac:dyDescent="0.25">
      <c r="A2009" t="s">
        <v>15</v>
      </c>
      <c r="B2009">
        <v>130901</v>
      </c>
      <c r="C2009">
        <v>27</v>
      </c>
      <c r="D2009" t="s">
        <v>8</v>
      </c>
      <c r="E2009">
        <v>0.99</v>
      </c>
      <c r="F2009">
        <v>0.69</v>
      </c>
      <c r="G2009">
        <v>0.21</v>
      </c>
    </row>
    <row r="2010" spans="1:7" x14ac:dyDescent="0.25">
      <c r="A2010" t="s">
        <v>17</v>
      </c>
      <c r="B2010">
        <v>138298</v>
      </c>
      <c r="C2010">
        <v>2</v>
      </c>
      <c r="D2010" t="s">
        <v>8</v>
      </c>
      <c r="E2010">
        <v>0.17</v>
      </c>
      <c r="F2010">
        <v>0.83</v>
      </c>
      <c r="G2010">
        <v>7.0000000000000007E-2</v>
      </c>
    </row>
    <row r="2011" spans="1:7" x14ac:dyDescent="0.25">
      <c r="A2011" t="s">
        <v>11</v>
      </c>
      <c r="B2011">
        <v>86987</v>
      </c>
      <c r="C2011">
        <v>9</v>
      </c>
      <c r="D2011" t="s">
        <v>12</v>
      </c>
      <c r="E2011">
        <v>0.2</v>
      </c>
      <c r="F2011">
        <v>1.1399999999999999</v>
      </c>
      <c r="G2011">
        <v>0.72</v>
      </c>
    </row>
    <row r="2012" spans="1:7" x14ac:dyDescent="0.25">
      <c r="A2012" t="s">
        <v>11</v>
      </c>
      <c r="B2012">
        <v>48445</v>
      </c>
      <c r="C2012">
        <v>26</v>
      </c>
      <c r="D2012" t="s">
        <v>12</v>
      </c>
      <c r="E2012">
        <v>0.1</v>
      </c>
      <c r="F2012">
        <v>1.32</v>
      </c>
      <c r="G2012">
        <v>0.78</v>
      </c>
    </row>
    <row r="2013" spans="1:7" x14ac:dyDescent="0.25">
      <c r="A2013" t="s">
        <v>25</v>
      </c>
      <c r="B2013">
        <v>44407</v>
      </c>
      <c r="C2013">
        <v>0</v>
      </c>
      <c r="D2013" t="s">
        <v>10</v>
      </c>
      <c r="E2013">
        <v>0.81</v>
      </c>
      <c r="F2013">
        <v>0.9</v>
      </c>
      <c r="G2013">
        <v>0.89</v>
      </c>
    </row>
    <row r="2014" spans="1:7" x14ac:dyDescent="0.25">
      <c r="A2014" t="s">
        <v>11</v>
      </c>
      <c r="B2014">
        <v>36934</v>
      </c>
      <c r="C2014">
        <v>3</v>
      </c>
      <c r="D2014" t="s">
        <v>10</v>
      </c>
      <c r="E2014">
        <v>0.67</v>
      </c>
      <c r="F2014">
        <v>1.1100000000000001</v>
      </c>
      <c r="G2014">
        <v>0.88</v>
      </c>
    </row>
    <row r="2015" spans="1:7" x14ac:dyDescent="0.25">
      <c r="A2015" t="s">
        <v>13</v>
      </c>
      <c r="B2015">
        <v>131053</v>
      </c>
      <c r="C2015">
        <v>0</v>
      </c>
      <c r="D2015" t="s">
        <v>8</v>
      </c>
      <c r="E2015">
        <v>0.42</v>
      </c>
      <c r="F2015">
        <v>1.17</v>
      </c>
      <c r="G2015">
        <v>0.55000000000000004</v>
      </c>
    </row>
    <row r="2016" spans="1:7" x14ac:dyDescent="0.25">
      <c r="A2016" t="s">
        <v>23</v>
      </c>
      <c r="B2016">
        <v>48082</v>
      </c>
      <c r="C2016">
        <v>19</v>
      </c>
      <c r="D2016" t="s">
        <v>8</v>
      </c>
      <c r="E2016">
        <v>0.45</v>
      </c>
      <c r="F2016">
        <v>1.24</v>
      </c>
      <c r="G2016">
        <v>0.62</v>
      </c>
    </row>
    <row r="2017" spans="1:7" x14ac:dyDescent="0.25">
      <c r="A2017" t="s">
        <v>15</v>
      </c>
      <c r="B2017">
        <v>66738</v>
      </c>
      <c r="C2017">
        <v>18</v>
      </c>
      <c r="D2017" t="s">
        <v>12</v>
      </c>
      <c r="E2017">
        <v>0.51</v>
      </c>
      <c r="F2017">
        <v>0.78</v>
      </c>
      <c r="G2017">
        <v>0.12</v>
      </c>
    </row>
    <row r="2018" spans="1:7" x14ac:dyDescent="0.25">
      <c r="A2018" t="s">
        <v>17</v>
      </c>
      <c r="B2018">
        <v>125946</v>
      </c>
      <c r="C2018">
        <v>8</v>
      </c>
      <c r="D2018" t="s">
        <v>12</v>
      </c>
      <c r="E2018">
        <v>0.17</v>
      </c>
      <c r="F2018">
        <v>0.94</v>
      </c>
      <c r="G2018">
        <v>0.28999999999999998</v>
      </c>
    </row>
    <row r="2019" spans="1:7" x14ac:dyDescent="0.25">
      <c r="A2019" t="s">
        <v>13</v>
      </c>
      <c r="B2019">
        <v>40037</v>
      </c>
      <c r="C2019">
        <v>25</v>
      </c>
      <c r="D2019" t="s">
        <v>8</v>
      </c>
      <c r="E2019">
        <v>0.72</v>
      </c>
      <c r="F2019">
        <v>0.53</v>
      </c>
      <c r="G2019">
        <v>0.34</v>
      </c>
    </row>
    <row r="2020" spans="1:7" x14ac:dyDescent="0.25">
      <c r="A2020" t="s">
        <v>27</v>
      </c>
      <c r="B2020">
        <v>77287</v>
      </c>
      <c r="C2020">
        <v>23</v>
      </c>
      <c r="D2020" t="s">
        <v>12</v>
      </c>
      <c r="E2020">
        <v>0.1</v>
      </c>
      <c r="F2020">
        <v>0.5</v>
      </c>
      <c r="G2020">
        <v>0.7</v>
      </c>
    </row>
    <row r="2021" spans="1:7" x14ac:dyDescent="0.25">
      <c r="A2021" t="s">
        <v>11</v>
      </c>
      <c r="B2021">
        <v>33063</v>
      </c>
      <c r="C2021">
        <v>1</v>
      </c>
      <c r="D2021" t="s">
        <v>8</v>
      </c>
      <c r="E2021">
        <v>0.65</v>
      </c>
      <c r="F2021">
        <v>1.1399999999999999</v>
      </c>
      <c r="G2021">
        <v>0.72</v>
      </c>
    </row>
    <row r="2022" spans="1:7" x14ac:dyDescent="0.25">
      <c r="A2022" t="s">
        <v>21</v>
      </c>
      <c r="B2022">
        <v>140263</v>
      </c>
      <c r="C2022">
        <v>12</v>
      </c>
      <c r="D2022" t="s">
        <v>12</v>
      </c>
      <c r="E2022">
        <v>0.04</v>
      </c>
      <c r="F2022">
        <v>0.99</v>
      </c>
      <c r="G2022">
        <v>0.4</v>
      </c>
    </row>
    <row r="2023" spans="1:7" x14ac:dyDescent="0.25">
      <c r="A2023" t="s">
        <v>30</v>
      </c>
      <c r="B2023">
        <v>67932</v>
      </c>
      <c r="C2023">
        <v>9</v>
      </c>
      <c r="D2023" t="s">
        <v>8</v>
      </c>
      <c r="E2023">
        <v>0.22</v>
      </c>
      <c r="F2023">
        <v>1.2</v>
      </c>
      <c r="G2023">
        <v>0.4</v>
      </c>
    </row>
    <row r="2024" spans="1:7" x14ac:dyDescent="0.25">
      <c r="A2024" t="s">
        <v>20</v>
      </c>
      <c r="B2024">
        <v>53519</v>
      </c>
      <c r="C2024">
        <v>24</v>
      </c>
      <c r="D2024" t="s">
        <v>24</v>
      </c>
      <c r="E2024">
        <v>0.25</v>
      </c>
      <c r="F2024">
        <v>1.2</v>
      </c>
      <c r="G2024">
        <v>0.67</v>
      </c>
    </row>
    <row r="2025" spans="1:7" x14ac:dyDescent="0.25">
      <c r="A2025" t="s">
        <v>22</v>
      </c>
      <c r="B2025">
        <v>100363</v>
      </c>
      <c r="C2025">
        <v>11</v>
      </c>
      <c r="D2025" t="s">
        <v>24</v>
      </c>
      <c r="E2025">
        <v>0.17</v>
      </c>
      <c r="F2025">
        <v>0.56999999999999995</v>
      </c>
      <c r="G2025">
        <v>0.38</v>
      </c>
    </row>
    <row r="2026" spans="1:7" x14ac:dyDescent="0.25">
      <c r="A2026" t="s">
        <v>29</v>
      </c>
      <c r="B2026">
        <v>58911</v>
      </c>
      <c r="C2026">
        <v>8</v>
      </c>
      <c r="D2026" t="s">
        <v>12</v>
      </c>
      <c r="E2026">
        <v>0.9</v>
      </c>
      <c r="F2026">
        <v>0.63</v>
      </c>
      <c r="G2026">
        <v>0.13</v>
      </c>
    </row>
    <row r="2027" spans="1:7" x14ac:dyDescent="0.25">
      <c r="A2027" t="s">
        <v>18</v>
      </c>
      <c r="B2027">
        <v>105253</v>
      </c>
      <c r="C2027">
        <v>19</v>
      </c>
      <c r="D2027" t="s">
        <v>12</v>
      </c>
      <c r="E2027">
        <v>0.79</v>
      </c>
      <c r="F2027">
        <v>0.95</v>
      </c>
      <c r="G2027">
        <v>0.56999999999999995</v>
      </c>
    </row>
    <row r="2028" spans="1:7" x14ac:dyDescent="0.25">
      <c r="A2028" t="s">
        <v>22</v>
      </c>
      <c r="B2028">
        <v>105650</v>
      </c>
      <c r="C2028">
        <v>5</v>
      </c>
      <c r="D2028" t="s">
        <v>8</v>
      </c>
      <c r="E2028">
        <v>0.56999999999999995</v>
      </c>
      <c r="F2028">
        <v>1.03</v>
      </c>
      <c r="G2028">
        <v>0.61</v>
      </c>
    </row>
    <row r="2029" spans="1:7" x14ac:dyDescent="0.25">
      <c r="A2029" t="s">
        <v>29</v>
      </c>
      <c r="B2029">
        <v>99037</v>
      </c>
      <c r="C2029">
        <v>25</v>
      </c>
      <c r="D2029" t="s">
        <v>24</v>
      </c>
      <c r="E2029">
        <v>0.91</v>
      </c>
      <c r="F2029">
        <v>1.19</v>
      </c>
      <c r="G2029">
        <v>0.09</v>
      </c>
    </row>
    <row r="2030" spans="1:7" x14ac:dyDescent="0.25">
      <c r="A2030" t="s">
        <v>11</v>
      </c>
      <c r="B2030">
        <v>38715</v>
      </c>
      <c r="C2030">
        <v>26</v>
      </c>
      <c r="D2030" t="s">
        <v>8</v>
      </c>
      <c r="E2030">
        <v>0.4</v>
      </c>
      <c r="F2030">
        <v>1</v>
      </c>
      <c r="G2030">
        <v>0.75</v>
      </c>
    </row>
    <row r="2031" spans="1:7" x14ac:dyDescent="0.25">
      <c r="A2031" t="s">
        <v>15</v>
      </c>
      <c r="B2031">
        <v>44466</v>
      </c>
      <c r="C2031">
        <v>9</v>
      </c>
      <c r="D2031" t="s">
        <v>10</v>
      </c>
      <c r="E2031">
        <v>0.22</v>
      </c>
      <c r="F2031">
        <v>1.31</v>
      </c>
      <c r="G2031">
        <v>0.26</v>
      </c>
    </row>
    <row r="2032" spans="1:7" x14ac:dyDescent="0.25">
      <c r="A2032" t="s">
        <v>19</v>
      </c>
      <c r="B2032">
        <v>85432</v>
      </c>
      <c r="C2032">
        <v>0</v>
      </c>
      <c r="D2032" t="s">
        <v>24</v>
      </c>
      <c r="E2032">
        <v>0.81</v>
      </c>
      <c r="F2032">
        <v>0.72</v>
      </c>
      <c r="G2032">
        <v>0.82</v>
      </c>
    </row>
    <row r="2033" spans="1:7" x14ac:dyDescent="0.25">
      <c r="A2033" t="s">
        <v>29</v>
      </c>
      <c r="B2033">
        <v>127557</v>
      </c>
      <c r="C2033">
        <v>13</v>
      </c>
      <c r="D2033" t="s">
        <v>8</v>
      </c>
      <c r="E2033">
        <v>0.89</v>
      </c>
      <c r="F2033">
        <v>1.32</v>
      </c>
      <c r="G2033">
        <v>0.19</v>
      </c>
    </row>
    <row r="2034" spans="1:7" x14ac:dyDescent="0.25">
      <c r="A2034" t="s">
        <v>23</v>
      </c>
      <c r="B2034">
        <v>104227</v>
      </c>
      <c r="C2034">
        <v>10</v>
      </c>
      <c r="D2034" t="s">
        <v>12</v>
      </c>
      <c r="E2034">
        <v>0.08</v>
      </c>
      <c r="F2034">
        <v>1.2</v>
      </c>
      <c r="G2034">
        <v>0.65</v>
      </c>
    </row>
    <row r="2035" spans="1:7" x14ac:dyDescent="0.25">
      <c r="A2035" t="s">
        <v>25</v>
      </c>
      <c r="B2035">
        <v>64585</v>
      </c>
      <c r="C2035">
        <v>21</v>
      </c>
      <c r="D2035" t="s">
        <v>24</v>
      </c>
      <c r="E2035">
        <v>0.54</v>
      </c>
      <c r="F2035">
        <v>1.31</v>
      </c>
      <c r="G2035">
        <v>0.77</v>
      </c>
    </row>
    <row r="2036" spans="1:7" x14ac:dyDescent="0.25">
      <c r="A2036" t="s">
        <v>20</v>
      </c>
      <c r="B2036">
        <v>140397</v>
      </c>
      <c r="C2036">
        <v>18</v>
      </c>
      <c r="D2036" t="s">
        <v>10</v>
      </c>
      <c r="E2036">
        <v>0.8</v>
      </c>
      <c r="F2036">
        <v>0.6</v>
      </c>
      <c r="G2036">
        <v>0.55000000000000004</v>
      </c>
    </row>
    <row r="2037" spans="1:7" x14ac:dyDescent="0.25">
      <c r="A2037" t="s">
        <v>27</v>
      </c>
      <c r="B2037">
        <v>102620</v>
      </c>
      <c r="C2037">
        <v>8</v>
      </c>
      <c r="D2037" t="s">
        <v>8</v>
      </c>
      <c r="E2037">
        <v>0.83</v>
      </c>
      <c r="F2037">
        <v>0.57999999999999996</v>
      </c>
      <c r="G2037">
        <v>0.86</v>
      </c>
    </row>
    <row r="2038" spans="1:7" x14ac:dyDescent="0.25">
      <c r="A2038" t="s">
        <v>26</v>
      </c>
      <c r="B2038">
        <v>123332</v>
      </c>
      <c r="C2038">
        <v>8</v>
      </c>
      <c r="D2038" t="s">
        <v>12</v>
      </c>
      <c r="E2038">
        <v>0.61</v>
      </c>
      <c r="F2038">
        <v>1.2</v>
      </c>
      <c r="G2038">
        <v>0.28000000000000003</v>
      </c>
    </row>
    <row r="2039" spans="1:7" x14ac:dyDescent="0.25">
      <c r="A2039" t="s">
        <v>28</v>
      </c>
      <c r="B2039">
        <v>120833</v>
      </c>
      <c r="C2039">
        <v>16</v>
      </c>
      <c r="D2039" t="s">
        <v>12</v>
      </c>
      <c r="E2039">
        <v>0.82</v>
      </c>
      <c r="F2039">
        <v>0.68</v>
      </c>
      <c r="G2039">
        <v>0.59</v>
      </c>
    </row>
    <row r="2040" spans="1:7" x14ac:dyDescent="0.25">
      <c r="A2040" t="s">
        <v>14</v>
      </c>
      <c r="B2040">
        <v>77131</v>
      </c>
      <c r="C2040">
        <v>13</v>
      </c>
      <c r="D2040" t="s">
        <v>12</v>
      </c>
      <c r="E2040">
        <v>0.06</v>
      </c>
      <c r="F2040">
        <v>0.68</v>
      </c>
      <c r="G2040">
        <v>0.43</v>
      </c>
    </row>
    <row r="2041" spans="1:7" x14ac:dyDescent="0.25">
      <c r="A2041" t="s">
        <v>11</v>
      </c>
      <c r="B2041">
        <v>131298</v>
      </c>
      <c r="C2041">
        <v>25</v>
      </c>
      <c r="D2041" t="s">
        <v>12</v>
      </c>
      <c r="E2041">
        <v>0.55000000000000004</v>
      </c>
      <c r="F2041">
        <v>0.93</v>
      </c>
      <c r="G2041">
        <v>0.73</v>
      </c>
    </row>
    <row r="2042" spans="1:7" x14ac:dyDescent="0.25">
      <c r="A2042" t="s">
        <v>21</v>
      </c>
      <c r="B2042">
        <v>58653</v>
      </c>
      <c r="C2042">
        <v>6</v>
      </c>
      <c r="D2042" t="s">
        <v>10</v>
      </c>
      <c r="E2042">
        <v>0.73</v>
      </c>
      <c r="F2042">
        <v>1.45</v>
      </c>
      <c r="G2042">
        <v>0.45</v>
      </c>
    </row>
    <row r="2043" spans="1:7" x14ac:dyDescent="0.25">
      <c r="A2043" t="s">
        <v>21</v>
      </c>
      <c r="B2043">
        <v>83020</v>
      </c>
      <c r="C2043">
        <v>0</v>
      </c>
      <c r="D2043" t="s">
        <v>10</v>
      </c>
      <c r="E2043">
        <v>0.77</v>
      </c>
      <c r="F2043">
        <v>1.19</v>
      </c>
      <c r="G2043">
        <v>0.62</v>
      </c>
    </row>
    <row r="2044" spans="1:7" x14ac:dyDescent="0.25">
      <c r="A2044" t="s">
        <v>21</v>
      </c>
      <c r="B2044">
        <v>141257</v>
      </c>
      <c r="C2044">
        <v>29</v>
      </c>
      <c r="D2044" t="s">
        <v>24</v>
      </c>
      <c r="E2044">
        <v>0.02</v>
      </c>
      <c r="F2044">
        <v>1.06</v>
      </c>
      <c r="G2044">
        <v>0.44</v>
      </c>
    </row>
    <row r="2045" spans="1:7" x14ac:dyDescent="0.25">
      <c r="A2045" t="s">
        <v>22</v>
      </c>
      <c r="B2045">
        <v>33303</v>
      </c>
      <c r="C2045">
        <v>29</v>
      </c>
      <c r="D2045" t="s">
        <v>8</v>
      </c>
      <c r="E2045">
        <v>0.75</v>
      </c>
      <c r="F2045">
        <v>1.03</v>
      </c>
      <c r="G2045">
        <v>0.51</v>
      </c>
    </row>
    <row r="2046" spans="1:7" x14ac:dyDescent="0.25">
      <c r="A2046" t="s">
        <v>11</v>
      </c>
      <c r="B2046">
        <v>104519</v>
      </c>
      <c r="C2046">
        <v>27</v>
      </c>
      <c r="D2046" t="s">
        <v>12</v>
      </c>
      <c r="E2046">
        <v>0.87</v>
      </c>
      <c r="F2046">
        <v>0.56000000000000005</v>
      </c>
      <c r="G2046">
        <v>0.92</v>
      </c>
    </row>
    <row r="2047" spans="1:7" x14ac:dyDescent="0.25">
      <c r="A2047" t="s">
        <v>15</v>
      </c>
      <c r="B2047">
        <v>121751</v>
      </c>
      <c r="C2047">
        <v>12</v>
      </c>
      <c r="D2047" t="s">
        <v>8</v>
      </c>
      <c r="E2047">
        <v>0.23</v>
      </c>
      <c r="F2047">
        <v>0.87</v>
      </c>
      <c r="G2047">
        <v>0.15</v>
      </c>
    </row>
    <row r="2048" spans="1:7" x14ac:dyDescent="0.25">
      <c r="A2048" t="s">
        <v>18</v>
      </c>
      <c r="B2048">
        <v>91557</v>
      </c>
      <c r="C2048">
        <v>13</v>
      </c>
      <c r="D2048" t="s">
        <v>24</v>
      </c>
      <c r="E2048">
        <v>0.95</v>
      </c>
      <c r="F2048">
        <v>0.82</v>
      </c>
      <c r="G2048">
        <v>0.44</v>
      </c>
    </row>
    <row r="2049" spans="1:7" x14ac:dyDescent="0.25">
      <c r="A2049" t="s">
        <v>22</v>
      </c>
      <c r="B2049">
        <v>101452</v>
      </c>
      <c r="C2049">
        <v>2</v>
      </c>
      <c r="D2049" t="s">
        <v>12</v>
      </c>
      <c r="E2049">
        <v>0.42</v>
      </c>
      <c r="F2049">
        <v>1.07</v>
      </c>
      <c r="G2049">
        <v>0.69</v>
      </c>
    </row>
    <row r="2050" spans="1:7" x14ac:dyDescent="0.25">
      <c r="A2050" t="s">
        <v>14</v>
      </c>
      <c r="B2050">
        <v>70508</v>
      </c>
      <c r="C2050">
        <v>10</v>
      </c>
      <c r="D2050" t="s">
        <v>8</v>
      </c>
      <c r="E2050">
        <v>0.91</v>
      </c>
      <c r="F2050">
        <v>0.73</v>
      </c>
      <c r="G2050">
        <v>0.53</v>
      </c>
    </row>
    <row r="2051" spans="1:7" x14ac:dyDescent="0.25">
      <c r="A2051" t="s">
        <v>9</v>
      </c>
      <c r="B2051">
        <v>81238</v>
      </c>
      <c r="C2051">
        <v>18</v>
      </c>
      <c r="D2051" t="s">
        <v>8</v>
      </c>
      <c r="E2051">
        <v>0.04</v>
      </c>
      <c r="F2051">
        <v>0.79</v>
      </c>
      <c r="G2051">
        <v>0.25</v>
      </c>
    </row>
    <row r="2052" spans="1:7" x14ac:dyDescent="0.25">
      <c r="A2052" t="s">
        <v>18</v>
      </c>
      <c r="B2052">
        <v>146084</v>
      </c>
      <c r="C2052">
        <v>22</v>
      </c>
      <c r="D2052" t="s">
        <v>12</v>
      </c>
      <c r="E2052">
        <v>0.66</v>
      </c>
      <c r="F2052">
        <v>1.07</v>
      </c>
      <c r="G2052">
        <v>0.43</v>
      </c>
    </row>
    <row r="2053" spans="1:7" x14ac:dyDescent="0.25">
      <c r="A2053" t="s">
        <v>9</v>
      </c>
      <c r="B2053">
        <v>99619</v>
      </c>
      <c r="C2053">
        <v>27</v>
      </c>
      <c r="D2053" t="s">
        <v>12</v>
      </c>
      <c r="E2053">
        <v>0.32</v>
      </c>
      <c r="F2053">
        <v>1.05</v>
      </c>
      <c r="G2053">
        <v>0.24</v>
      </c>
    </row>
    <row r="2054" spans="1:7" x14ac:dyDescent="0.25">
      <c r="A2054" t="s">
        <v>25</v>
      </c>
      <c r="B2054">
        <v>49830</v>
      </c>
      <c r="C2054">
        <v>29</v>
      </c>
      <c r="D2054" t="s">
        <v>10</v>
      </c>
      <c r="E2054">
        <v>0.69</v>
      </c>
      <c r="F2054">
        <v>0.94</v>
      </c>
      <c r="G2054">
        <v>0.83</v>
      </c>
    </row>
    <row r="2055" spans="1:7" x14ac:dyDescent="0.25">
      <c r="A2055" t="s">
        <v>16</v>
      </c>
      <c r="B2055">
        <v>70882</v>
      </c>
      <c r="C2055">
        <v>6</v>
      </c>
      <c r="D2055" t="s">
        <v>8</v>
      </c>
      <c r="E2055">
        <v>0.75</v>
      </c>
      <c r="F2055">
        <v>1.1399999999999999</v>
      </c>
      <c r="G2055">
        <v>0.47</v>
      </c>
    </row>
    <row r="2056" spans="1:7" x14ac:dyDescent="0.25">
      <c r="A2056" t="s">
        <v>7</v>
      </c>
      <c r="B2056">
        <v>124204</v>
      </c>
      <c r="C2056">
        <v>26</v>
      </c>
      <c r="D2056" t="s">
        <v>12</v>
      </c>
      <c r="E2056">
        <v>0.65</v>
      </c>
      <c r="F2056">
        <v>1.47</v>
      </c>
      <c r="G2056">
        <v>0.91</v>
      </c>
    </row>
    <row r="2057" spans="1:7" x14ac:dyDescent="0.25">
      <c r="A2057" t="s">
        <v>11</v>
      </c>
      <c r="B2057">
        <v>84255</v>
      </c>
      <c r="C2057">
        <v>1</v>
      </c>
      <c r="D2057" t="s">
        <v>12</v>
      </c>
      <c r="E2057">
        <v>0.61</v>
      </c>
      <c r="F2057">
        <v>0.95</v>
      </c>
      <c r="G2057">
        <v>0.85</v>
      </c>
    </row>
    <row r="2058" spans="1:7" x14ac:dyDescent="0.25">
      <c r="A2058" t="s">
        <v>14</v>
      </c>
      <c r="B2058">
        <v>51566</v>
      </c>
      <c r="C2058">
        <v>14</v>
      </c>
      <c r="D2058" t="s">
        <v>10</v>
      </c>
      <c r="E2058">
        <v>0.01</v>
      </c>
      <c r="F2058">
        <v>1.22</v>
      </c>
      <c r="G2058">
        <v>0.52</v>
      </c>
    </row>
    <row r="2059" spans="1:7" x14ac:dyDescent="0.25">
      <c r="A2059" t="s">
        <v>23</v>
      </c>
      <c r="B2059">
        <v>130461</v>
      </c>
      <c r="C2059">
        <v>4</v>
      </c>
      <c r="D2059" t="s">
        <v>12</v>
      </c>
      <c r="E2059">
        <v>0.31</v>
      </c>
      <c r="F2059">
        <v>0.6</v>
      </c>
      <c r="G2059">
        <v>0.66</v>
      </c>
    </row>
    <row r="2060" spans="1:7" x14ac:dyDescent="0.25">
      <c r="A2060" t="s">
        <v>28</v>
      </c>
      <c r="B2060">
        <v>80891</v>
      </c>
      <c r="C2060">
        <v>18</v>
      </c>
      <c r="D2060" t="s">
        <v>24</v>
      </c>
      <c r="E2060">
        <v>0.7</v>
      </c>
      <c r="F2060">
        <v>1.2</v>
      </c>
      <c r="G2060">
        <v>0.67</v>
      </c>
    </row>
    <row r="2061" spans="1:7" x14ac:dyDescent="0.25">
      <c r="A2061" t="s">
        <v>11</v>
      </c>
      <c r="B2061">
        <v>127871</v>
      </c>
      <c r="C2061">
        <v>5</v>
      </c>
      <c r="D2061" t="s">
        <v>10</v>
      </c>
      <c r="E2061">
        <v>7.0000000000000007E-2</v>
      </c>
      <c r="F2061">
        <v>0.68</v>
      </c>
      <c r="G2061">
        <v>0.93</v>
      </c>
    </row>
    <row r="2062" spans="1:7" x14ac:dyDescent="0.25">
      <c r="A2062" t="s">
        <v>23</v>
      </c>
      <c r="B2062">
        <v>112418</v>
      </c>
      <c r="C2062">
        <v>9</v>
      </c>
      <c r="D2062" t="s">
        <v>12</v>
      </c>
      <c r="E2062">
        <v>0.59</v>
      </c>
      <c r="F2062">
        <v>1.46</v>
      </c>
      <c r="G2062">
        <v>0.34</v>
      </c>
    </row>
    <row r="2063" spans="1:7" x14ac:dyDescent="0.25">
      <c r="A2063" t="s">
        <v>26</v>
      </c>
      <c r="B2063">
        <v>54002</v>
      </c>
      <c r="C2063">
        <v>10</v>
      </c>
      <c r="D2063" t="s">
        <v>10</v>
      </c>
      <c r="E2063">
        <v>0.53</v>
      </c>
      <c r="F2063">
        <v>1.19</v>
      </c>
      <c r="G2063">
        <v>0.17</v>
      </c>
    </row>
    <row r="2064" spans="1:7" x14ac:dyDescent="0.25">
      <c r="A2064" t="s">
        <v>7</v>
      </c>
      <c r="B2064">
        <v>108391</v>
      </c>
      <c r="C2064">
        <v>9</v>
      </c>
      <c r="D2064" t="s">
        <v>24</v>
      </c>
      <c r="E2064">
        <v>0.21</v>
      </c>
      <c r="F2064">
        <v>0.64</v>
      </c>
      <c r="G2064">
        <v>0.89</v>
      </c>
    </row>
    <row r="2065" spans="1:7" x14ac:dyDescent="0.25">
      <c r="A2065" t="s">
        <v>29</v>
      </c>
      <c r="B2065">
        <v>53474</v>
      </c>
      <c r="C2065">
        <v>11</v>
      </c>
      <c r="D2065" t="s">
        <v>10</v>
      </c>
      <c r="E2065">
        <v>0.47</v>
      </c>
      <c r="F2065">
        <v>1.1499999999999999</v>
      </c>
      <c r="G2065">
        <v>0.18</v>
      </c>
    </row>
    <row r="2066" spans="1:7" x14ac:dyDescent="0.25">
      <c r="A2066" t="s">
        <v>26</v>
      </c>
      <c r="B2066">
        <v>106286</v>
      </c>
      <c r="C2066">
        <v>1</v>
      </c>
      <c r="D2066" t="s">
        <v>8</v>
      </c>
      <c r="E2066">
        <v>0.34</v>
      </c>
      <c r="F2066">
        <v>0.73</v>
      </c>
      <c r="G2066">
        <v>0.21</v>
      </c>
    </row>
    <row r="2067" spans="1:7" x14ac:dyDescent="0.25">
      <c r="A2067" t="s">
        <v>13</v>
      </c>
      <c r="B2067">
        <v>92520</v>
      </c>
      <c r="C2067">
        <v>7</v>
      </c>
      <c r="D2067" t="s">
        <v>10</v>
      </c>
      <c r="E2067">
        <v>0.46</v>
      </c>
      <c r="F2067">
        <v>0.65</v>
      </c>
      <c r="G2067">
        <v>0.48</v>
      </c>
    </row>
    <row r="2068" spans="1:7" x14ac:dyDescent="0.25">
      <c r="A2068" t="s">
        <v>7</v>
      </c>
      <c r="B2068">
        <v>60210</v>
      </c>
      <c r="C2068">
        <v>29</v>
      </c>
      <c r="D2068" t="s">
        <v>8</v>
      </c>
      <c r="E2068">
        <v>0.61</v>
      </c>
      <c r="F2068">
        <v>0.86</v>
      </c>
      <c r="G2068">
        <v>0.73</v>
      </c>
    </row>
    <row r="2069" spans="1:7" x14ac:dyDescent="0.25">
      <c r="A2069" t="s">
        <v>9</v>
      </c>
      <c r="B2069">
        <v>109558</v>
      </c>
      <c r="C2069">
        <v>13</v>
      </c>
      <c r="D2069" t="s">
        <v>24</v>
      </c>
      <c r="E2069">
        <v>0.82</v>
      </c>
      <c r="F2069">
        <v>1.31</v>
      </c>
      <c r="G2069">
        <v>0.1</v>
      </c>
    </row>
    <row r="2070" spans="1:7" x14ac:dyDescent="0.25">
      <c r="A2070" t="s">
        <v>20</v>
      </c>
      <c r="B2070">
        <v>54559</v>
      </c>
      <c r="C2070">
        <v>20</v>
      </c>
      <c r="D2070" t="s">
        <v>8</v>
      </c>
      <c r="E2070">
        <v>0.69</v>
      </c>
      <c r="F2070">
        <v>1.05</v>
      </c>
      <c r="G2070">
        <v>0.44</v>
      </c>
    </row>
    <row r="2071" spans="1:7" x14ac:dyDescent="0.25">
      <c r="A2071" t="s">
        <v>18</v>
      </c>
      <c r="B2071">
        <v>85099</v>
      </c>
      <c r="C2071">
        <v>9</v>
      </c>
      <c r="D2071" t="s">
        <v>24</v>
      </c>
      <c r="E2071">
        <v>0.32</v>
      </c>
      <c r="F2071">
        <v>0.82</v>
      </c>
      <c r="G2071">
        <v>0.43</v>
      </c>
    </row>
    <row r="2072" spans="1:7" x14ac:dyDescent="0.25">
      <c r="A2072" t="s">
        <v>13</v>
      </c>
      <c r="B2072">
        <v>68433</v>
      </c>
      <c r="C2072">
        <v>29</v>
      </c>
      <c r="D2072" t="s">
        <v>8</v>
      </c>
      <c r="E2072">
        <v>0.98</v>
      </c>
      <c r="F2072">
        <v>1.45</v>
      </c>
      <c r="G2072">
        <v>0.64</v>
      </c>
    </row>
    <row r="2073" spans="1:7" x14ac:dyDescent="0.25">
      <c r="A2073" t="s">
        <v>26</v>
      </c>
      <c r="B2073">
        <v>109791</v>
      </c>
      <c r="C2073">
        <v>2</v>
      </c>
      <c r="D2073" t="s">
        <v>10</v>
      </c>
      <c r="E2073">
        <v>0.98</v>
      </c>
      <c r="F2073">
        <v>0.65</v>
      </c>
      <c r="G2073">
        <v>0.28000000000000003</v>
      </c>
    </row>
    <row r="2074" spans="1:7" x14ac:dyDescent="0.25">
      <c r="A2074" t="s">
        <v>23</v>
      </c>
      <c r="B2074">
        <v>149321</v>
      </c>
      <c r="C2074">
        <v>14</v>
      </c>
      <c r="D2074" t="s">
        <v>10</v>
      </c>
      <c r="E2074">
        <v>0.46</v>
      </c>
      <c r="F2074">
        <v>1.45</v>
      </c>
      <c r="G2074">
        <v>0.66</v>
      </c>
    </row>
    <row r="2075" spans="1:7" x14ac:dyDescent="0.25">
      <c r="A2075" t="s">
        <v>26</v>
      </c>
      <c r="B2075">
        <v>72048</v>
      </c>
      <c r="C2075">
        <v>27</v>
      </c>
      <c r="D2075" t="s">
        <v>24</v>
      </c>
      <c r="E2075">
        <v>0.8</v>
      </c>
      <c r="F2075">
        <v>0.71</v>
      </c>
      <c r="G2075">
        <v>0.15</v>
      </c>
    </row>
    <row r="2076" spans="1:7" x14ac:dyDescent="0.25">
      <c r="A2076" t="s">
        <v>22</v>
      </c>
      <c r="B2076">
        <v>132076</v>
      </c>
      <c r="C2076">
        <v>26</v>
      </c>
      <c r="D2076" t="s">
        <v>12</v>
      </c>
      <c r="E2076">
        <v>0.67</v>
      </c>
      <c r="F2076">
        <v>1.1399999999999999</v>
      </c>
      <c r="G2076">
        <v>0.36</v>
      </c>
    </row>
    <row r="2077" spans="1:7" x14ac:dyDescent="0.25">
      <c r="A2077" t="s">
        <v>25</v>
      </c>
      <c r="B2077">
        <v>105605</v>
      </c>
      <c r="C2077">
        <v>24</v>
      </c>
      <c r="D2077" t="s">
        <v>8</v>
      </c>
      <c r="E2077">
        <v>0.8</v>
      </c>
      <c r="F2077">
        <v>0.68</v>
      </c>
      <c r="G2077">
        <v>0.79</v>
      </c>
    </row>
    <row r="2078" spans="1:7" x14ac:dyDescent="0.25">
      <c r="A2078" t="s">
        <v>25</v>
      </c>
      <c r="B2078">
        <v>120811</v>
      </c>
      <c r="C2078">
        <v>25</v>
      </c>
      <c r="D2078" t="s">
        <v>8</v>
      </c>
      <c r="E2078">
        <v>0.05</v>
      </c>
      <c r="F2078">
        <v>0.81</v>
      </c>
      <c r="G2078">
        <v>0.87</v>
      </c>
    </row>
    <row r="2079" spans="1:7" x14ac:dyDescent="0.25">
      <c r="A2079" t="s">
        <v>27</v>
      </c>
      <c r="B2079">
        <v>115520</v>
      </c>
      <c r="C2079">
        <v>9</v>
      </c>
      <c r="D2079" t="s">
        <v>8</v>
      </c>
      <c r="E2079">
        <v>0.79</v>
      </c>
      <c r="F2079">
        <v>0.53</v>
      </c>
      <c r="G2079">
        <v>0.81</v>
      </c>
    </row>
    <row r="2080" spans="1:7" x14ac:dyDescent="0.25">
      <c r="A2080" t="s">
        <v>22</v>
      </c>
      <c r="B2080">
        <v>135341</v>
      </c>
      <c r="C2080">
        <v>14</v>
      </c>
      <c r="D2080" t="s">
        <v>12</v>
      </c>
      <c r="E2080">
        <v>0.89</v>
      </c>
      <c r="F2080">
        <v>0.85</v>
      </c>
      <c r="G2080">
        <v>0.56999999999999995</v>
      </c>
    </row>
    <row r="2081" spans="1:7" x14ac:dyDescent="0.25">
      <c r="A2081" t="s">
        <v>19</v>
      </c>
      <c r="B2081">
        <v>116402</v>
      </c>
      <c r="C2081">
        <v>5</v>
      </c>
      <c r="D2081" t="s">
        <v>10</v>
      </c>
      <c r="E2081">
        <v>0.97</v>
      </c>
      <c r="F2081">
        <v>1.34</v>
      </c>
      <c r="G2081">
        <v>0.83</v>
      </c>
    </row>
    <row r="2082" spans="1:7" x14ac:dyDescent="0.25">
      <c r="A2082" t="s">
        <v>18</v>
      </c>
      <c r="B2082">
        <v>71503</v>
      </c>
      <c r="C2082">
        <v>10</v>
      </c>
      <c r="D2082" t="s">
        <v>12</v>
      </c>
      <c r="E2082">
        <v>0.39</v>
      </c>
      <c r="F2082">
        <v>0.98</v>
      </c>
      <c r="G2082">
        <v>0.48</v>
      </c>
    </row>
    <row r="2083" spans="1:7" x14ac:dyDescent="0.25">
      <c r="A2083" t="s">
        <v>27</v>
      </c>
      <c r="B2083">
        <v>107366</v>
      </c>
      <c r="C2083">
        <v>29</v>
      </c>
      <c r="D2083" t="s">
        <v>8</v>
      </c>
      <c r="E2083">
        <v>0.26</v>
      </c>
      <c r="F2083">
        <v>1.44</v>
      </c>
      <c r="G2083">
        <v>0.7</v>
      </c>
    </row>
    <row r="2084" spans="1:7" x14ac:dyDescent="0.25">
      <c r="A2084" t="s">
        <v>17</v>
      </c>
      <c r="B2084">
        <v>132187</v>
      </c>
      <c r="C2084">
        <v>17</v>
      </c>
      <c r="D2084" t="s">
        <v>24</v>
      </c>
      <c r="E2084">
        <v>0.86</v>
      </c>
      <c r="F2084">
        <v>1.03</v>
      </c>
      <c r="G2084">
        <v>0.13</v>
      </c>
    </row>
    <row r="2085" spans="1:7" x14ac:dyDescent="0.25">
      <c r="A2085" t="s">
        <v>19</v>
      </c>
      <c r="B2085">
        <v>71164</v>
      </c>
      <c r="C2085">
        <v>25</v>
      </c>
      <c r="D2085" t="s">
        <v>10</v>
      </c>
      <c r="E2085">
        <v>0.91</v>
      </c>
      <c r="F2085">
        <v>1.23</v>
      </c>
      <c r="G2085">
        <v>0.86</v>
      </c>
    </row>
    <row r="2086" spans="1:7" x14ac:dyDescent="0.25">
      <c r="A2086" t="s">
        <v>17</v>
      </c>
      <c r="B2086">
        <v>67624</v>
      </c>
      <c r="C2086">
        <v>17</v>
      </c>
      <c r="D2086" t="s">
        <v>12</v>
      </c>
      <c r="E2086">
        <v>0.15</v>
      </c>
      <c r="F2086">
        <v>0.53</v>
      </c>
      <c r="G2086">
        <v>0.24</v>
      </c>
    </row>
    <row r="2087" spans="1:7" x14ac:dyDescent="0.25">
      <c r="A2087" t="s">
        <v>25</v>
      </c>
      <c r="B2087">
        <v>144499</v>
      </c>
      <c r="C2087">
        <v>1</v>
      </c>
      <c r="D2087" t="s">
        <v>8</v>
      </c>
      <c r="E2087">
        <v>0.99</v>
      </c>
      <c r="F2087">
        <v>0.77</v>
      </c>
      <c r="G2087">
        <v>0.91</v>
      </c>
    </row>
    <row r="2088" spans="1:7" x14ac:dyDescent="0.25">
      <c r="A2088" t="s">
        <v>17</v>
      </c>
      <c r="B2088">
        <v>146585</v>
      </c>
      <c r="C2088">
        <v>29</v>
      </c>
      <c r="D2088" t="s">
        <v>12</v>
      </c>
      <c r="E2088">
        <v>0.67</v>
      </c>
      <c r="F2088">
        <v>0.51</v>
      </c>
      <c r="G2088">
        <v>0.26</v>
      </c>
    </row>
    <row r="2089" spans="1:7" x14ac:dyDescent="0.25">
      <c r="A2089" t="s">
        <v>26</v>
      </c>
      <c r="B2089">
        <v>115780</v>
      </c>
      <c r="C2089">
        <v>24</v>
      </c>
      <c r="D2089" t="s">
        <v>10</v>
      </c>
      <c r="E2089">
        <v>0.06</v>
      </c>
      <c r="F2089">
        <v>1.1000000000000001</v>
      </c>
      <c r="G2089">
        <v>0.27</v>
      </c>
    </row>
    <row r="2090" spans="1:7" x14ac:dyDescent="0.25">
      <c r="A2090" t="s">
        <v>17</v>
      </c>
      <c r="B2090">
        <v>140168</v>
      </c>
      <c r="C2090">
        <v>4</v>
      </c>
      <c r="D2090" t="s">
        <v>12</v>
      </c>
      <c r="E2090">
        <v>0.55000000000000004</v>
      </c>
      <c r="F2090">
        <v>1</v>
      </c>
      <c r="G2090">
        <v>0.13</v>
      </c>
    </row>
    <row r="2091" spans="1:7" x14ac:dyDescent="0.25">
      <c r="A2091" t="s">
        <v>19</v>
      </c>
      <c r="B2091">
        <v>113764</v>
      </c>
      <c r="C2091">
        <v>20</v>
      </c>
      <c r="D2091" t="s">
        <v>8</v>
      </c>
      <c r="E2091">
        <v>0.41</v>
      </c>
      <c r="F2091">
        <v>1.01</v>
      </c>
      <c r="G2091">
        <v>0.72</v>
      </c>
    </row>
    <row r="2092" spans="1:7" x14ac:dyDescent="0.25">
      <c r="A2092" t="s">
        <v>23</v>
      </c>
      <c r="B2092">
        <v>114367</v>
      </c>
      <c r="C2092">
        <v>4</v>
      </c>
      <c r="D2092" t="s">
        <v>24</v>
      </c>
      <c r="E2092">
        <v>7.0000000000000007E-2</v>
      </c>
      <c r="F2092">
        <v>1.24</v>
      </c>
      <c r="G2092">
        <v>0.52</v>
      </c>
    </row>
    <row r="2093" spans="1:7" x14ac:dyDescent="0.25">
      <c r="A2093" t="s">
        <v>29</v>
      </c>
      <c r="B2093">
        <v>54195</v>
      </c>
      <c r="C2093">
        <v>25</v>
      </c>
      <c r="D2093" t="s">
        <v>8</v>
      </c>
      <c r="E2093">
        <v>0.18</v>
      </c>
      <c r="F2093">
        <v>0.52</v>
      </c>
      <c r="G2093">
        <v>0.09</v>
      </c>
    </row>
    <row r="2094" spans="1:7" x14ac:dyDescent="0.25">
      <c r="A2094" t="s">
        <v>26</v>
      </c>
      <c r="B2094">
        <v>98397</v>
      </c>
      <c r="C2094">
        <v>14</v>
      </c>
      <c r="D2094" t="s">
        <v>8</v>
      </c>
      <c r="E2094">
        <v>0.42</v>
      </c>
      <c r="F2094">
        <v>1.1599999999999999</v>
      </c>
      <c r="G2094">
        <v>0.24</v>
      </c>
    </row>
    <row r="2095" spans="1:7" x14ac:dyDescent="0.25">
      <c r="A2095" t="s">
        <v>17</v>
      </c>
      <c r="B2095">
        <v>114692</v>
      </c>
      <c r="C2095">
        <v>15</v>
      </c>
      <c r="D2095" t="s">
        <v>10</v>
      </c>
      <c r="E2095">
        <v>0.17</v>
      </c>
      <c r="F2095">
        <v>1.38</v>
      </c>
      <c r="G2095">
        <v>0.22</v>
      </c>
    </row>
    <row r="2096" spans="1:7" x14ac:dyDescent="0.25">
      <c r="A2096" t="s">
        <v>21</v>
      </c>
      <c r="B2096">
        <v>75814</v>
      </c>
      <c r="C2096">
        <v>5</v>
      </c>
      <c r="D2096" t="s">
        <v>8</v>
      </c>
      <c r="E2096">
        <v>0.02</v>
      </c>
      <c r="F2096">
        <v>1.29</v>
      </c>
      <c r="G2096">
        <v>0.3</v>
      </c>
    </row>
    <row r="2097" spans="1:7" x14ac:dyDescent="0.25">
      <c r="A2097" t="s">
        <v>15</v>
      </c>
      <c r="B2097">
        <v>122079</v>
      </c>
      <c r="C2097">
        <v>12</v>
      </c>
      <c r="D2097" t="s">
        <v>24</v>
      </c>
      <c r="E2097">
        <v>0.05</v>
      </c>
      <c r="F2097">
        <v>0.56000000000000005</v>
      </c>
      <c r="G2097">
        <v>0.25</v>
      </c>
    </row>
    <row r="2098" spans="1:7" x14ac:dyDescent="0.25">
      <c r="A2098" t="s">
        <v>28</v>
      </c>
      <c r="B2098">
        <v>138165</v>
      </c>
      <c r="C2098">
        <v>26</v>
      </c>
      <c r="D2098" t="s">
        <v>10</v>
      </c>
      <c r="E2098">
        <v>0.52</v>
      </c>
      <c r="F2098">
        <v>0.67</v>
      </c>
      <c r="G2098">
        <v>0.62</v>
      </c>
    </row>
    <row r="2099" spans="1:7" x14ac:dyDescent="0.25">
      <c r="A2099" t="s">
        <v>22</v>
      </c>
      <c r="B2099">
        <v>130296</v>
      </c>
      <c r="C2099">
        <v>26</v>
      </c>
      <c r="D2099" t="s">
        <v>10</v>
      </c>
      <c r="E2099">
        <v>0.88</v>
      </c>
      <c r="F2099">
        <v>1.45</v>
      </c>
      <c r="G2099">
        <v>0.53</v>
      </c>
    </row>
    <row r="2100" spans="1:7" x14ac:dyDescent="0.25">
      <c r="A2100" t="s">
        <v>17</v>
      </c>
      <c r="B2100">
        <v>144547</v>
      </c>
      <c r="C2100">
        <v>28</v>
      </c>
      <c r="D2100" t="s">
        <v>12</v>
      </c>
      <c r="E2100">
        <v>0.98</v>
      </c>
      <c r="F2100">
        <v>1.05</v>
      </c>
      <c r="G2100">
        <v>0.28000000000000003</v>
      </c>
    </row>
    <row r="2101" spans="1:7" x14ac:dyDescent="0.25">
      <c r="A2101" t="s">
        <v>17</v>
      </c>
      <c r="B2101">
        <v>85133</v>
      </c>
      <c r="C2101">
        <v>18</v>
      </c>
      <c r="D2101" t="s">
        <v>8</v>
      </c>
      <c r="E2101">
        <v>0.32</v>
      </c>
      <c r="F2101">
        <v>0.91</v>
      </c>
      <c r="G2101">
        <v>0.27</v>
      </c>
    </row>
    <row r="2102" spans="1:7" x14ac:dyDescent="0.25">
      <c r="A2102" t="s">
        <v>25</v>
      </c>
      <c r="B2102">
        <v>127347</v>
      </c>
      <c r="C2102">
        <v>6</v>
      </c>
      <c r="D2102" t="s">
        <v>12</v>
      </c>
      <c r="E2102">
        <v>0.82</v>
      </c>
      <c r="F2102">
        <v>1.27</v>
      </c>
      <c r="G2102">
        <v>0.88</v>
      </c>
    </row>
    <row r="2103" spans="1:7" x14ac:dyDescent="0.25">
      <c r="A2103" t="s">
        <v>15</v>
      </c>
      <c r="B2103">
        <v>82990</v>
      </c>
      <c r="C2103">
        <v>27</v>
      </c>
      <c r="D2103" t="s">
        <v>12</v>
      </c>
      <c r="E2103">
        <v>0.1</v>
      </c>
      <c r="F2103">
        <v>0.88</v>
      </c>
      <c r="G2103">
        <v>0.3</v>
      </c>
    </row>
    <row r="2104" spans="1:7" x14ac:dyDescent="0.25">
      <c r="A2104" t="s">
        <v>13</v>
      </c>
      <c r="B2104">
        <v>69379</v>
      </c>
      <c r="C2104">
        <v>26</v>
      </c>
      <c r="D2104" t="s">
        <v>24</v>
      </c>
      <c r="E2104">
        <v>0.11</v>
      </c>
      <c r="F2104">
        <v>0.64</v>
      </c>
      <c r="G2104">
        <v>0.65</v>
      </c>
    </row>
    <row r="2105" spans="1:7" x14ac:dyDescent="0.25">
      <c r="A2105" t="s">
        <v>28</v>
      </c>
      <c r="B2105">
        <v>128235</v>
      </c>
      <c r="C2105">
        <v>14</v>
      </c>
      <c r="D2105" t="s">
        <v>24</v>
      </c>
      <c r="E2105">
        <v>0.14000000000000001</v>
      </c>
      <c r="F2105">
        <v>1.26</v>
      </c>
      <c r="G2105">
        <v>0.36</v>
      </c>
    </row>
    <row r="2106" spans="1:7" x14ac:dyDescent="0.25">
      <c r="A2106" t="s">
        <v>16</v>
      </c>
      <c r="B2106">
        <v>102181</v>
      </c>
      <c r="C2106">
        <v>17</v>
      </c>
      <c r="D2106" t="s">
        <v>24</v>
      </c>
      <c r="E2106">
        <v>0.54</v>
      </c>
      <c r="F2106">
        <v>1.17</v>
      </c>
      <c r="G2106">
        <v>0.44</v>
      </c>
    </row>
    <row r="2107" spans="1:7" x14ac:dyDescent="0.25">
      <c r="A2107" t="s">
        <v>20</v>
      </c>
      <c r="B2107">
        <v>111839</v>
      </c>
      <c r="C2107">
        <v>29</v>
      </c>
      <c r="D2107" t="s">
        <v>12</v>
      </c>
      <c r="E2107">
        <v>0.61</v>
      </c>
      <c r="F2107">
        <v>1.41</v>
      </c>
      <c r="G2107">
        <v>0.44</v>
      </c>
    </row>
    <row r="2108" spans="1:7" x14ac:dyDescent="0.25">
      <c r="A2108" t="s">
        <v>27</v>
      </c>
      <c r="B2108">
        <v>83242</v>
      </c>
      <c r="C2108">
        <v>19</v>
      </c>
      <c r="D2108" t="s">
        <v>12</v>
      </c>
      <c r="E2108">
        <v>0.73</v>
      </c>
      <c r="F2108">
        <v>0.83</v>
      </c>
      <c r="G2108">
        <v>0.71</v>
      </c>
    </row>
    <row r="2109" spans="1:7" x14ac:dyDescent="0.25">
      <c r="A2109" t="s">
        <v>26</v>
      </c>
      <c r="B2109">
        <v>93611</v>
      </c>
      <c r="C2109">
        <v>13</v>
      </c>
      <c r="D2109" t="s">
        <v>24</v>
      </c>
      <c r="E2109">
        <v>0.9</v>
      </c>
      <c r="F2109">
        <v>0.52</v>
      </c>
      <c r="G2109">
        <v>0.28000000000000003</v>
      </c>
    </row>
    <row r="2110" spans="1:7" x14ac:dyDescent="0.25">
      <c r="A2110" t="s">
        <v>13</v>
      </c>
      <c r="B2110">
        <v>38871</v>
      </c>
      <c r="C2110">
        <v>6</v>
      </c>
      <c r="D2110" t="s">
        <v>12</v>
      </c>
      <c r="E2110">
        <v>0.8</v>
      </c>
      <c r="F2110">
        <v>1.1299999999999999</v>
      </c>
      <c r="G2110">
        <v>0.67</v>
      </c>
    </row>
    <row r="2111" spans="1:7" x14ac:dyDescent="0.25">
      <c r="A2111" t="s">
        <v>15</v>
      </c>
      <c r="B2111">
        <v>78743</v>
      </c>
      <c r="C2111">
        <v>10</v>
      </c>
      <c r="D2111" t="s">
        <v>8</v>
      </c>
      <c r="E2111">
        <v>0.59</v>
      </c>
      <c r="F2111">
        <v>0.5</v>
      </c>
      <c r="G2111">
        <v>0.12</v>
      </c>
    </row>
    <row r="2112" spans="1:7" x14ac:dyDescent="0.25">
      <c r="A2112" t="s">
        <v>18</v>
      </c>
      <c r="B2112">
        <v>107418</v>
      </c>
      <c r="C2112">
        <v>10</v>
      </c>
      <c r="D2112" t="s">
        <v>24</v>
      </c>
      <c r="E2112">
        <v>0.5</v>
      </c>
      <c r="F2112">
        <v>0.95</v>
      </c>
      <c r="G2112">
        <v>0.61</v>
      </c>
    </row>
    <row r="2113" spans="1:7" x14ac:dyDescent="0.25">
      <c r="A2113" t="s">
        <v>7</v>
      </c>
      <c r="B2113">
        <v>116472</v>
      </c>
      <c r="C2113">
        <v>13</v>
      </c>
      <c r="D2113" t="s">
        <v>8</v>
      </c>
      <c r="E2113">
        <v>0.27</v>
      </c>
      <c r="F2113">
        <v>0.99</v>
      </c>
      <c r="G2113">
        <v>0.93</v>
      </c>
    </row>
    <row r="2114" spans="1:7" x14ac:dyDescent="0.25">
      <c r="A2114" t="s">
        <v>28</v>
      </c>
      <c r="B2114">
        <v>56025</v>
      </c>
      <c r="C2114">
        <v>28</v>
      </c>
      <c r="D2114" t="s">
        <v>12</v>
      </c>
      <c r="E2114">
        <v>0.02</v>
      </c>
      <c r="F2114">
        <v>0.74</v>
      </c>
      <c r="G2114">
        <v>0.62</v>
      </c>
    </row>
    <row r="2115" spans="1:7" x14ac:dyDescent="0.25">
      <c r="A2115" t="s">
        <v>23</v>
      </c>
      <c r="B2115">
        <v>51747</v>
      </c>
      <c r="C2115">
        <v>19</v>
      </c>
      <c r="D2115" t="s">
        <v>24</v>
      </c>
      <c r="E2115">
        <v>0.67</v>
      </c>
      <c r="F2115">
        <v>0.99</v>
      </c>
      <c r="G2115">
        <v>0.56999999999999995</v>
      </c>
    </row>
    <row r="2116" spans="1:7" x14ac:dyDescent="0.25">
      <c r="A2116" t="s">
        <v>22</v>
      </c>
      <c r="B2116">
        <v>117090</v>
      </c>
      <c r="C2116">
        <v>27</v>
      </c>
      <c r="D2116" t="s">
        <v>12</v>
      </c>
      <c r="E2116">
        <v>0.92</v>
      </c>
      <c r="F2116">
        <v>1.0900000000000001</v>
      </c>
      <c r="G2116">
        <v>0.61</v>
      </c>
    </row>
    <row r="2117" spans="1:7" x14ac:dyDescent="0.25">
      <c r="A2117" t="s">
        <v>26</v>
      </c>
      <c r="B2117">
        <v>65486</v>
      </c>
      <c r="C2117">
        <v>5</v>
      </c>
      <c r="D2117" t="s">
        <v>24</v>
      </c>
      <c r="E2117">
        <v>0.56000000000000005</v>
      </c>
      <c r="F2117">
        <v>1.21</v>
      </c>
      <c r="G2117">
        <v>0.24</v>
      </c>
    </row>
    <row r="2118" spans="1:7" x14ac:dyDescent="0.25">
      <c r="A2118" t="s">
        <v>29</v>
      </c>
      <c r="B2118">
        <v>148871</v>
      </c>
      <c r="C2118">
        <v>17</v>
      </c>
      <c r="D2118" t="s">
        <v>12</v>
      </c>
      <c r="E2118">
        <v>0.62</v>
      </c>
      <c r="F2118">
        <v>1.47</v>
      </c>
      <c r="G2118">
        <v>0.08</v>
      </c>
    </row>
    <row r="2119" spans="1:7" x14ac:dyDescent="0.25">
      <c r="A2119" t="s">
        <v>9</v>
      </c>
      <c r="B2119">
        <v>72925</v>
      </c>
      <c r="C2119">
        <v>15</v>
      </c>
      <c r="D2119" t="s">
        <v>10</v>
      </c>
      <c r="E2119">
        <v>0.9</v>
      </c>
      <c r="F2119">
        <v>1.3</v>
      </c>
      <c r="G2119">
        <v>0.28000000000000003</v>
      </c>
    </row>
    <row r="2120" spans="1:7" x14ac:dyDescent="0.25">
      <c r="A2120" t="s">
        <v>18</v>
      </c>
      <c r="B2120">
        <v>50647</v>
      </c>
      <c r="C2120">
        <v>20</v>
      </c>
      <c r="D2120" t="s">
        <v>12</v>
      </c>
      <c r="E2120">
        <v>0.02</v>
      </c>
      <c r="F2120">
        <v>0.81</v>
      </c>
      <c r="G2120">
        <v>0.35</v>
      </c>
    </row>
    <row r="2121" spans="1:7" x14ac:dyDescent="0.25">
      <c r="A2121" t="s">
        <v>29</v>
      </c>
      <c r="B2121">
        <v>134839</v>
      </c>
      <c r="C2121">
        <v>24</v>
      </c>
      <c r="D2121" t="s">
        <v>8</v>
      </c>
      <c r="E2121">
        <v>0.24</v>
      </c>
      <c r="F2121">
        <v>0.89</v>
      </c>
      <c r="G2121">
        <v>7.0000000000000007E-2</v>
      </c>
    </row>
    <row r="2122" spans="1:7" x14ac:dyDescent="0.25">
      <c r="A2122" t="s">
        <v>20</v>
      </c>
      <c r="B2122">
        <v>94310</v>
      </c>
      <c r="C2122">
        <v>12</v>
      </c>
      <c r="D2122" t="s">
        <v>24</v>
      </c>
      <c r="E2122">
        <v>0.91</v>
      </c>
      <c r="F2122">
        <v>0.62</v>
      </c>
      <c r="G2122">
        <v>0.37</v>
      </c>
    </row>
    <row r="2123" spans="1:7" x14ac:dyDescent="0.25">
      <c r="A2123" t="s">
        <v>11</v>
      </c>
      <c r="B2123">
        <v>67788</v>
      </c>
      <c r="C2123">
        <v>7</v>
      </c>
      <c r="D2123" t="s">
        <v>10</v>
      </c>
      <c r="E2123">
        <v>0.74</v>
      </c>
      <c r="F2123">
        <v>1.27</v>
      </c>
      <c r="G2123">
        <v>0.95</v>
      </c>
    </row>
    <row r="2124" spans="1:7" x14ac:dyDescent="0.25">
      <c r="A2124" t="s">
        <v>14</v>
      </c>
      <c r="B2124">
        <v>87676</v>
      </c>
      <c r="C2124">
        <v>21</v>
      </c>
      <c r="D2124" t="s">
        <v>10</v>
      </c>
      <c r="E2124">
        <v>0.34</v>
      </c>
      <c r="F2124">
        <v>1.3</v>
      </c>
      <c r="G2124">
        <v>0.34</v>
      </c>
    </row>
    <row r="2125" spans="1:7" x14ac:dyDescent="0.25">
      <c r="A2125" t="s">
        <v>16</v>
      </c>
      <c r="B2125">
        <v>73677</v>
      </c>
      <c r="C2125">
        <v>25</v>
      </c>
      <c r="D2125" t="s">
        <v>12</v>
      </c>
      <c r="E2125">
        <v>0.88</v>
      </c>
      <c r="F2125">
        <v>1.37</v>
      </c>
      <c r="G2125">
        <v>0.46</v>
      </c>
    </row>
    <row r="2126" spans="1:7" x14ac:dyDescent="0.25">
      <c r="A2126" t="s">
        <v>19</v>
      </c>
      <c r="B2126">
        <v>84012</v>
      </c>
      <c r="C2126">
        <v>8</v>
      </c>
      <c r="D2126" t="s">
        <v>10</v>
      </c>
      <c r="E2126">
        <v>0.37</v>
      </c>
      <c r="F2126">
        <v>1.0900000000000001</v>
      </c>
      <c r="G2126">
        <v>0.87</v>
      </c>
    </row>
    <row r="2127" spans="1:7" x14ac:dyDescent="0.25">
      <c r="A2127" t="s">
        <v>13</v>
      </c>
      <c r="B2127">
        <v>67470</v>
      </c>
      <c r="C2127">
        <v>10</v>
      </c>
      <c r="D2127" t="s">
        <v>12</v>
      </c>
      <c r="E2127">
        <v>0.09</v>
      </c>
      <c r="F2127">
        <v>0.66</v>
      </c>
      <c r="G2127">
        <v>0.54</v>
      </c>
    </row>
    <row r="2128" spans="1:7" x14ac:dyDescent="0.25">
      <c r="A2128" t="s">
        <v>21</v>
      </c>
      <c r="B2128">
        <v>139055</v>
      </c>
      <c r="C2128">
        <v>22</v>
      </c>
      <c r="D2128" t="s">
        <v>8</v>
      </c>
      <c r="E2128">
        <v>0.14000000000000001</v>
      </c>
      <c r="F2128">
        <v>0.86</v>
      </c>
      <c r="G2128">
        <v>0.33</v>
      </c>
    </row>
    <row r="2129" spans="1:7" x14ac:dyDescent="0.25">
      <c r="A2129" t="s">
        <v>9</v>
      </c>
      <c r="B2129">
        <v>31757</v>
      </c>
      <c r="C2129">
        <v>21</v>
      </c>
      <c r="D2129" t="s">
        <v>24</v>
      </c>
      <c r="E2129">
        <v>0.39</v>
      </c>
      <c r="F2129">
        <v>0.95</v>
      </c>
      <c r="G2129">
        <v>0.25</v>
      </c>
    </row>
    <row r="2130" spans="1:7" x14ac:dyDescent="0.25">
      <c r="A2130" t="s">
        <v>17</v>
      </c>
      <c r="B2130">
        <v>62964</v>
      </c>
      <c r="C2130">
        <v>18</v>
      </c>
      <c r="D2130" t="s">
        <v>12</v>
      </c>
      <c r="E2130">
        <v>0.92</v>
      </c>
      <c r="F2130">
        <v>1.1599999999999999</v>
      </c>
      <c r="G2130">
        <v>0.15</v>
      </c>
    </row>
    <row r="2131" spans="1:7" x14ac:dyDescent="0.25">
      <c r="A2131" t="s">
        <v>28</v>
      </c>
      <c r="B2131">
        <v>139276</v>
      </c>
      <c r="C2131">
        <v>15</v>
      </c>
      <c r="D2131" t="s">
        <v>10</v>
      </c>
      <c r="E2131">
        <v>0.93</v>
      </c>
      <c r="F2131">
        <v>1.1599999999999999</v>
      </c>
      <c r="G2131">
        <v>0.42</v>
      </c>
    </row>
    <row r="2132" spans="1:7" x14ac:dyDescent="0.25">
      <c r="A2132" t="s">
        <v>20</v>
      </c>
      <c r="B2132">
        <v>124364</v>
      </c>
      <c r="C2132">
        <v>24</v>
      </c>
      <c r="D2132" t="s">
        <v>12</v>
      </c>
      <c r="E2132">
        <v>0.31</v>
      </c>
      <c r="F2132">
        <v>1.34</v>
      </c>
      <c r="G2132">
        <v>0.56999999999999995</v>
      </c>
    </row>
    <row r="2133" spans="1:7" x14ac:dyDescent="0.25">
      <c r="A2133" t="s">
        <v>15</v>
      </c>
      <c r="B2133">
        <v>30030</v>
      </c>
      <c r="C2133">
        <v>0</v>
      </c>
      <c r="D2133" t="s">
        <v>8</v>
      </c>
      <c r="E2133">
        <v>0.44</v>
      </c>
      <c r="F2133">
        <v>1.45</v>
      </c>
      <c r="G2133">
        <v>0.19</v>
      </c>
    </row>
    <row r="2134" spans="1:7" x14ac:dyDescent="0.25">
      <c r="A2134" t="s">
        <v>25</v>
      </c>
      <c r="B2134">
        <v>54524</v>
      </c>
      <c r="C2134">
        <v>19</v>
      </c>
      <c r="D2134" t="s">
        <v>24</v>
      </c>
      <c r="E2134">
        <v>0.55000000000000004</v>
      </c>
      <c r="F2134">
        <v>0.83</v>
      </c>
      <c r="G2134">
        <v>0.72</v>
      </c>
    </row>
    <row r="2135" spans="1:7" x14ac:dyDescent="0.25">
      <c r="A2135" t="s">
        <v>14</v>
      </c>
      <c r="B2135">
        <v>43733</v>
      </c>
      <c r="C2135">
        <v>7</v>
      </c>
      <c r="D2135" t="s">
        <v>8</v>
      </c>
      <c r="E2135">
        <v>0.26</v>
      </c>
      <c r="F2135">
        <v>0.56000000000000005</v>
      </c>
      <c r="G2135">
        <v>0.56999999999999995</v>
      </c>
    </row>
    <row r="2136" spans="1:7" x14ac:dyDescent="0.25">
      <c r="A2136" t="s">
        <v>15</v>
      </c>
      <c r="B2136">
        <v>92086</v>
      </c>
      <c r="C2136">
        <v>21</v>
      </c>
      <c r="D2136" t="s">
        <v>8</v>
      </c>
      <c r="E2136">
        <v>0.14000000000000001</v>
      </c>
      <c r="F2136">
        <v>0.52</v>
      </c>
      <c r="G2136">
        <v>0.27</v>
      </c>
    </row>
    <row r="2137" spans="1:7" x14ac:dyDescent="0.25">
      <c r="A2137" t="s">
        <v>20</v>
      </c>
      <c r="B2137">
        <v>134643</v>
      </c>
      <c r="C2137">
        <v>2</v>
      </c>
      <c r="D2137" t="s">
        <v>24</v>
      </c>
      <c r="E2137">
        <v>0.83</v>
      </c>
      <c r="F2137">
        <v>1.26</v>
      </c>
      <c r="G2137">
        <v>0.56999999999999995</v>
      </c>
    </row>
    <row r="2138" spans="1:7" x14ac:dyDescent="0.25">
      <c r="A2138" t="s">
        <v>13</v>
      </c>
      <c r="B2138">
        <v>136565</v>
      </c>
      <c r="C2138">
        <v>22</v>
      </c>
      <c r="D2138" t="s">
        <v>24</v>
      </c>
      <c r="E2138">
        <v>0.02</v>
      </c>
      <c r="F2138">
        <v>0.62</v>
      </c>
      <c r="G2138">
        <v>0.36</v>
      </c>
    </row>
    <row r="2139" spans="1:7" x14ac:dyDescent="0.25">
      <c r="A2139" t="s">
        <v>19</v>
      </c>
      <c r="B2139">
        <v>53784</v>
      </c>
      <c r="C2139">
        <v>28</v>
      </c>
      <c r="D2139" t="s">
        <v>10</v>
      </c>
      <c r="E2139">
        <v>0.93</v>
      </c>
      <c r="F2139">
        <v>0.56999999999999995</v>
      </c>
      <c r="G2139">
        <v>0.78</v>
      </c>
    </row>
    <row r="2140" spans="1:7" x14ac:dyDescent="0.25">
      <c r="A2140" t="s">
        <v>27</v>
      </c>
      <c r="B2140">
        <v>129892</v>
      </c>
      <c r="C2140">
        <v>9</v>
      </c>
      <c r="D2140" t="s">
        <v>12</v>
      </c>
      <c r="E2140">
        <v>0.94</v>
      </c>
      <c r="F2140">
        <v>1.4</v>
      </c>
      <c r="G2140">
        <v>0.95</v>
      </c>
    </row>
    <row r="2141" spans="1:7" x14ac:dyDescent="0.25">
      <c r="A2141" t="s">
        <v>28</v>
      </c>
      <c r="B2141">
        <v>123497</v>
      </c>
      <c r="C2141">
        <v>20</v>
      </c>
      <c r="D2141" t="s">
        <v>8</v>
      </c>
      <c r="E2141">
        <v>0.48</v>
      </c>
      <c r="F2141">
        <v>0.98</v>
      </c>
      <c r="G2141">
        <v>0.55000000000000004</v>
      </c>
    </row>
    <row r="2142" spans="1:7" x14ac:dyDescent="0.25">
      <c r="A2142" t="s">
        <v>19</v>
      </c>
      <c r="B2142">
        <v>71147</v>
      </c>
      <c r="C2142">
        <v>16</v>
      </c>
      <c r="D2142" t="s">
        <v>10</v>
      </c>
      <c r="E2142">
        <v>0.27</v>
      </c>
      <c r="F2142">
        <v>0.92</v>
      </c>
      <c r="G2142">
        <v>0.83</v>
      </c>
    </row>
    <row r="2143" spans="1:7" x14ac:dyDescent="0.25">
      <c r="A2143" t="s">
        <v>30</v>
      </c>
      <c r="B2143">
        <v>138131</v>
      </c>
      <c r="C2143">
        <v>20</v>
      </c>
      <c r="D2143" t="s">
        <v>8</v>
      </c>
      <c r="E2143">
        <v>0.95</v>
      </c>
      <c r="F2143">
        <v>1.44</v>
      </c>
      <c r="G2143">
        <v>0.62</v>
      </c>
    </row>
    <row r="2144" spans="1:7" x14ac:dyDescent="0.25">
      <c r="A2144" t="s">
        <v>14</v>
      </c>
      <c r="B2144">
        <v>38168</v>
      </c>
      <c r="C2144">
        <v>1</v>
      </c>
      <c r="D2144" t="s">
        <v>24</v>
      </c>
      <c r="E2144">
        <v>0.3</v>
      </c>
      <c r="F2144">
        <v>1.25</v>
      </c>
      <c r="G2144">
        <v>0.33</v>
      </c>
    </row>
    <row r="2145" spans="1:7" x14ac:dyDescent="0.25">
      <c r="A2145" t="s">
        <v>18</v>
      </c>
      <c r="B2145">
        <v>126017</v>
      </c>
      <c r="C2145">
        <v>20</v>
      </c>
      <c r="D2145" t="s">
        <v>24</v>
      </c>
      <c r="E2145">
        <v>0.01</v>
      </c>
      <c r="F2145">
        <v>1.03</v>
      </c>
      <c r="G2145">
        <v>0.68</v>
      </c>
    </row>
    <row r="2146" spans="1:7" x14ac:dyDescent="0.25">
      <c r="A2146" t="s">
        <v>21</v>
      </c>
      <c r="B2146">
        <v>106548</v>
      </c>
      <c r="C2146">
        <v>14</v>
      </c>
      <c r="D2146" t="s">
        <v>8</v>
      </c>
      <c r="E2146">
        <v>0.41</v>
      </c>
      <c r="F2146">
        <v>0.83</v>
      </c>
      <c r="G2146">
        <v>0.38</v>
      </c>
    </row>
    <row r="2147" spans="1:7" x14ac:dyDescent="0.25">
      <c r="A2147" t="s">
        <v>30</v>
      </c>
      <c r="B2147">
        <v>64574</v>
      </c>
      <c r="C2147">
        <v>6</v>
      </c>
      <c r="D2147" t="s">
        <v>8</v>
      </c>
      <c r="E2147">
        <v>0.77</v>
      </c>
      <c r="F2147">
        <v>1.1200000000000001</v>
      </c>
      <c r="G2147">
        <v>0.45</v>
      </c>
    </row>
    <row r="2148" spans="1:7" x14ac:dyDescent="0.25">
      <c r="A2148" t="s">
        <v>27</v>
      </c>
      <c r="B2148">
        <v>106334</v>
      </c>
      <c r="C2148">
        <v>15</v>
      </c>
      <c r="D2148" t="s">
        <v>12</v>
      </c>
      <c r="E2148">
        <v>0.9</v>
      </c>
      <c r="F2148">
        <v>1.1200000000000001</v>
      </c>
      <c r="G2148">
        <v>0.92</v>
      </c>
    </row>
    <row r="2149" spans="1:7" x14ac:dyDescent="0.25">
      <c r="A2149" t="s">
        <v>19</v>
      </c>
      <c r="B2149">
        <v>50709</v>
      </c>
      <c r="C2149">
        <v>8</v>
      </c>
      <c r="D2149" t="s">
        <v>8</v>
      </c>
      <c r="E2149">
        <v>0.1</v>
      </c>
      <c r="F2149">
        <v>0.6</v>
      </c>
      <c r="G2149">
        <v>0.77</v>
      </c>
    </row>
    <row r="2150" spans="1:7" x14ac:dyDescent="0.25">
      <c r="A2150" t="s">
        <v>23</v>
      </c>
      <c r="B2150">
        <v>72434</v>
      </c>
      <c r="C2150">
        <v>10</v>
      </c>
      <c r="D2150" t="s">
        <v>12</v>
      </c>
      <c r="E2150">
        <v>0.72</v>
      </c>
      <c r="F2150">
        <v>1.04</v>
      </c>
      <c r="G2150">
        <v>0.63</v>
      </c>
    </row>
    <row r="2151" spans="1:7" x14ac:dyDescent="0.25">
      <c r="A2151" t="s">
        <v>30</v>
      </c>
      <c r="B2151">
        <v>122192</v>
      </c>
      <c r="C2151">
        <v>28</v>
      </c>
      <c r="D2151" t="s">
        <v>24</v>
      </c>
      <c r="E2151">
        <v>0.94</v>
      </c>
      <c r="F2151">
        <v>1.38</v>
      </c>
      <c r="G2151">
        <v>0.66</v>
      </c>
    </row>
    <row r="2152" spans="1:7" x14ac:dyDescent="0.25">
      <c r="A2152" t="s">
        <v>26</v>
      </c>
      <c r="B2152">
        <v>102399</v>
      </c>
      <c r="C2152">
        <v>28</v>
      </c>
      <c r="D2152" t="s">
        <v>24</v>
      </c>
      <c r="E2152">
        <v>0.46</v>
      </c>
      <c r="F2152">
        <v>1.45</v>
      </c>
      <c r="G2152">
        <v>0.08</v>
      </c>
    </row>
    <row r="2153" spans="1:7" x14ac:dyDescent="0.25">
      <c r="A2153" t="s">
        <v>11</v>
      </c>
      <c r="B2153">
        <v>52489</v>
      </c>
      <c r="C2153">
        <v>28</v>
      </c>
      <c r="D2153" t="s">
        <v>10</v>
      </c>
      <c r="E2153">
        <v>0.46</v>
      </c>
      <c r="F2153">
        <v>0.52</v>
      </c>
      <c r="G2153">
        <v>0.85</v>
      </c>
    </row>
    <row r="2154" spans="1:7" x14ac:dyDescent="0.25">
      <c r="A2154" t="s">
        <v>27</v>
      </c>
      <c r="B2154">
        <v>123995</v>
      </c>
      <c r="C2154">
        <v>6</v>
      </c>
      <c r="D2154" t="s">
        <v>24</v>
      </c>
      <c r="E2154">
        <v>0.17</v>
      </c>
      <c r="F2154">
        <v>0.65</v>
      </c>
      <c r="G2154">
        <v>0.89</v>
      </c>
    </row>
    <row r="2155" spans="1:7" x14ac:dyDescent="0.25">
      <c r="A2155" t="s">
        <v>29</v>
      </c>
      <c r="B2155">
        <v>116090</v>
      </c>
      <c r="C2155">
        <v>21</v>
      </c>
      <c r="D2155" t="s">
        <v>10</v>
      </c>
      <c r="E2155">
        <v>0.85</v>
      </c>
      <c r="F2155">
        <v>0.51</v>
      </c>
      <c r="G2155">
        <v>7.0000000000000007E-2</v>
      </c>
    </row>
    <row r="2156" spans="1:7" x14ac:dyDescent="0.25">
      <c r="A2156" t="s">
        <v>18</v>
      </c>
      <c r="B2156">
        <v>126190</v>
      </c>
      <c r="C2156">
        <v>21</v>
      </c>
      <c r="D2156" t="s">
        <v>12</v>
      </c>
      <c r="E2156">
        <v>0.32</v>
      </c>
      <c r="F2156">
        <v>1.3</v>
      </c>
      <c r="G2156">
        <v>0.69</v>
      </c>
    </row>
    <row r="2157" spans="1:7" x14ac:dyDescent="0.25">
      <c r="A2157" t="s">
        <v>16</v>
      </c>
      <c r="B2157">
        <v>132535</v>
      </c>
      <c r="C2157">
        <v>20</v>
      </c>
      <c r="D2157" t="s">
        <v>12</v>
      </c>
      <c r="E2157">
        <v>0.95</v>
      </c>
      <c r="F2157">
        <v>1.46</v>
      </c>
      <c r="G2157">
        <v>0.47</v>
      </c>
    </row>
    <row r="2158" spans="1:7" x14ac:dyDescent="0.25">
      <c r="A2158" t="s">
        <v>20</v>
      </c>
      <c r="B2158">
        <v>84026</v>
      </c>
      <c r="C2158">
        <v>19</v>
      </c>
      <c r="D2158" t="s">
        <v>8</v>
      </c>
      <c r="E2158">
        <v>0.76</v>
      </c>
      <c r="F2158">
        <v>0.82</v>
      </c>
      <c r="G2158">
        <v>0.45</v>
      </c>
    </row>
    <row r="2159" spans="1:7" x14ac:dyDescent="0.25">
      <c r="A2159" t="s">
        <v>26</v>
      </c>
      <c r="B2159">
        <v>61171</v>
      </c>
      <c r="C2159">
        <v>13</v>
      </c>
      <c r="D2159" t="s">
        <v>24</v>
      </c>
      <c r="E2159">
        <v>0.12</v>
      </c>
      <c r="F2159">
        <v>0.83</v>
      </c>
      <c r="G2159">
        <v>0.17</v>
      </c>
    </row>
    <row r="2160" spans="1:7" x14ac:dyDescent="0.25">
      <c r="A2160" t="s">
        <v>15</v>
      </c>
      <c r="B2160">
        <v>140549</v>
      </c>
      <c r="C2160">
        <v>1</v>
      </c>
      <c r="D2160" t="s">
        <v>24</v>
      </c>
      <c r="E2160">
        <v>0.87</v>
      </c>
      <c r="F2160">
        <v>1.03</v>
      </c>
      <c r="G2160">
        <v>0.17</v>
      </c>
    </row>
    <row r="2161" spans="1:7" x14ac:dyDescent="0.25">
      <c r="A2161" t="s">
        <v>19</v>
      </c>
      <c r="B2161">
        <v>120061</v>
      </c>
      <c r="C2161">
        <v>16</v>
      </c>
      <c r="D2161" t="s">
        <v>8</v>
      </c>
      <c r="E2161">
        <v>0.82</v>
      </c>
      <c r="F2161">
        <v>0.71</v>
      </c>
      <c r="G2161">
        <v>0.93</v>
      </c>
    </row>
    <row r="2162" spans="1:7" x14ac:dyDescent="0.25">
      <c r="A2162" t="s">
        <v>27</v>
      </c>
      <c r="B2162">
        <v>143357</v>
      </c>
      <c r="C2162">
        <v>22</v>
      </c>
      <c r="D2162" t="s">
        <v>8</v>
      </c>
      <c r="E2162">
        <v>0.66</v>
      </c>
      <c r="F2162">
        <v>0.51</v>
      </c>
      <c r="G2162">
        <v>0.73</v>
      </c>
    </row>
    <row r="2163" spans="1:7" x14ac:dyDescent="0.25">
      <c r="A2163" t="s">
        <v>13</v>
      </c>
      <c r="B2163">
        <v>74099</v>
      </c>
      <c r="C2163">
        <v>6</v>
      </c>
      <c r="D2163" t="s">
        <v>12</v>
      </c>
      <c r="E2163">
        <v>0.13</v>
      </c>
      <c r="F2163">
        <v>1.1399999999999999</v>
      </c>
      <c r="G2163">
        <v>0.62</v>
      </c>
    </row>
    <row r="2164" spans="1:7" x14ac:dyDescent="0.25">
      <c r="A2164" t="s">
        <v>18</v>
      </c>
      <c r="B2164">
        <v>101543</v>
      </c>
      <c r="C2164">
        <v>2</v>
      </c>
      <c r="D2164" t="s">
        <v>8</v>
      </c>
      <c r="E2164">
        <v>0.06</v>
      </c>
      <c r="F2164">
        <v>0.61</v>
      </c>
      <c r="G2164">
        <v>0.61</v>
      </c>
    </row>
    <row r="2165" spans="1:7" x14ac:dyDescent="0.25">
      <c r="A2165" t="s">
        <v>29</v>
      </c>
      <c r="B2165">
        <v>129691</v>
      </c>
      <c r="C2165">
        <v>18</v>
      </c>
      <c r="D2165" t="s">
        <v>12</v>
      </c>
      <c r="E2165">
        <v>0.33</v>
      </c>
      <c r="F2165">
        <v>0.71</v>
      </c>
      <c r="G2165">
        <v>0.3</v>
      </c>
    </row>
    <row r="2166" spans="1:7" x14ac:dyDescent="0.25">
      <c r="A2166" t="s">
        <v>17</v>
      </c>
      <c r="B2166">
        <v>111793</v>
      </c>
      <c r="C2166">
        <v>14</v>
      </c>
      <c r="D2166" t="s">
        <v>12</v>
      </c>
      <c r="E2166">
        <v>0.53</v>
      </c>
      <c r="F2166">
        <v>1.3</v>
      </c>
      <c r="G2166">
        <v>0.19</v>
      </c>
    </row>
    <row r="2167" spans="1:7" x14ac:dyDescent="0.25">
      <c r="A2167" t="s">
        <v>30</v>
      </c>
      <c r="B2167">
        <v>33814</v>
      </c>
      <c r="C2167">
        <v>28</v>
      </c>
      <c r="D2167" t="s">
        <v>12</v>
      </c>
      <c r="E2167">
        <v>0.32</v>
      </c>
      <c r="F2167">
        <v>0.63</v>
      </c>
      <c r="G2167">
        <v>0.49</v>
      </c>
    </row>
    <row r="2168" spans="1:7" x14ac:dyDescent="0.25">
      <c r="A2168" t="s">
        <v>28</v>
      </c>
      <c r="B2168">
        <v>113395</v>
      </c>
      <c r="C2168">
        <v>29</v>
      </c>
      <c r="D2168" t="s">
        <v>24</v>
      </c>
      <c r="E2168">
        <v>0.45</v>
      </c>
      <c r="F2168">
        <v>1.27</v>
      </c>
      <c r="G2168">
        <v>0.47</v>
      </c>
    </row>
    <row r="2169" spans="1:7" x14ac:dyDescent="0.25">
      <c r="A2169" t="s">
        <v>13</v>
      </c>
      <c r="B2169">
        <v>104892</v>
      </c>
      <c r="C2169">
        <v>28</v>
      </c>
      <c r="D2169" t="s">
        <v>8</v>
      </c>
      <c r="E2169">
        <v>0.78</v>
      </c>
      <c r="F2169">
        <v>0.76</v>
      </c>
      <c r="G2169">
        <v>0.41</v>
      </c>
    </row>
    <row r="2170" spans="1:7" x14ac:dyDescent="0.25">
      <c r="A2170" t="s">
        <v>30</v>
      </c>
      <c r="B2170">
        <v>134560</v>
      </c>
      <c r="C2170">
        <v>4</v>
      </c>
      <c r="D2170" t="s">
        <v>10</v>
      </c>
      <c r="E2170">
        <v>0.57999999999999996</v>
      </c>
      <c r="F2170">
        <v>1.18</v>
      </c>
      <c r="G2170">
        <v>0.55000000000000004</v>
      </c>
    </row>
    <row r="2171" spans="1:7" x14ac:dyDescent="0.25">
      <c r="A2171" t="s">
        <v>18</v>
      </c>
      <c r="B2171">
        <v>46585</v>
      </c>
      <c r="C2171">
        <v>15</v>
      </c>
      <c r="D2171" t="s">
        <v>24</v>
      </c>
      <c r="E2171">
        <v>0.89</v>
      </c>
      <c r="F2171">
        <v>1.32</v>
      </c>
      <c r="G2171">
        <v>0.4</v>
      </c>
    </row>
    <row r="2172" spans="1:7" x14ac:dyDescent="0.25">
      <c r="A2172" t="s">
        <v>23</v>
      </c>
      <c r="B2172">
        <v>65878</v>
      </c>
      <c r="C2172">
        <v>27</v>
      </c>
      <c r="D2172" t="s">
        <v>12</v>
      </c>
      <c r="E2172">
        <v>0.66</v>
      </c>
      <c r="F2172">
        <v>0.89</v>
      </c>
      <c r="G2172">
        <v>0.56999999999999995</v>
      </c>
    </row>
    <row r="2173" spans="1:7" x14ac:dyDescent="0.25">
      <c r="A2173" t="s">
        <v>25</v>
      </c>
      <c r="B2173">
        <v>144742</v>
      </c>
      <c r="C2173">
        <v>13</v>
      </c>
      <c r="D2173" t="s">
        <v>10</v>
      </c>
      <c r="E2173">
        <v>0.78</v>
      </c>
      <c r="F2173">
        <v>0.66</v>
      </c>
      <c r="G2173">
        <v>0.8</v>
      </c>
    </row>
    <row r="2174" spans="1:7" x14ac:dyDescent="0.25">
      <c r="A2174" t="s">
        <v>28</v>
      </c>
      <c r="B2174">
        <v>108074</v>
      </c>
      <c r="C2174">
        <v>18</v>
      </c>
      <c r="D2174" t="s">
        <v>24</v>
      </c>
      <c r="E2174">
        <v>0.72</v>
      </c>
      <c r="F2174">
        <v>1.23</v>
      </c>
      <c r="G2174">
        <v>0.32</v>
      </c>
    </row>
    <row r="2175" spans="1:7" x14ac:dyDescent="0.25">
      <c r="A2175" t="s">
        <v>28</v>
      </c>
      <c r="B2175">
        <v>135178</v>
      </c>
      <c r="C2175">
        <v>27</v>
      </c>
      <c r="D2175" t="s">
        <v>12</v>
      </c>
      <c r="E2175">
        <v>0.48</v>
      </c>
      <c r="F2175">
        <v>1.25</v>
      </c>
      <c r="G2175">
        <v>0.56999999999999995</v>
      </c>
    </row>
    <row r="2176" spans="1:7" x14ac:dyDescent="0.25">
      <c r="A2176" t="s">
        <v>9</v>
      </c>
      <c r="B2176">
        <v>38794</v>
      </c>
      <c r="C2176">
        <v>6</v>
      </c>
      <c r="D2176" t="s">
        <v>10</v>
      </c>
      <c r="E2176">
        <v>0.05</v>
      </c>
      <c r="F2176">
        <v>0.98</v>
      </c>
      <c r="G2176">
        <v>0.28000000000000003</v>
      </c>
    </row>
    <row r="2177" spans="1:7" x14ac:dyDescent="0.25">
      <c r="A2177" t="s">
        <v>9</v>
      </c>
      <c r="B2177">
        <v>87364</v>
      </c>
      <c r="C2177">
        <v>18</v>
      </c>
      <c r="D2177" t="s">
        <v>24</v>
      </c>
      <c r="E2177">
        <v>0.82</v>
      </c>
      <c r="F2177">
        <v>1.48</v>
      </c>
      <c r="G2177">
        <v>0.22</v>
      </c>
    </row>
    <row r="2178" spans="1:7" x14ac:dyDescent="0.25">
      <c r="A2178" t="s">
        <v>27</v>
      </c>
      <c r="B2178">
        <v>41853</v>
      </c>
      <c r="C2178">
        <v>17</v>
      </c>
      <c r="D2178" t="s">
        <v>24</v>
      </c>
      <c r="E2178">
        <v>0.33</v>
      </c>
      <c r="F2178">
        <v>1.37</v>
      </c>
      <c r="G2178">
        <v>0.81</v>
      </c>
    </row>
    <row r="2179" spans="1:7" x14ac:dyDescent="0.25">
      <c r="A2179" t="s">
        <v>20</v>
      </c>
      <c r="B2179">
        <v>73280</v>
      </c>
      <c r="C2179">
        <v>28</v>
      </c>
      <c r="D2179" t="s">
        <v>8</v>
      </c>
      <c r="E2179">
        <v>0.02</v>
      </c>
      <c r="F2179">
        <v>1.17</v>
      </c>
      <c r="G2179">
        <v>0.54</v>
      </c>
    </row>
    <row r="2180" spans="1:7" x14ac:dyDescent="0.25">
      <c r="A2180" t="s">
        <v>16</v>
      </c>
      <c r="B2180">
        <v>130854</v>
      </c>
      <c r="C2180">
        <v>10</v>
      </c>
      <c r="D2180" t="s">
        <v>8</v>
      </c>
      <c r="E2180">
        <v>0.21</v>
      </c>
      <c r="F2180">
        <v>0.91</v>
      </c>
      <c r="G2180">
        <v>0.38</v>
      </c>
    </row>
    <row r="2181" spans="1:7" x14ac:dyDescent="0.25">
      <c r="A2181" t="s">
        <v>16</v>
      </c>
      <c r="B2181">
        <v>100286</v>
      </c>
      <c r="C2181">
        <v>28</v>
      </c>
      <c r="D2181" t="s">
        <v>12</v>
      </c>
      <c r="E2181">
        <v>0.24</v>
      </c>
      <c r="F2181">
        <v>0.81</v>
      </c>
      <c r="G2181">
        <v>0.53</v>
      </c>
    </row>
    <row r="2182" spans="1:7" x14ac:dyDescent="0.25">
      <c r="A2182" t="s">
        <v>11</v>
      </c>
      <c r="B2182">
        <v>129646</v>
      </c>
      <c r="C2182">
        <v>20</v>
      </c>
      <c r="D2182" t="s">
        <v>24</v>
      </c>
      <c r="E2182">
        <v>0.42</v>
      </c>
      <c r="F2182">
        <v>0.81</v>
      </c>
      <c r="G2182">
        <v>0.94</v>
      </c>
    </row>
    <row r="2183" spans="1:7" x14ac:dyDescent="0.25">
      <c r="A2183" t="s">
        <v>13</v>
      </c>
      <c r="B2183">
        <v>82445</v>
      </c>
      <c r="C2183">
        <v>25</v>
      </c>
      <c r="D2183" t="s">
        <v>24</v>
      </c>
      <c r="E2183">
        <v>0.19</v>
      </c>
      <c r="F2183">
        <v>0.56999999999999995</v>
      </c>
      <c r="G2183">
        <v>0.56000000000000005</v>
      </c>
    </row>
    <row r="2184" spans="1:7" x14ac:dyDescent="0.25">
      <c r="A2184" t="s">
        <v>20</v>
      </c>
      <c r="B2184">
        <v>86152</v>
      </c>
      <c r="C2184">
        <v>11</v>
      </c>
      <c r="D2184" t="s">
        <v>8</v>
      </c>
      <c r="E2184">
        <v>0.21</v>
      </c>
      <c r="F2184">
        <v>1.17</v>
      </c>
      <c r="G2184">
        <v>0.61</v>
      </c>
    </row>
    <row r="2185" spans="1:7" x14ac:dyDescent="0.25">
      <c r="A2185" t="s">
        <v>27</v>
      </c>
      <c r="B2185">
        <v>45485</v>
      </c>
      <c r="C2185">
        <v>4</v>
      </c>
      <c r="D2185" t="s">
        <v>10</v>
      </c>
      <c r="E2185">
        <v>0.17</v>
      </c>
      <c r="F2185">
        <v>0.74</v>
      </c>
      <c r="G2185">
        <v>0.89</v>
      </c>
    </row>
    <row r="2186" spans="1:7" x14ac:dyDescent="0.25">
      <c r="A2186" t="s">
        <v>7</v>
      </c>
      <c r="B2186">
        <v>53953</v>
      </c>
      <c r="C2186">
        <v>29</v>
      </c>
      <c r="D2186" t="s">
        <v>8</v>
      </c>
      <c r="E2186">
        <v>0.83</v>
      </c>
      <c r="F2186">
        <v>0.8</v>
      </c>
      <c r="G2186">
        <v>0.84</v>
      </c>
    </row>
    <row r="2187" spans="1:7" x14ac:dyDescent="0.25">
      <c r="A2187" t="s">
        <v>28</v>
      </c>
      <c r="B2187">
        <v>48027</v>
      </c>
      <c r="C2187">
        <v>3</v>
      </c>
      <c r="D2187" t="s">
        <v>24</v>
      </c>
      <c r="E2187">
        <v>0.51</v>
      </c>
      <c r="F2187">
        <v>1.1299999999999999</v>
      </c>
      <c r="G2187">
        <v>0.4</v>
      </c>
    </row>
    <row r="2188" spans="1:7" x14ac:dyDescent="0.25">
      <c r="A2188" t="s">
        <v>26</v>
      </c>
      <c r="B2188">
        <v>45265</v>
      </c>
      <c r="C2188">
        <v>15</v>
      </c>
      <c r="D2188" t="s">
        <v>10</v>
      </c>
      <c r="E2188">
        <v>0.86</v>
      </c>
      <c r="F2188">
        <v>1.24</v>
      </c>
      <c r="G2188">
        <v>0.05</v>
      </c>
    </row>
    <row r="2189" spans="1:7" x14ac:dyDescent="0.25">
      <c r="A2189" t="s">
        <v>7</v>
      </c>
      <c r="B2189">
        <v>39160</v>
      </c>
      <c r="C2189">
        <v>26</v>
      </c>
      <c r="D2189" t="s">
        <v>10</v>
      </c>
      <c r="E2189">
        <v>0.1</v>
      </c>
      <c r="F2189">
        <v>0.66</v>
      </c>
      <c r="G2189">
        <v>0.92</v>
      </c>
    </row>
    <row r="2190" spans="1:7" x14ac:dyDescent="0.25">
      <c r="A2190" t="s">
        <v>7</v>
      </c>
      <c r="B2190">
        <v>100717</v>
      </c>
      <c r="C2190">
        <v>16</v>
      </c>
      <c r="D2190" t="s">
        <v>12</v>
      </c>
      <c r="E2190">
        <v>0.16</v>
      </c>
      <c r="F2190">
        <v>0.56999999999999995</v>
      </c>
      <c r="G2190">
        <v>0.9</v>
      </c>
    </row>
    <row r="2191" spans="1:7" x14ac:dyDescent="0.25">
      <c r="A2191" t="s">
        <v>18</v>
      </c>
      <c r="B2191">
        <v>117275</v>
      </c>
      <c r="C2191">
        <v>27</v>
      </c>
      <c r="D2191" t="s">
        <v>12</v>
      </c>
      <c r="E2191">
        <v>0.06</v>
      </c>
      <c r="F2191">
        <v>1.01</v>
      </c>
      <c r="G2191">
        <v>0.34</v>
      </c>
    </row>
    <row r="2192" spans="1:7" x14ac:dyDescent="0.25">
      <c r="A2192" t="s">
        <v>7</v>
      </c>
      <c r="B2192">
        <v>73496</v>
      </c>
      <c r="C2192">
        <v>25</v>
      </c>
      <c r="D2192" t="s">
        <v>10</v>
      </c>
      <c r="E2192">
        <v>0.31</v>
      </c>
      <c r="F2192">
        <v>1.49</v>
      </c>
      <c r="G2192">
        <v>0.75</v>
      </c>
    </row>
    <row r="2193" spans="1:7" x14ac:dyDescent="0.25">
      <c r="A2193" t="s">
        <v>21</v>
      </c>
      <c r="B2193">
        <v>95635</v>
      </c>
      <c r="C2193">
        <v>1</v>
      </c>
      <c r="D2193" t="s">
        <v>10</v>
      </c>
      <c r="E2193">
        <v>0.27</v>
      </c>
      <c r="F2193">
        <v>0.91</v>
      </c>
      <c r="G2193">
        <v>0.59</v>
      </c>
    </row>
    <row r="2194" spans="1:7" x14ac:dyDescent="0.25">
      <c r="A2194" t="s">
        <v>13</v>
      </c>
      <c r="B2194">
        <v>57762</v>
      </c>
      <c r="C2194">
        <v>7</v>
      </c>
      <c r="D2194" t="s">
        <v>24</v>
      </c>
      <c r="E2194">
        <v>0.89</v>
      </c>
      <c r="F2194">
        <v>0.51</v>
      </c>
      <c r="G2194">
        <v>0.61</v>
      </c>
    </row>
    <row r="2195" spans="1:7" x14ac:dyDescent="0.25">
      <c r="A2195" t="s">
        <v>17</v>
      </c>
      <c r="B2195">
        <v>95888</v>
      </c>
      <c r="C2195">
        <v>15</v>
      </c>
      <c r="D2195" t="s">
        <v>12</v>
      </c>
      <c r="E2195">
        <v>0.68</v>
      </c>
      <c r="F2195">
        <v>0.82</v>
      </c>
      <c r="G2195">
        <v>0.14000000000000001</v>
      </c>
    </row>
    <row r="2196" spans="1:7" x14ac:dyDescent="0.25">
      <c r="A2196" t="s">
        <v>25</v>
      </c>
      <c r="B2196">
        <v>84150</v>
      </c>
      <c r="C2196">
        <v>23</v>
      </c>
      <c r="D2196" t="s">
        <v>24</v>
      </c>
      <c r="E2196">
        <v>0.97</v>
      </c>
      <c r="F2196">
        <v>1.05</v>
      </c>
      <c r="G2196">
        <v>0.78</v>
      </c>
    </row>
    <row r="2197" spans="1:7" x14ac:dyDescent="0.25">
      <c r="A2197" t="s">
        <v>16</v>
      </c>
      <c r="B2197">
        <v>87026</v>
      </c>
      <c r="C2197">
        <v>4</v>
      </c>
      <c r="D2197" t="s">
        <v>8</v>
      </c>
      <c r="E2197">
        <v>0.88</v>
      </c>
      <c r="F2197">
        <v>1.29</v>
      </c>
      <c r="G2197">
        <v>0.31</v>
      </c>
    </row>
    <row r="2198" spans="1:7" x14ac:dyDescent="0.25">
      <c r="A2198" t="s">
        <v>17</v>
      </c>
      <c r="B2198">
        <v>133992</v>
      </c>
      <c r="C2198">
        <v>1</v>
      </c>
      <c r="D2198" t="s">
        <v>12</v>
      </c>
      <c r="E2198">
        <v>0.89</v>
      </c>
      <c r="F2198">
        <v>0.65</v>
      </c>
      <c r="G2198">
        <v>0.22</v>
      </c>
    </row>
    <row r="2199" spans="1:7" x14ac:dyDescent="0.25">
      <c r="A2199" t="s">
        <v>13</v>
      </c>
      <c r="B2199">
        <v>115847</v>
      </c>
      <c r="C2199">
        <v>18</v>
      </c>
      <c r="D2199" t="s">
        <v>24</v>
      </c>
      <c r="E2199">
        <v>0.77</v>
      </c>
      <c r="F2199">
        <v>1.25</v>
      </c>
      <c r="G2199">
        <v>0.56000000000000005</v>
      </c>
    </row>
    <row r="2200" spans="1:7" x14ac:dyDescent="0.25">
      <c r="A2200" t="s">
        <v>22</v>
      </c>
      <c r="B2200">
        <v>30645</v>
      </c>
      <c r="C2200">
        <v>4</v>
      </c>
      <c r="D2200" t="s">
        <v>12</v>
      </c>
      <c r="E2200">
        <v>0.9</v>
      </c>
      <c r="F2200">
        <v>0.79</v>
      </c>
      <c r="G2200">
        <v>0.4</v>
      </c>
    </row>
    <row r="2201" spans="1:7" x14ac:dyDescent="0.25">
      <c r="A2201" t="s">
        <v>17</v>
      </c>
      <c r="B2201">
        <v>40704</v>
      </c>
      <c r="C2201">
        <v>23</v>
      </c>
      <c r="D2201" t="s">
        <v>10</v>
      </c>
      <c r="E2201">
        <v>0.39</v>
      </c>
      <c r="F2201">
        <v>1.06</v>
      </c>
      <c r="G2201">
        <v>0.12</v>
      </c>
    </row>
    <row r="2202" spans="1:7" x14ac:dyDescent="0.25">
      <c r="A2202" t="s">
        <v>21</v>
      </c>
      <c r="B2202">
        <v>62256</v>
      </c>
      <c r="C2202">
        <v>7</v>
      </c>
      <c r="D2202" t="s">
        <v>24</v>
      </c>
      <c r="E2202">
        <v>0.81</v>
      </c>
      <c r="F2202">
        <v>0.73</v>
      </c>
      <c r="G2202">
        <v>0.44</v>
      </c>
    </row>
    <row r="2203" spans="1:7" x14ac:dyDescent="0.25">
      <c r="A2203" t="s">
        <v>13</v>
      </c>
      <c r="B2203">
        <v>64224</v>
      </c>
      <c r="C2203">
        <v>11</v>
      </c>
      <c r="D2203" t="s">
        <v>12</v>
      </c>
      <c r="E2203">
        <v>0.69</v>
      </c>
      <c r="F2203">
        <v>1.23</v>
      </c>
      <c r="G2203">
        <v>0.69</v>
      </c>
    </row>
    <row r="2204" spans="1:7" x14ac:dyDescent="0.25">
      <c r="A2204" t="s">
        <v>28</v>
      </c>
      <c r="B2204">
        <v>43167</v>
      </c>
      <c r="C2204">
        <v>11</v>
      </c>
      <c r="D2204" t="s">
        <v>8</v>
      </c>
      <c r="E2204">
        <v>0.88</v>
      </c>
      <c r="F2204">
        <v>1.43</v>
      </c>
      <c r="G2204">
        <v>0.6</v>
      </c>
    </row>
    <row r="2205" spans="1:7" x14ac:dyDescent="0.25">
      <c r="A2205" t="s">
        <v>28</v>
      </c>
      <c r="B2205">
        <v>99459</v>
      </c>
      <c r="C2205">
        <v>6</v>
      </c>
      <c r="D2205" t="s">
        <v>12</v>
      </c>
      <c r="E2205">
        <v>0.25</v>
      </c>
      <c r="F2205">
        <v>1.4</v>
      </c>
      <c r="G2205">
        <v>0.34</v>
      </c>
    </row>
    <row r="2206" spans="1:7" x14ac:dyDescent="0.25">
      <c r="A2206" t="s">
        <v>25</v>
      </c>
      <c r="B2206">
        <v>90628</v>
      </c>
      <c r="C2206">
        <v>24</v>
      </c>
      <c r="D2206" t="s">
        <v>8</v>
      </c>
      <c r="E2206">
        <v>0.36</v>
      </c>
      <c r="F2206">
        <v>1.1299999999999999</v>
      </c>
      <c r="G2206">
        <v>0.93</v>
      </c>
    </row>
    <row r="2207" spans="1:7" x14ac:dyDescent="0.25">
      <c r="A2207" t="s">
        <v>20</v>
      </c>
      <c r="B2207">
        <v>95162</v>
      </c>
      <c r="C2207">
        <v>25</v>
      </c>
      <c r="D2207" t="s">
        <v>10</v>
      </c>
      <c r="E2207">
        <v>0.43</v>
      </c>
      <c r="F2207">
        <v>1.05</v>
      </c>
      <c r="G2207">
        <v>0.44</v>
      </c>
    </row>
    <row r="2208" spans="1:7" x14ac:dyDescent="0.25">
      <c r="A2208" t="s">
        <v>29</v>
      </c>
      <c r="B2208">
        <v>144009</v>
      </c>
      <c r="C2208">
        <v>2</v>
      </c>
      <c r="D2208" t="s">
        <v>8</v>
      </c>
      <c r="E2208">
        <v>0.55000000000000004</v>
      </c>
      <c r="F2208">
        <v>0.69</v>
      </c>
      <c r="G2208">
        <v>0.14000000000000001</v>
      </c>
    </row>
    <row r="2209" spans="1:7" x14ac:dyDescent="0.25">
      <c r="A2209" t="s">
        <v>29</v>
      </c>
      <c r="B2209">
        <v>53978</v>
      </c>
      <c r="C2209">
        <v>11</v>
      </c>
      <c r="D2209" t="s">
        <v>10</v>
      </c>
      <c r="E2209">
        <v>0.57999999999999996</v>
      </c>
      <c r="F2209">
        <v>1.44</v>
      </c>
      <c r="G2209">
        <v>0.3</v>
      </c>
    </row>
    <row r="2210" spans="1:7" x14ac:dyDescent="0.25">
      <c r="A2210" t="s">
        <v>18</v>
      </c>
      <c r="B2210">
        <v>85419</v>
      </c>
      <c r="C2210">
        <v>21</v>
      </c>
      <c r="D2210" t="s">
        <v>12</v>
      </c>
      <c r="E2210">
        <v>0.97</v>
      </c>
      <c r="F2210">
        <v>1.21</v>
      </c>
      <c r="G2210">
        <v>0.49</v>
      </c>
    </row>
    <row r="2211" spans="1:7" x14ac:dyDescent="0.25">
      <c r="A2211" t="s">
        <v>22</v>
      </c>
      <c r="B2211">
        <v>123004</v>
      </c>
      <c r="C2211">
        <v>16</v>
      </c>
      <c r="D2211" t="s">
        <v>24</v>
      </c>
      <c r="E2211">
        <v>0.79</v>
      </c>
      <c r="F2211">
        <v>1.1200000000000001</v>
      </c>
      <c r="G2211">
        <v>0.33</v>
      </c>
    </row>
    <row r="2212" spans="1:7" x14ac:dyDescent="0.25">
      <c r="A2212" t="s">
        <v>13</v>
      </c>
      <c r="B2212">
        <v>47874</v>
      </c>
      <c r="C2212">
        <v>25</v>
      </c>
      <c r="D2212" t="s">
        <v>24</v>
      </c>
      <c r="E2212">
        <v>0.93</v>
      </c>
      <c r="F2212">
        <v>1.48</v>
      </c>
      <c r="G2212">
        <v>0.48</v>
      </c>
    </row>
    <row r="2213" spans="1:7" x14ac:dyDescent="0.25">
      <c r="A2213" t="s">
        <v>13</v>
      </c>
      <c r="B2213">
        <v>149318</v>
      </c>
      <c r="C2213">
        <v>17</v>
      </c>
      <c r="D2213" t="s">
        <v>12</v>
      </c>
      <c r="E2213">
        <v>0.27</v>
      </c>
      <c r="F2213">
        <v>1.45</v>
      </c>
      <c r="G2213">
        <v>0.61</v>
      </c>
    </row>
    <row r="2214" spans="1:7" x14ac:dyDescent="0.25">
      <c r="A2214" t="s">
        <v>16</v>
      </c>
      <c r="B2214">
        <v>39413</v>
      </c>
      <c r="C2214">
        <v>1</v>
      </c>
      <c r="D2214" t="s">
        <v>8</v>
      </c>
      <c r="E2214">
        <v>1</v>
      </c>
      <c r="F2214">
        <v>1.2</v>
      </c>
      <c r="G2214">
        <v>0.61</v>
      </c>
    </row>
    <row r="2215" spans="1:7" x14ac:dyDescent="0.25">
      <c r="A2215" t="s">
        <v>9</v>
      </c>
      <c r="B2215">
        <v>137541</v>
      </c>
      <c r="C2215">
        <v>1</v>
      </c>
      <c r="D2215" t="s">
        <v>8</v>
      </c>
      <c r="E2215">
        <v>0.98</v>
      </c>
      <c r="F2215">
        <v>0.85</v>
      </c>
      <c r="G2215">
        <v>0.08</v>
      </c>
    </row>
    <row r="2216" spans="1:7" x14ac:dyDescent="0.25">
      <c r="A2216" t="s">
        <v>22</v>
      </c>
      <c r="B2216">
        <v>45890</v>
      </c>
      <c r="C2216">
        <v>19</v>
      </c>
      <c r="D2216" t="s">
        <v>10</v>
      </c>
      <c r="E2216">
        <v>0.59</v>
      </c>
      <c r="F2216">
        <v>0.6</v>
      </c>
      <c r="G2216">
        <v>0.43</v>
      </c>
    </row>
    <row r="2217" spans="1:7" x14ac:dyDescent="0.25">
      <c r="A2217" t="s">
        <v>30</v>
      </c>
      <c r="B2217">
        <v>137747</v>
      </c>
      <c r="C2217">
        <v>8</v>
      </c>
      <c r="D2217" t="s">
        <v>12</v>
      </c>
      <c r="E2217">
        <v>0.72</v>
      </c>
      <c r="F2217">
        <v>1.21</v>
      </c>
      <c r="G2217">
        <v>0.54</v>
      </c>
    </row>
    <row r="2218" spans="1:7" x14ac:dyDescent="0.25">
      <c r="A2218" t="s">
        <v>9</v>
      </c>
      <c r="B2218">
        <v>72582</v>
      </c>
      <c r="C2218">
        <v>22</v>
      </c>
      <c r="D2218" t="s">
        <v>8</v>
      </c>
      <c r="E2218">
        <v>0.68</v>
      </c>
      <c r="F2218">
        <v>0.72</v>
      </c>
      <c r="G2218">
        <v>0.14000000000000001</v>
      </c>
    </row>
    <row r="2219" spans="1:7" x14ac:dyDescent="0.25">
      <c r="A2219" t="s">
        <v>23</v>
      </c>
      <c r="B2219">
        <v>124964</v>
      </c>
      <c r="C2219">
        <v>2</v>
      </c>
      <c r="D2219" t="s">
        <v>10</v>
      </c>
      <c r="E2219">
        <v>7.0000000000000007E-2</v>
      </c>
      <c r="F2219">
        <v>1.1399999999999999</v>
      </c>
      <c r="G2219">
        <v>0.61</v>
      </c>
    </row>
    <row r="2220" spans="1:7" x14ac:dyDescent="0.25">
      <c r="A2220" t="s">
        <v>26</v>
      </c>
      <c r="B2220">
        <v>64091</v>
      </c>
      <c r="C2220">
        <v>8</v>
      </c>
      <c r="D2220" t="s">
        <v>8</v>
      </c>
      <c r="E2220">
        <v>0.26</v>
      </c>
      <c r="F2220">
        <v>0.84</v>
      </c>
      <c r="G2220">
        <v>0.09</v>
      </c>
    </row>
    <row r="2221" spans="1:7" x14ac:dyDescent="0.25">
      <c r="A2221" t="s">
        <v>27</v>
      </c>
      <c r="B2221">
        <v>95707</v>
      </c>
      <c r="C2221">
        <v>29</v>
      </c>
      <c r="D2221" t="s">
        <v>24</v>
      </c>
      <c r="E2221">
        <v>0.14000000000000001</v>
      </c>
      <c r="F2221">
        <v>1.44</v>
      </c>
      <c r="G2221">
        <v>0.79</v>
      </c>
    </row>
    <row r="2222" spans="1:7" x14ac:dyDescent="0.25">
      <c r="A2222" t="s">
        <v>26</v>
      </c>
      <c r="B2222">
        <v>82892</v>
      </c>
      <c r="C2222">
        <v>1</v>
      </c>
      <c r="D2222" t="s">
        <v>8</v>
      </c>
      <c r="E2222">
        <v>0.92</v>
      </c>
      <c r="F2222">
        <v>1.31</v>
      </c>
      <c r="G2222">
        <v>0.22</v>
      </c>
    </row>
    <row r="2223" spans="1:7" x14ac:dyDescent="0.25">
      <c r="A2223" t="s">
        <v>22</v>
      </c>
      <c r="B2223">
        <v>51946</v>
      </c>
      <c r="C2223">
        <v>13</v>
      </c>
      <c r="D2223" t="s">
        <v>12</v>
      </c>
      <c r="E2223">
        <v>0.74</v>
      </c>
      <c r="F2223">
        <v>0.61</v>
      </c>
      <c r="G2223">
        <v>0.65</v>
      </c>
    </row>
    <row r="2224" spans="1:7" x14ac:dyDescent="0.25">
      <c r="A2224" t="s">
        <v>19</v>
      </c>
      <c r="B2224">
        <v>92294</v>
      </c>
      <c r="C2224">
        <v>11</v>
      </c>
      <c r="D2224" t="s">
        <v>8</v>
      </c>
      <c r="E2224">
        <v>0.74</v>
      </c>
      <c r="F2224">
        <v>0.67</v>
      </c>
      <c r="G2224">
        <v>0.86</v>
      </c>
    </row>
    <row r="2225" spans="1:7" x14ac:dyDescent="0.25">
      <c r="A2225" t="s">
        <v>17</v>
      </c>
      <c r="B2225">
        <v>101022</v>
      </c>
      <c r="C2225">
        <v>17</v>
      </c>
      <c r="D2225" t="s">
        <v>10</v>
      </c>
      <c r="E2225">
        <v>0.65</v>
      </c>
      <c r="F2225">
        <v>0.57999999999999996</v>
      </c>
      <c r="G2225">
        <v>0.06</v>
      </c>
    </row>
    <row r="2226" spans="1:7" x14ac:dyDescent="0.25">
      <c r="A2226" t="s">
        <v>28</v>
      </c>
      <c r="B2226">
        <v>116377</v>
      </c>
      <c r="C2226">
        <v>14</v>
      </c>
      <c r="D2226" t="s">
        <v>10</v>
      </c>
      <c r="E2226">
        <v>0.04</v>
      </c>
      <c r="F2226">
        <v>1.26</v>
      </c>
      <c r="G2226">
        <v>0.62</v>
      </c>
    </row>
    <row r="2227" spans="1:7" x14ac:dyDescent="0.25">
      <c r="A2227" t="s">
        <v>16</v>
      </c>
      <c r="B2227">
        <v>125614</v>
      </c>
      <c r="C2227">
        <v>8</v>
      </c>
      <c r="D2227" t="s">
        <v>12</v>
      </c>
      <c r="E2227">
        <v>0.12</v>
      </c>
      <c r="F2227">
        <v>1.25</v>
      </c>
      <c r="G2227">
        <v>0.38</v>
      </c>
    </row>
    <row r="2228" spans="1:7" x14ac:dyDescent="0.25">
      <c r="A2228" t="s">
        <v>20</v>
      </c>
      <c r="B2228">
        <v>70577</v>
      </c>
      <c r="C2228">
        <v>22</v>
      </c>
      <c r="D2228" t="s">
        <v>8</v>
      </c>
      <c r="E2228">
        <v>0.41</v>
      </c>
      <c r="F2228">
        <v>1.38</v>
      </c>
      <c r="G2228">
        <v>0.47</v>
      </c>
    </row>
    <row r="2229" spans="1:7" x14ac:dyDescent="0.25">
      <c r="A2229" t="s">
        <v>21</v>
      </c>
      <c r="B2229">
        <v>70214</v>
      </c>
      <c r="C2229">
        <v>21</v>
      </c>
      <c r="D2229" t="s">
        <v>8</v>
      </c>
      <c r="E2229">
        <v>0.99</v>
      </c>
      <c r="F2229">
        <v>1.24</v>
      </c>
      <c r="G2229">
        <v>0.56999999999999995</v>
      </c>
    </row>
    <row r="2230" spans="1:7" x14ac:dyDescent="0.25">
      <c r="A2230" t="s">
        <v>30</v>
      </c>
      <c r="B2230">
        <v>115416</v>
      </c>
      <c r="C2230">
        <v>29</v>
      </c>
      <c r="D2230" t="s">
        <v>24</v>
      </c>
      <c r="E2230">
        <v>0.5</v>
      </c>
      <c r="F2230">
        <v>1.39</v>
      </c>
      <c r="G2230">
        <v>0.64</v>
      </c>
    </row>
    <row r="2231" spans="1:7" x14ac:dyDescent="0.25">
      <c r="A2231" t="s">
        <v>18</v>
      </c>
      <c r="B2231">
        <v>138176</v>
      </c>
      <c r="C2231">
        <v>7</v>
      </c>
      <c r="D2231" t="s">
        <v>8</v>
      </c>
      <c r="E2231">
        <v>0.56000000000000005</v>
      </c>
      <c r="F2231">
        <v>0.56000000000000005</v>
      </c>
      <c r="G2231">
        <v>0.53</v>
      </c>
    </row>
    <row r="2232" spans="1:7" x14ac:dyDescent="0.25">
      <c r="A2232" t="s">
        <v>27</v>
      </c>
      <c r="B2232">
        <v>88744</v>
      </c>
      <c r="C2232">
        <v>15</v>
      </c>
      <c r="D2232" t="s">
        <v>12</v>
      </c>
      <c r="E2232">
        <v>0.11</v>
      </c>
      <c r="F2232">
        <v>1.33</v>
      </c>
      <c r="G2232">
        <v>0.89</v>
      </c>
    </row>
    <row r="2233" spans="1:7" x14ac:dyDescent="0.25">
      <c r="A2233" t="s">
        <v>28</v>
      </c>
      <c r="B2233">
        <v>55759</v>
      </c>
      <c r="C2233">
        <v>24</v>
      </c>
      <c r="D2233" t="s">
        <v>8</v>
      </c>
      <c r="E2233">
        <v>0.51</v>
      </c>
      <c r="F2233">
        <v>0.8</v>
      </c>
      <c r="G2233">
        <v>0.63</v>
      </c>
    </row>
    <row r="2234" spans="1:7" x14ac:dyDescent="0.25">
      <c r="A2234" t="s">
        <v>7</v>
      </c>
      <c r="B2234">
        <v>37589</v>
      </c>
      <c r="C2234">
        <v>18</v>
      </c>
      <c r="D2234" t="s">
        <v>24</v>
      </c>
      <c r="E2234">
        <v>0.5</v>
      </c>
      <c r="F2234">
        <v>0.95</v>
      </c>
      <c r="G2234">
        <v>0.9</v>
      </c>
    </row>
    <row r="2235" spans="1:7" x14ac:dyDescent="0.25">
      <c r="A2235" t="s">
        <v>27</v>
      </c>
      <c r="B2235">
        <v>119485</v>
      </c>
      <c r="C2235">
        <v>21</v>
      </c>
      <c r="D2235" t="s">
        <v>12</v>
      </c>
      <c r="E2235">
        <v>0.25</v>
      </c>
      <c r="F2235">
        <v>0.67</v>
      </c>
      <c r="G2235">
        <v>0.82</v>
      </c>
    </row>
    <row r="2236" spans="1:7" x14ac:dyDescent="0.25">
      <c r="A2236" t="s">
        <v>7</v>
      </c>
      <c r="B2236">
        <v>55090</v>
      </c>
      <c r="C2236">
        <v>8</v>
      </c>
      <c r="D2236" t="s">
        <v>24</v>
      </c>
      <c r="E2236">
        <v>0.68</v>
      </c>
      <c r="F2236">
        <v>0.89</v>
      </c>
      <c r="G2236">
        <v>0.73</v>
      </c>
    </row>
    <row r="2237" spans="1:7" x14ac:dyDescent="0.25">
      <c r="A2237" t="s">
        <v>28</v>
      </c>
      <c r="B2237">
        <v>102889</v>
      </c>
      <c r="C2237">
        <v>19</v>
      </c>
      <c r="D2237" t="s">
        <v>12</v>
      </c>
      <c r="E2237">
        <v>0.54</v>
      </c>
      <c r="F2237">
        <v>1.21</v>
      </c>
      <c r="G2237">
        <v>0.46</v>
      </c>
    </row>
    <row r="2238" spans="1:7" x14ac:dyDescent="0.25">
      <c r="A2238" t="s">
        <v>28</v>
      </c>
      <c r="B2238">
        <v>93282</v>
      </c>
      <c r="C2238">
        <v>29</v>
      </c>
      <c r="D2238" t="s">
        <v>8</v>
      </c>
      <c r="E2238">
        <v>0.67</v>
      </c>
      <c r="F2238">
        <v>1</v>
      </c>
      <c r="G2238">
        <v>0.63</v>
      </c>
    </row>
    <row r="2239" spans="1:7" x14ac:dyDescent="0.25">
      <c r="A2239" t="s">
        <v>17</v>
      </c>
      <c r="B2239">
        <v>40892</v>
      </c>
      <c r="C2239">
        <v>19</v>
      </c>
      <c r="D2239" t="s">
        <v>10</v>
      </c>
      <c r="E2239">
        <v>0.5</v>
      </c>
      <c r="F2239">
        <v>0.83</v>
      </c>
      <c r="G2239">
        <v>0.14000000000000001</v>
      </c>
    </row>
    <row r="2240" spans="1:7" x14ac:dyDescent="0.25">
      <c r="A2240" t="s">
        <v>22</v>
      </c>
      <c r="B2240">
        <v>132524</v>
      </c>
      <c r="C2240">
        <v>8</v>
      </c>
      <c r="D2240" t="s">
        <v>12</v>
      </c>
      <c r="E2240">
        <v>0.78</v>
      </c>
      <c r="F2240">
        <v>1.41</v>
      </c>
      <c r="G2240">
        <v>0.56000000000000005</v>
      </c>
    </row>
    <row r="2241" spans="1:7" x14ac:dyDescent="0.25">
      <c r="A2241" t="s">
        <v>17</v>
      </c>
      <c r="B2241">
        <v>56006</v>
      </c>
      <c r="C2241">
        <v>13</v>
      </c>
      <c r="D2241" t="s">
        <v>8</v>
      </c>
      <c r="E2241">
        <v>0.47</v>
      </c>
      <c r="F2241">
        <v>0.52</v>
      </c>
      <c r="G2241">
        <v>0.25</v>
      </c>
    </row>
    <row r="2242" spans="1:7" x14ac:dyDescent="0.25">
      <c r="A2242" t="s">
        <v>27</v>
      </c>
      <c r="B2242">
        <v>60805</v>
      </c>
      <c r="C2242">
        <v>20</v>
      </c>
      <c r="D2242" t="s">
        <v>24</v>
      </c>
      <c r="E2242">
        <v>0.31</v>
      </c>
      <c r="F2242">
        <v>0.66</v>
      </c>
      <c r="G2242">
        <v>0.79</v>
      </c>
    </row>
    <row r="2243" spans="1:7" x14ac:dyDescent="0.25">
      <c r="A2243" t="s">
        <v>21</v>
      </c>
      <c r="B2243">
        <v>86121</v>
      </c>
      <c r="C2243">
        <v>28</v>
      </c>
      <c r="D2243" t="s">
        <v>8</v>
      </c>
      <c r="E2243">
        <v>0.61</v>
      </c>
      <c r="F2243">
        <v>1.49</v>
      </c>
      <c r="G2243">
        <v>0.45</v>
      </c>
    </row>
    <row r="2244" spans="1:7" x14ac:dyDescent="0.25">
      <c r="A2244" t="s">
        <v>22</v>
      </c>
      <c r="B2244">
        <v>70344</v>
      </c>
      <c r="C2244">
        <v>14</v>
      </c>
      <c r="D2244" t="s">
        <v>12</v>
      </c>
      <c r="E2244">
        <v>0.65</v>
      </c>
      <c r="F2244">
        <v>0.55000000000000004</v>
      </c>
      <c r="G2244">
        <v>0.42</v>
      </c>
    </row>
    <row r="2245" spans="1:7" x14ac:dyDescent="0.25">
      <c r="A2245" t="s">
        <v>27</v>
      </c>
      <c r="B2245">
        <v>62185</v>
      </c>
      <c r="C2245">
        <v>5</v>
      </c>
      <c r="D2245" t="s">
        <v>12</v>
      </c>
      <c r="E2245">
        <v>0.87</v>
      </c>
      <c r="F2245">
        <v>0.59</v>
      </c>
      <c r="G2245">
        <v>0.76</v>
      </c>
    </row>
    <row r="2246" spans="1:7" x14ac:dyDescent="0.25">
      <c r="A2246" t="s">
        <v>18</v>
      </c>
      <c r="B2246">
        <v>133060</v>
      </c>
      <c r="C2246">
        <v>9</v>
      </c>
      <c r="D2246" t="s">
        <v>12</v>
      </c>
      <c r="E2246">
        <v>0.52</v>
      </c>
      <c r="F2246">
        <v>0.8</v>
      </c>
      <c r="G2246">
        <v>0.4</v>
      </c>
    </row>
    <row r="2247" spans="1:7" x14ac:dyDescent="0.25">
      <c r="A2247" t="s">
        <v>26</v>
      </c>
      <c r="B2247">
        <v>149756</v>
      </c>
      <c r="C2247">
        <v>8</v>
      </c>
      <c r="D2247" t="s">
        <v>12</v>
      </c>
      <c r="E2247">
        <v>0.64</v>
      </c>
      <c r="F2247">
        <v>0.67</v>
      </c>
      <c r="G2247">
        <v>7.0000000000000007E-2</v>
      </c>
    </row>
    <row r="2248" spans="1:7" x14ac:dyDescent="0.25">
      <c r="A2248" t="s">
        <v>25</v>
      </c>
      <c r="B2248">
        <v>31981</v>
      </c>
      <c r="C2248">
        <v>7</v>
      </c>
      <c r="D2248" t="s">
        <v>8</v>
      </c>
      <c r="E2248">
        <v>0.95</v>
      </c>
      <c r="F2248">
        <v>0.94</v>
      </c>
      <c r="G2248">
        <v>0.71</v>
      </c>
    </row>
    <row r="2249" spans="1:7" x14ac:dyDescent="0.25">
      <c r="A2249" t="s">
        <v>20</v>
      </c>
      <c r="B2249">
        <v>66443</v>
      </c>
      <c r="C2249">
        <v>3</v>
      </c>
      <c r="D2249" t="s">
        <v>12</v>
      </c>
      <c r="E2249">
        <v>0.53</v>
      </c>
      <c r="F2249">
        <v>1.3</v>
      </c>
      <c r="G2249">
        <v>0.62</v>
      </c>
    </row>
    <row r="2250" spans="1:7" x14ac:dyDescent="0.25">
      <c r="A2250" t="s">
        <v>11</v>
      </c>
      <c r="B2250">
        <v>89434</v>
      </c>
      <c r="C2250">
        <v>5</v>
      </c>
      <c r="D2250" t="s">
        <v>10</v>
      </c>
      <c r="E2250">
        <v>0.82</v>
      </c>
      <c r="F2250">
        <v>0.51</v>
      </c>
      <c r="G2250">
        <v>0.84</v>
      </c>
    </row>
    <row r="2251" spans="1:7" x14ac:dyDescent="0.25">
      <c r="A2251" t="s">
        <v>29</v>
      </c>
      <c r="B2251">
        <v>73159</v>
      </c>
      <c r="C2251">
        <v>20</v>
      </c>
      <c r="D2251" t="s">
        <v>24</v>
      </c>
      <c r="E2251">
        <v>0.02</v>
      </c>
      <c r="F2251">
        <v>0.56000000000000005</v>
      </c>
      <c r="G2251">
        <v>0.08</v>
      </c>
    </row>
    <row r="2252" spans="1:7" x14ac:dyDescent="0.25">
      <c r="A2252" t="s">
        <v>22</v>
      </c>
      <c r="B2252">
        <v>103298</v>
      </c>
      <c r="C2252">
        <v>14</v>
      </c>
      <c r="D2252" t="s">
        <v>8</v>
      </c>
      <c r="E2252">
        <v>0.14000000000000001</v>
      </c>
      <c r="F2252">
        <v>1.36</v>
      </c>
      <c r="G2252">
        <v>0.5</v>
      </c>
    </row>
    <row r="2253" spans="1:7" x14ac:dyDescent="0.25">
      <c r="A2253" t="s">
        <v>17</v>
      </c>
      <c r="B2253">
        <v>65357</v>
      </c>
      <c r="C2253">
        <v>3</v>
      </c>
      <c r="D2253" t="s">
        <v>24</v>
      </c>
      <c r="E2253">
        <v>0.01</v>
      </c>
      <c r="F2253">
        <v>0.91</v>
      </c>
      <c r="G2253">
        <v>0.11</v>
      </c>
    </row>
    <row r="2254" spans="1:7" x14ac:dyDescent="0.25">
      <c r="A2254" t="s">
        <v>17</v>
      </c>
      <c r="B2254">
        <v>86735</v>
      </c>
      <c r="C2254">
        <v>6</v>
      </c>
      <c r="D2254" t="s">
        <v>12</v>
      </c>
      <c r="E2254">
        <v>7.0000000000000007E-2</v>
      </c>
      <c r="F2254">
        <v>1.33</v>
      </c>
      <c r="G2254">
        <v>0.09</v>
      </c>
    </row>
    <row r="2255" spans="1:7" x14ac:dyDescent="0.25">
      <c r="A2255" t="s">
        <v>21</v>
      </c>
      <c r="B2255">
        <v>131977</v>
      </c>
      <c r="C2255">
        <v>0</v>
      </c>
      <c r="D2255" t="s">
        <v>8</v>
      </c>
      <c r="E2255">
        <v>0.02</v>
      </c>
      <c r="F2255">
        <v>1.27</v>
      </c>
      <c r="G2255">
        <v>0.4</v>
      </c>
    </row>
    <row r="2256" spans="1:7" x14ac:dyDescent="0.25">
      <c r="A2256" t="s">
        <v>29</v>
      </c>
      <c r="B2256">
        <v>79684</v>
      </c>
      <c r="C2256">
        <v>7</v>
      </c>
      <c r="D2256" t="s">
        <v>8</v>
      </c>
      <c r="E2256">
        <v>0.43</v>
      </c>
      <c r="F2256">
        <v>0.67</v>
      </c>
      <c r="G2256">
        <v>0.3</v>
      </c>
    </row>
    <row r="2257" spans="1:7" x14ac:dyDescent="0.25">
      <c r="A2257" t="s">
        <v>9</v>
      </c>
      <c r="B2257">
        <v>90273</v>
      </c>
      <c r="C2257">
        <v>25</v>
      </c>
      <c r="D2257" t="s">
        <v>24</v>
      </c>
      <c r="E2257">
        <v>0.38</v>
      </c>
      <c r="F2257">
        <v>0.69</v>
      </c>
      <c r="G2257">
        <v>0.17</v>
      </c>
    </row>
    <row r="2258" spans="1:7" x14ac:dyDescent="0.25">
      <c r="A2258" t="s">
        <v>19</v>
      </c>
      <c r="B2258">
        <v>85547</v>
      </c>
      <c r="C2258">
        <v>1</v>
      </c>
      <c r="D2258" t="s">
        <v>10</v>
      </c>
      <c r="E2258">
        <v>0.01</v>
      </c>
      <c r="F2258">
        <v>0.72</v>
      </c>
      <c r="G2258">
        <v>0.88</v>
      </c>
    </row>
    <row r="2259" spans="1:7" x14ac:dyDescent="0.25">
      <c r="A2259" t="s">
        <v>21</v>
      </c>
      <c r="B2259">
        <v>117429</v>
      </c>
      <c r="C2259">
        <v>26</v>
      </c>
      <c r="D2259" t="s">
        <v>10</v>
      </c>
      <c r="E2259">
        <v>0.63</v>
      </c>
      <c r="F2259">
        <v>0.72</v>
      </c>
      <c r="G2259">
        <v>0.4</v>
      </c>
    </row>
    <row r="2260" spans="1:7" x14ac:dyDescent="0.25">
      <c r="A2260" t="s">
        <v>9</v>
      </c>
      <c r="B2260">
        <v>40208</v>
      </c>
      <c r="C2260">
        <v>23</v>
      </c>
      <c r="D2260" t="s">
        <v>24</v>
      </c>
      <c r="E2260">
        <v>0.01</v>
      </c>
      <c r="F2260">
        <v>1.2</v>
      </c>
      <c r="G2260">
        <v>0.11</v>
      </c>
    </row>
    <row r="2261" spans="1:7" x14ac:dyDescent="0.25">
      <c r="A2261" t="s">
        <v>11</v>
      </c>
      <c r="B2261">
        <v>74056</v>
      </c>
      <c r="C2261">
        <v>23</v>
      </c>
      <c r="D2261" t="s">
        <v>24</v>
      </c>
      <c r="E2261">
        <v>0.39</v>
      </c>
      <c r="F2261">
        <v>0.6</v>
      </c>
      <c r="G2261">
        <v>0.78</v>
      </c>
    </row>
    <row r="2262" spans="1:7" x14ac:dyDescent="0.25">
      <c r="A2262" t="s">
        <v>15</v>
      </c>
      <c r="B2262">
        <v>53553</v>
      </c>
      <c r="C2262">
        <v>8</v>
      </c>
      <c r="D2262" t="s">
        <v>24</v>
      </c>
      <c r="E2262">
        <v>0.67</v>
      </c>
      <c r="F2262">
        <v>1.08</v>
      </c>
      <c r="G2262">
        <v>0.28000000000000003</v>
      </c>
    </row>
    <row r="2263" spans="1:7" x14ac:dyDescent="0.25">
      <c r="A2263" t="s">
        <v>25</v>
      </c>
      <c r="B2263">
        <v>54287</v>
      </c>
      <c r="C2263">
        <v>4</v>
      </c>
      <c r="D2263" t="s">
        <v>12</v>
      </c>
      <c r="E2263">
        <v>0.3</v>
      </c>
      <c r="F2263">
        <v>0.56999999999999995</v>
      </c>
      <c r="G2263">
        <v>0.95</v>
      </c>
    </row>
    <row r="2264" spans="1:7" x14ac:dyDescent="0.25">
      <c r="A2264" t="s">
        <v>18</v>
      </c>
      <c r="B2264">
        <v>48803</v>
      </c>
      <c r="C2264">
        <v>27</v>
      </c>
      <c r="D2264" t="s">
        <v>10</v>
      </c>
      <c r="E2264">
        <v>0.52</v>
      </c>
      <c r="F2264">
        <v>1.07</v>
      </c>
      <c r="G2264">
        <v>0.3</v>
      </c>
    </row>
    <row r="2265" spans="1:7" x14ac:dyDescent="0.25">
      <c r="A2265" t="s">
        <v>17</v>
      </c>
      <c r="B2265">
        <v>113192</v>
      </c>
      <c r="C2265">
        <v>28</v>
      </c>
      <c r="D2265" t="s">
        <v>12</v>
      </c>
      <c r="E2265">
        <v>0.83</v>
      </c>
      <c r="F2265">
        <v>0.74</v>
      </c>
      <c r="G2265">
        <v>0.28000000000000003</v>
      </c>
    </row>
    <row r="2266" spans="1:7" x14ac:dyDescent="0.25">
      <c r="A2266" t="s">
        <v>17</v>
      </c>
      <c r="B2266">
        <v>128740</v>
      </c>
      <c r="C2266">
        <v>9</v>
      </c>
      <c r="D2266" t="s">
        <v>24</v>
      </c>
      <c r="E2266">
        <v>0.23</v>
      </c>
      <c r="F2266">
        <v>0.63</v>
      </c>
      <c r="G2266">
        <v>0.27</v>
      </c>
    </row>
    <row r="2267" spans="1:7" x14ac:dyDescent="0.25">
      <c r="A2267" t="s">
        <v>16</v>
      </c>
      <c r="B2267">
        <v>38996</v>
      </c>
      <c r="C2267">
        <v>20</v>
      </c>
      <c r="D2267" t="s">
        <v>8</v>
      </c>
      <c r="E2267">
        <v>0.2</v>
      </c>
      <c r="F2267">
        <v>1.05</v>
      </c>
      <c r="G2267">
        <v>0.52</v>
      </c>
    </row>
    <row r="2268" spans="1:7" x14ac:dyDescent="0.25">
      <c r="A2268" t="s">
        <v>23</v>
      </c>
      <c r="B2268">
        <v>79210</v>
      </c>
      <c r="C2268">
        <v>8</v>
      </c>
      <c r="D2268" t="s">
        <v>12</v>
      </c>
      <c r="E2268">
        <v>0.68</v>
      </c>
      <c r="F2268">
        <v>1.03</v>
      </c>
      <c r="G2268">
        <v>0.67</v>
      </c>
    </row>
    <row r="2269" spans="1:7" x14ac:dyDescent="0.25">
      <c r="A2269" t="s">
        <v>29</v>
      </c>
      <c r="B2269">
        <v>134439</v>
      </c>
      <c r="C2269">
        <v>13</v>
      </c>
      <c r="D2269" t="s">
        <v>24</v>
      </c>
      <c r="E2269">
        <v>0.09</v>
      </c>
      <c r="F2269">
        <v>1.1399999999999999</v>
      </c>
      <c r="G2269">
        <v>0.2</v>
      </c>
    </row>
    <row r="2270" spans="1:7" x14ac:dyDescent="0.25">
      <c r="A2270" t="s">
        <v>16</v>
      </c>
      <c r="B2270">
        <v>41135</v>
      </c>
      <c r="C2270">
        <v>22</v>
      </c>
      <c r="D2270" t="s">
        <v>24</v>
      </c>
      <c r="E2270">
        <v>0.01</v>
      </c>
      <c r="F2270">
        <v>1.1000000000000001</v>
      </c>
      <c r="G2270">
        <v>0.56000000000000005</v>
      </c>
    </row>
    <row r="2271" spans="1:7" x14ac:dyDescent="0.25">
      <c r="A2271" t="s">
        <v>23</v>
      </c>
      <c r="B2271">
        <v>110709</v>
      </c>
      <c r="C2271">
        <v>6</v>
      </c>
      <c r="D2271" t="s">
        <v>12</v>
      </c>
      <c r="E2271">
        <v>0.96</v>
      </c>
      <c r="F2271">
        <v>1.44</v>
      </c>
      <c r="G2271">
        <v>0.68</v>
      </c>
    </row>
    <row r="2272" spans="1:7" x14ac:dyDescent="0.25">
      <c r="A2272" t="s">
        <v>20</v>
      </c>
      <c r="B2272">
        <v>78416</v>
      </c>
      <c r="C2272">
        <v>13</v>
      </c>
      <c r="D2272" t="s">
        <v>24</v>
      </c>
      <c r="E2272">
        <v>0.18</v>
      </c>
      <c r="F2272">
        <v>0.96</v>
      </c>
      <c r="G2272">
        <v>0.48</v>
      </c>
    </row>
    <row r="2273" spans="1:7" x14ac:dyDescent="0.25">
      <c r="A2273" t="s">
        <v>15</v>
      </c>
      <c r="B2273">
        <v>57309</v>
      </c>
      <c r="C2273">
        <v>7</v>
      </c>
      <c r="D2273" t="s">
        <v>24</v>
      </c>
      <c r="E2273">
        <v>0.23</v>
      </c>
      <c r="F2273">
        <v>1.45</v>
      </c>
      <c r="G2273">
        <v>0.09</v>
      </c>
    </row>
    <row r="2274" spans="1:7" x14ac:dyDescent="0.25">
      <c r="A2274" t="s">
        <v>15</v>
      </c>
      <c r="B2274">
        <v>67542</v>
      </c>
      <c r="C2274">
        <v>17</v>
      </c>
      <c r="D2274" t="s">
        <v>10</v>
      </c>
      <c r="E2274">
        <v>0.98</v>
      </c>
      <c r="F2274">
        <v>1.34</v>
      </c>
      <c r="G2274">
        <v>0.16</v>
      </c>
    </row>
    <row r="2275" spans="1:7" x14ac:dyDescent="0.25">
      <c r="A2275" t="s">
        <v>21</v>
      </c>
      <c r="B2275">
        <v>50723</v>
      </c>
      <c r="C2275">
        <v>7</v>
      </c>
      <c r="D2275" t="s">
        <v>24</v>
      </c>
      <c r="E2275">
        <v>0.44</v>
      </c>
      <c r="F2275">
        <v>1.45</v>
      </c>
      <c r="G2275">
        <v>0.52</v>
      </c>
    </row>
    <row r="2276" spans="1:7" x14ac:dyDescent="0.25">
      <c r="A2276" t="s">
        <v>14</v>
      </c>
      <c r="B2276">
        <v>62081</v>
      </c>
      <c r="C2276">
        <v>26</v>
      </c>
      <c r="D2276" t="s">
        <v>10</v>
      </c>
      <c r="E2276">
        <v>0.05</v>
      </c>
      <c r="F2276">
        <v>0.57999999999999996</v>
      </c>
      <c r="G2276">
        <v>0.57999999999999996</v>
      </c>
    </row>
    <row r="2277" spans="1:7" x14ac:dyDescent="0.25">
      <c r="A2277" t="s">
        <v>21</v>
      </c>
      <c r="B2277">
        <v>129443</v>
      </c>
      <c r="C2277">
        <v>7</v>
      </c>
      <c r="D2277" t="s">
        <v>10</v>
      </c>
      <c r="E2277">
        <v>0.3</v>
      </c>
      <c r="F2277">
        <v>0.53</v>
      </c>
      <c r="G2277">
        <v>0.61</v>
      </c>
    </row>
    <row r="2278" spans="1:7" x14ac:dyDescent="0.25">
      <c r="A2278" t="s">
        <v>22</v>
      </c>
      <c r="B2278">
        <v>55482</v>
      </c>
      <c r="C2278">
        <v>13</v>
      </c>
      <c r="D2278" t="s">
        <v>12</v>
      </c>
      <c r="E2278">
        <v>0.3</v>
      </c>
      <c r="F2278">
        <v>0.77</v>
      </c>
      <c r="G2278">
        <v>0.56000000000000005</v>
      </c>
    </row>
    <row r="2279" spans="1:7" x14ac:dyDescent="0.25">
      <c r="A2279" t="s">
        <v>23</v>
      </c>
      <c r="B2279">
        <v>103933</v>
      </c>
      <c r="C2279">
        <v>8</v>
      </c>
      <c r="D2279" t="s">
        <v>10</v>
      </c>
      <c r="E2279">
        <v>0.51</v>
      </c>
      <c r="F2279">
        <v>1.18</v>
      </c>
      <c r="G2279">
        <v>0.47</v>
      </c>
    </row>
    <row r="2280" spans="1:7" x14ac:dyDescent="0.25">
      <c r="A2280" t="s">
        <v>20</v>
      </c>
      <c r="B2280">
        <v>43997</v>
      </c>
      <c r="C2280">
        <v>29</v>
      </c>
      <c r="D2280" t="s">
        <v>10</v>
      </c>
      <c r="E2280">
        <v>0.34</v>
      </c>
      <c r="F2280">
        <v>0.63</v>
      </c>
      <c r="G2280">
        <v>0.55000000000000004</v>
      </c>
    </row>
    <row r="2281" spans="1:7" x14ac:dyDescent="0.25">
      <c r="A2281" t="s">
        <v>21</v>
      </c>
      <c r="B2281">
        <v>66258</v>
      </c>
      <c r="C2281">
        <v>11</v>
      </c>
      <c r="D2281" t="s">
        <v>10</v>
      </c>
      <c r="E2281">
        <v>0.43</v>
      </c>
      <c r="F2281">
        <v>0.72</v>
      </c>
      <c r="G2281">
        <v>0.47</v>
      </c>
    </row>
    <row r="2282" spans="1:7" x14ac:dyDescent="0.25">
      <c r="A2282" t="s">
        <v>28</v>
      </c>
      <c r="B2282">
        <v>132495</v>
      </c>
      <c r="C2282">
        <v>23</v>
      </c>
      <c r="D2282" t="s">
        <v>10</v>
      </c>
      <c r="E2282">
        <v>0.92</v>
      </c>
      <c r="F2282">
        <v>1.2</v>
      </c>
      <c r="G2282">
        <v>0.55000000000000004</v>
      </c>
    </row>
    <row r="2283" spans="1:7" x14ac:dyDescent="0.25">
      <c r="A2283" t="s">
        <v>22</v>
      </c>
      <c r="B2283">
        <v>135071</v>
      </c>
      <c r="C2283">
        <v>26</v>
      </c>
      <c r="D2283" t="s">
        <v>12</v>
      </c>
      <c r="E2283">
        <v>0.86</v>
      </c>
      <c r="F2283">
        <v>0.91</v>
      </c>
      <c r="G2283">
        <v>0.49</v>
      </c>
    </row>
    <row r="2284" spans="1:7" x14ac:dyDescent="0.25">
      <c r="A2284" t="s">
        <v>30</v>
      </c>
      <c r="B2284">
        <v>50954</v>
      </c>
      <c r="C2284">
        <v>29</v>
      </c>
      <c r="D2284" t="s">
        <v>24</v>
      </c>
      <c r="E2284">
        <v>0.49</v>
      </c>
      <c r="F2284">
        <v>0.51</v>
      </c>
      <c r="G2284">
        <v>0.56999999999999995</v>
      </c>
    </row>
    <row r="2285" spans="1:7" x14ac:dyDescent="0.25">
      <c r="A2285" t="s">
        <v>7</v>
      </c>
      <c r="B2285">
        <v>45590</v>
      </c>
      <c r="C2285">
        <v>11</v>
      </c>
      <c r="D2285" t="s">
        <v>10</v>
      </c>
      <c r="E2285">
        <v>0.11</v>
      </c>
      <c r="F2285">
        <v>1.06</v>
      </c>
      <c r="G2285">
        <v>0.82</v>
      </c>
    </row>
    <row r="2286" spans="1:7" x14ac:dyDescent="0.25">
      <c r="A2286" t="s">
        <v>18</v>
      </c>
      <c r="B2286">
        <v>118035</v>
      </c>
      <c r="C2286">
        <v>16</v>
      </c>
      <c r="D2286" t="s">
        <v>24</v>
      </c>
      <c r="E2286">
        <v>0.78</v>
      </c>
      <c r="F2286">
        <v>0.69</v>
      </c>
      <c r="G2286">
        <v>0.57999999999999996</v>
      </c>
    </row>
    <row r="2287" spans="1:7" x14ac:dyDescent="0.25">
      <c r="A2287" t="s">
        <v>27</v>
      </c>
      <c r="B2287">
        <v>147488</v>
      </c>
      <c r="C2287">
        <v>2</v>
      </c>
      <c r="D2287" t="s">
        <v>24</v>
      </c>
      <c r="E2287">
        <v>0.52</v>
      </c>
      <c r="F2287">
        <v>1.45</v>
      </c>
      <c r="G2287">
        <v>0.82</v>
      </c>
    </row>
    <row r="2288" spans="1:7" x14ac:dyDescent="0.25">
      <c r="A2288" t="s">
        <v>18</v>
      </c>
      <c r="B2288">
        <v>111506</v>
      </c>
      <c r="C2288">
        <v>23</v>
      </c>
      <c r="D2288" t="s">
        <v>24</v>
      </c>
      <c r="E2288">
        <v>0.52</v>
      </c>
      <c r="F2288">
        <v>0.8</v>
      </c>
      <c r="G2288">
        <v>0.59</v>
      </c>
    </row>
    <row r="2289" spans="1:7" x14ac:dyDescent="0.25">
      <c r="A2289" t="s">
        <v>30</v>
      </c>
      <c r="B2289">
        <v>104644</v>
      </c>
      <c r="C2289">
        <v>7</v>
      </c>
      <c r="D2289" t="s">
        <v>8</v>
      </c>
      <c r="E2289">
        <v>0.86</v>
      </c>
      <c r="F2289">
        <v>0.5</v>
      </c>
      <c r="G2289">
        <v>0.54</v>
      </c>
    </row>
    <row r="2290" spans="1:7" x14ac:dyDescent="0.25">
      <c r="A2290" t="s">
        <v>25</v>
      </c>
      <c r="B2290">
        <v>85197</v>
      </c>
      <c r="C2290">
        <v>4</v>
      </c>
      <c r="D2290" t="s">
        <v>8</v>
      </c>
      <c r="E2290">
        <v>0.02</v>
      </c>
      <c r="F2290">
        <v>1.34</v>
      </c>
      <c r="G2290">
        <v>0.94</v>
      </c>
    </row>
    <row r="2291" spans="1:7" x14ac:dyDescent="0.25">
      <c r="A2291" t="s">
        <v>28</v>
      </c>
      <c r="B2291">
        <v>145435</v>
      </c>
      <c r="C2291">
        <v>22</v>
      </c>
      <c r="D2291" t="s">
        <v>10</v>
      </c>
      <c r="E2291">
        <v>0.87</v>
      </c>
      <c r="F2291">
        <v>1.33</v>
      </c>
      <c r="G2291">
        <v>0.61</v>
      </c>
    </row>
    <row r="2292" spans="1:7" x14ac:dyDescent="0.25">
      <c r="A2292" t="s">
        <v>20</v>
      </c>
      <c r="B2292">
        <v>31113</v>
      </c>
      <c r="C2292">
        <v>3</v>
      </c>
      <c r="D2292" t="s">
        <v>12</v>
      </c>
      <c r="E2292">
        <v>0.62</v>
      </c>
      <c r="F2292">
        <v>1.47</v>
      </c>
      <c r="G2292">
        <v>0.42</v>
      </c>
    </row>
    <row r="2293" spans="1:7" x14ac:dyDescent="0.25">
      <c r="A2293" t="s">
        <v>25</v>
      </c>
      <c r="B2293">
        <v>119374</v>
      </c>
      <c r="C2293">
        <v>27</v>
      </c>
      <c r="D2293" t="s">
        <v>24</v>
      </c>
      <c r="E2293">
        <v>0.47</v>
      </c>
      <c r="F2293">
        <v>0.8</v>
      </c>
      <c r="G2293">
        <v>0.88</v>
      </c>
    </row>
    <row r="2294" spans="1:7" x14ac:dyDescent="0.25">
      <c r="A2294" t="s">
        <v>25</v>
      </c>
      <c r="B2294">
        <v>105450</v>
      </c>
      <c r="C2294">
        <v>27</v>
      </c>
      <c r="D2294" t="s">
        <v>10</v>
      </c>
      <c r="E2294">
        <v>0.61</v>
      </c>
      <c r="F2294">
        <v>1.3</v>
      </c>
      <c r="G2294">
        <v>0.95</v>
      </c>
    </row>
    <row r="2295" spans="1:7" x14ac:dyDescent="0.25">
      <c r="A2295" t="s">
        <v>9</v>
      </c>
      <c r="B2295">
        <v>113453</v>
      </c>
      <c r="C2295">
        <v>18</v>
      </c>
      <c r="D2295" t="s">
        <v>10</v>
      </c>
      <c r="E2295">
        <v>0.42</v>
      </c>
      <c r="F2295">
        <v>0.85</v>
      </c>
      <c r="G2295">
        <v>7.0000000000000007E-2</v>
      </c>
    </row>
    <row r="2296" spans="1:7" x14ac:dyDescent="0.25">
      <c r="A2296" t="s">
        <v>16</v>
      </c>
      <c r="B2296">
        <v>62656</v>
      </c>
      <c r="C2296">
        <v>1</v>
      </c>
      <c r="D2296" t="s">
        <v>12</v>
      </c>
      <c r="E2296">
        <v>0.73</v>
      </c>
      <c r="F2296">
        <v>1.02</v>
      </c>
      <c r="G2296">
        <v>0.62</v>
      </c>
    </row>
    <row r="2297" spans="1:7" x14ac:dyDescent="0.25">
      <c r="A2297" t="s">
        <v>25</v>
      </c>
      <c r="B2297">
        <v>50823</v>
      </c>
      <c r="C2297">
        <v>4</v>
      </c>
      <c r="D2297" t="s">
        <v>10</v>
      </c>
      <c r="E2297">
        <v>0.31</v>
      </c>
      <c r="F2297">
        <v>1.1499999999999999</v>
      </c>
      <c r="G2297">
        <v>0.84</v>
      </c>
    </row>
    <row r="2298" spans="1:7" x14ac:dyDescent="0.25">
      <c r="A2298" t="s">
        <v>7</v>
      </c>
      <c r="B2298">
        <v>52879</v>
      </c>
      <c r="C2298">
        <v>25</v>
      </c>
      <c r="D2298" t="s">
        <v>10</v>
      </c>
      <c r="E2298">
        <v>0.38</v>
      </c>
      <c r="F2298">
        <v>0.71</v>
      </c>
      <c r="G2298">
        <v>0.82</v>
      </c>
    </row>
    <row r="2299" spans="1:7" x14ac:dyDescent="0.25">
      <c r="A2299" t="s">
        <v>17</v>
      </c>
      <c r="B2299">
        <v>132132</v>
      </c>
      <c r="C2299">
        <v>29</v>
      </c>
      <c r="D2299" t="s">
        <v>10</v>
      </c>
      <c r="E2299">
        <v>0.28999999999999998</v>
      </c>
      <c r="F2299">
        <v>1.4</v>
      </c>
      <c r="G2299">
        <v>0.09</v>
      </c>
    </row>
    <row r="2300" spans="1:7" x14ac:dyDescent="0.25">
      <c r="A2300" t="s">
        <v>9</v>
      </c>
      <c r="B2300">
        <v>32693</v>
      </c>
      <c r="C2300">
        <v>27</v>
      </c>
      <c r="D2300" t="s">
        <v>24</v>
      </c>
      <c r="E2300">
        <v>0.14000000000000001</v>
      </c>
      <c r="F2300">
        <v>1.25</v>
      </c>
      <c r="G2300">
        <v>0.13</v>
      </c>
    </row>
    <row r="2301" spans="1:7" x14ac:dyDescent="0.25">
      <c r="A2301" t="s">
        <v>26</v>
      </c>
      <c r="B2301">
        <v>69812</v>
      </c>
      <c r="C2301">
        <v>26</v>
      </c>
      <c r="D2301" t="s">
        <v>10</v>
      </c>
      <c r="E2301">
        <v>0.67</v>
      </c>
      <c r="F2301">
        <v>0.51</v>
      </c>
      <c r="G2301">
        <v>0.27</v>
      </c>
    </row>
    <row r="2302" spans="1:7" x14ac:dyDescent="0.25">
      <c r="A2302" t="s">
        <v>29</v>
      </c>
      <c r="B2302">
        <v>58353</v>
      </c>
      <c r="C2302">
        <v>24</v>
      </c>
      <c r="D2302" t="s">
        <v>10</v>
      </c>
      <c r="E2302">
        <v>0.45</v>
      </c>
      <c r="F2302">
        <v>1.1200000000000001</v>
      </c>
      <c r="G2302">
        <v>0.2</v>
      </c>
    </row>
    <row r="2303" spans="1:7" x14ac:dyDescent="0.25">
      <c r="A2303" t="s">
        <v>11</v>
      </c>
      <c r="B2303">
        <v>103969</v>
      </c>
      <c r="C2303">
        <v>16</v>
      </c>
      <c r="D2303" t="s">
        <v>10</v>
      </c>
      <c r="E2303">
        <v>0.94</v>
      </c>
      <c r="F2303">
        <v>1.18</v>
      </c>
      <c r="G2303">
        <v>0.94</v>
      </c>
    </row>
    <row r="2304" spans="1:7" x14ac:dyDescent="0.25">
      <c r="A2304" t="s">
        <v>20</v>
      </c>
      <c r="B2304">
        <v>34110</v>
      </c>
      <c r="C2304">
        <v>14</v>
      </c>
      <c r="D2304" t="s">
        <v>24</v>
      </c>
      <c r="E2304">
        <v>0.65</v>
      </c>
      <c r="F2304">
        <v>1.48</v>
      </c>
      <c r="G2304">
        <v>0.54</v>
      </c>
    </row>
    <row r="2305" spans="1:7" x14ac:dyDescent="0.25">
      <c r="A2305" t="s">
        <v>25</v>
      </c>
      <c r="B2305">
        <v>73105</v>
      </c>
      <c r="C2305">
        <v>23</v>
      </c>
      <c r="D2305" t="s">
        <v>10</v>
      </c>
      <c r="E2305">
        <v>0.53</v>
      </c>
      <c r="F2305">
        <v>0.91</v>
      </c>
      <c r="G2305">
        <v>0.86</v>
      </c>
    </row>
    <row r="2306" spans="1:7" x14ac:dyDescent="0.25">
      <c r="A2306" t="s">
        <v>7</v>
      </c>
      <c r="B2306">
        <v>147323</v>
      </c>
      <c r="C2306">
        <v>9</v>
      </c>
      <c r="D2306" t="s">
        <v>8</v>
      </c>
      <c r="E2306">
        <v>0.62</v>
      </c>
      <c r="F2306">
        <v>0.67</v>
      </c>
      <c r="G2306">
        <v>0.77</v>
      </c>
    </row>
    <row r="2307" spans="1:7" x14ac:dyDescent="0.25">
      <c r="A2307" t="s">
        <v>13</v>
      </c>
      <c r="B2307">
        <v>97720</v>
      </c>
      <c r="C2307">
        <v>13</v>
      </c>
      <c r="D2307" t="s">
        <v>8</v>
      </c>
      <c r="E2307">
        <v>0.27</v>
      </c>
      <c r="F2307">
        <v>0.72</v>
      </c>
      <c r="G2307">
        <v>0.44</v>
      </c>
    </row>
    <row r="2308" spans="1:7" x14ac:dyDescent="0.25">
      <c r="A2308" t="s">
        <v>14</v>
      </c>
      <c r="B2308">
        <v>30877</v>
      </c>
      <c r="C2308">
        <v>20</v>
      </c>
      <c r="D2308" t="s">
        <v>12</v>
      </c>
      <c r="E2308">
        <v>0.05</v>
      </c>
      <c r="F2308">
        <v>0.61</v>
      </c>
      <c r="G2308">
        <v>0.48</v>
      </c>
    </row>
    <row r="2309" spans="1:7" x14ac:dyDescent="0.25">
      <c r="A2309" t="s">
        <v>15</v>
      </c>
      <c r="B2309">
        <v>38499</v>
      </c>
      <c r="C2309">
        <v>9</v>
      </c>
      <c r="D2309" t="s">
        <v>8</v>
      </c>
      <c r="E2309">
        <v>0.47</v>
      </c>
      <c r="F2309">
        <v>0.82</v>
      </c>
      <c r="G2309">
        <v>0.15</v>
      </c>
    </row>
    <row r="2310" spans="1:7" x14ac:dyDescent="0.25">
      <c r="A2310" t="s">
        <v>13</v>
      </c>
      <c r="B2310">
        <v>135634</v>
      </c>
      <c r="C2310">
        <v>0</v>
      </c>
      <c r="D2310" t="s">
        <v>12</v>
      </c>
      <c r="E2310">
        <v>0.24</v>
      </c>
      <c r="F2310">
        <v>1.28</v>
      </c>
      <c r="G2310">
        <v>0.66</v>
      </c>
    </row>
    <row r="2311" spans="1:7" x14ac:dyDescent="0.25">
      <c r="A2311" t="s">
        <v>17</v>
      </c>
      <c r="B2311">
        <v>88843</v>
      </c>
      <c r="C2311">
        <v>24</v>
      </c>
      <c r="D2311" t="s">
        <v>10</v>
      </c>
      <c r="E2311">
        <v>0.06</v>
      </c>
      <c r="F2311">
        <v>1.37</v>
      </c>
      <c r="G2311">
        <v>0.13</v>
      </c>
    </row>
    <row r="2312" spans="1:7" x14ac:dyDescent="0.25">
      <c r="A2312" t="s">
        <v>29</v>
      </c>
      <c r="B2312">
        <v>68966</v>
      </c>
      <c r="C2312">
        <v>22</v>
      </c>
      <c r="D2312" t="s">
        <v>24</v>
      </c>
      <c r="E2312">
        <v>0.79</v>
      </c>
      <c r="F2312">
        <v>1.1299999999999999</v>
      </c>
      <c r="G2312">
        <v>0.15</v>
      </c>
    </row>
    <row r="2313" spans="1:7" x14ac:dyDescent="0.25">
      <c r="A2313" t="s">
        <v>23</v>
      </c>
      <c r="B2313">
        <v>95490</v>
      </c>
      <c r="C2313">
        <v>17</v>
      </c>
      <c r="D2313" t="s">
        <v>12</v>
      </c>
      <c r="E2313">
        <v>0.09</v>
      </c>
      <c r="F2313">
        <v>0.96</v>
      </c>
      <c r="G2313">
        <v>0.7</v>
      </c>
    </row>
    <row r="2314" spans="1:7" x14ac:dyDescent="0.25">
      <c r="A2314" t="s">
        <v>23</v>
      </c>
      <c r="B2314">
        <v>101786</v>
      </c>
      <c r="C2314">
        <v>2</v>
      </c>
      <c r="D2314" t="s">
        <v>10</v>
      </c>
      <c r="E2314">
        <v>0.21</v>
      </c>
      <c r="F2314">
        <v>1.2</v>
      </c>
      <c r="G2314">
        <v>0.52</v>
      </c>
    </row>
    <row r="2315" spans="1:7" x14ac:dyDescent="0.25">
      <c r="A2315" t="s">
        <v>9</v>
      </c>
      <c r="B2315">
        <v>41808</v>
      </c>
      <c r="C2315">
        <v>24</v>
      </c>
      <c r="D2315" t="s">
        <v>24</v>
      </c>
      <c r="E2315">
        <v>0.7</v>
      </c>
      <c r="F2315">
        <v>0.78</v>
      </c>
      <c r="G2315">
        <v>0.3</v>
      </c>
    </row>
    <row r="2316" spans="1:7" x14ac:dyDescent="0.25">
      <c r="A2316" t="s">
        <v>13</v>
      </c>
      <c r="B2316">
        <v>44903</v>
      </c>
      <c r="C2316">
        <v>18</v>
      </c>
      <c r="D2316" t="s">
        <v>8</v>
      </c>
      <c r="E2316">
        <v>0.38</v>
      </c>
      <c r="F2316">
        <v>0.52</v>
      </c>
      <c r="G2316">
        <v>0.3</v>
      </c>
    </row>
    <row r="2317" spans="1:7" x14ac:dyDescent="0.25">
      <c r="A2317" t="s">
        <v>20</v>
      </c>
      <c r="B2317">
        <v>93615</v>
      </c>
      <c r="C2317">
        <v>16</v>
      </c>
      <c r="D2317" t="s">
        <v>12</v>
      </c>
      <c r="E2317">
        <v>0.01</v>
      </c>
      <c r="F2317">
        <v>0.98</v>
      </c>
      <c r="G2317">
        <v>0.35</v>
      </c>
    </row>
    <row r="2318" spans="1:7" x14ac:dyDescent="0.25">
      <c r="A2318" t="s">
        <v>15</v>
      </c>
      <c r="B2318">
        <v>81141</v>
      </c>
      <c r="C2318">
        <v>10</v>
      </c>
      <c r="D2318" t="s">
        <v>24</v>
      </c>
      <c r="E2318">
        <v>0.13</v>
      </c>
      <c r="F2318">
        <v>0.67</v>
      </c>
      <c r="G2318">
        <v>0.27</v>
      </c>
    </row>
    <row r="2319" spans="1:7" x14ac:dyDescent="0.25">
      <c r="A2319" t="s">
        <v>27</v>
      </c>
      <c r="B2319">
        <v>126705</v>
      </c>
      <c r="C2319">
        <v>27</v>
      </c>
      <c r="D2319" t="s">
        <v>8</v>
      </c>
      <c r="E2319">
        <v>0.67</v>
      </c>
      <c r="F2319">
        <v>0.66</v>
      </c>
      <c r="G2319">
        <v>0.76</v>
      </c>
    </row>
    <row r="2320" spans="1:7" x14ac:dyDescent="0.25">
      <c r="A2320" t="s">
        <v>19</v>
      </c>
      <c r="B2320">
        <v>57254</v>
      </c>
      <c r="C2320">
        <v>8</v>
      </c>
      <c r="D2320" t="s">
        <v>24</v>
      </c>
      <c r="E2320">
        <v>0.57999999999999996</v>
      </c>
      <c r="F2320">
        <v>0.83</v>
      </c>
      <c r="G2320">
        <v>0.84</v>
      </c>
    </row>
    <row r="2321" spans="1:7" x14ac:dyDescent="0.25">
      <c r="A2321" t="s">
        <v>16</v>
      </c>
      <c r="B2321">
        <v>126923</v>
      </c>
      <c r="C2321">
        <v>28</v>
      </c>
      <c r="D2321" t="s">
        <v>10</v>
      </c>
      <c r="E2321">
        <v>0.64</v>
      </c>
      <c r="F2321">
        <v>1.08</v>
      </c>
      <c r="G2321">
        <v>0.39</v>
      </c>
    </row>
    <row r="2322" spans="1:7" x14ac:dyDescent="0.25">
      <c r="A2322" t="s">
        <v>27</v>
      </c>
      <c r="B2322">
        <v>71689</v>
      </c>
      <c r="C2322">
        <v>28</v>
      </c>
      <c r="D2322" t="s">
        <v>24</v>
      </c>
      <c r="E2322">
        <v>0.96</v>
      </c>
      <c r="F2322">
        <v>0.56000000000000005</v>
      </c>
      <c r="G2322">
        <v>0.71</v>
      </c>
    </row>
    <row r="2323" spans="1:7" x14ac:dyDescent="0.25">
      <c r="A2323" t="s">
        <v>15</v>
      </c>
      <c r="B2323">
        <v>49546</v>
      </c>
      <c r="C2323">
        <v>5</v>
      </c>
      <c r="D2323" t="s">
        <v>12</v>
      </c>
      <c r="E2323">
        <v>0.22</v>
      </c>
      <c r="F2323">
        <v>0.89</v>
      </c>
      <c r="G2323">
        <v>0.26</v>
      </c>
    </row>
    <row r="2324" spans="1:7" x14ac:dyDescent="0.25">
      <c r="A2324" t="s">
        <v>27</v>
      </c>
      <c r="B2324">
        <v>41398</v>
      </c>
      <c r="C2324">
        <v>22</v>
      </c>
      <c r="D2324" t="s">
        <v>12</v>
      </c>
      <c r="E2324">
        <v>0.32</v>
      </c>
      <c r="F2324">
        <v>0.9</v>
      </c>
      <c r="G2324">
        <v>0.91</v>
      </c>
    </row>
    <row r="2325" spans="1:7" x14ac:dyDescent="0.25">
      <c r="A2325" t="s">
        <v>30</v>
      </c>
      <c r="B2325">
        <v>142301</v>
      </c>
      <c r="C2325">
        <v>27</v>
      </c>
      <c r="D2325" t="s">
        <v>24</v>
      </c>
      <c r="E2325">
        <v>0.46</v>
      </c>
      <c r="F2325">
        <v>1.25</v>
      </c>
      <c r="G2325">
        <v>0.46</v>
      </c>
    </row>
    <row r="2326" spans="1:7" x14ac:dyDescent="0.25">
      <c r="A2326" t="s">
        <v>20</v>
      </c>
      <c r="B2326">
        <v>73042</v>
      </c>
      <c r="C2326">
        <v>28</v>
      </c>
      <c r="D2326" t="s">
        <v>8</v>
      </c>
      <c r="E2326">
        <v>0.41</v>
      </c>
      <c r="F2326">
        <v>0.57999999999999996</v>
      </c>
      <c r="G2326">
        <v>0.55000000000000004</v>
      </c>
    </row>
    <row r="2327" spans="1:7" x14ac:dyDescent="0.25">
      <c r="A2327" t="s">
        <v>16</v>
      </c>
      <c r="B2327">
        <v>110094</v>
      </c>
      <c r="C2327">
        <v>10</v>
      </c>
      <c r="D2327" t="s">
        <v>10</v>
      </c>
      <c r="E2327">
        <v>0.13</v>
      </c>
      <c r="F2327">
        <v>0.74</v>
      </c>
      <c r="G2327">
        <v>0.56999999999999995</v>
      </c>
    </row>
    <row r="2328" spans="1:7" x14ac:dyDescent="0.25">
      <c r="A2328" t="s">
        <v>20</v>
      </c>
      <c r="B2328">
        <v>126155</v>
      </c>
      <c r="C2328">
        <v>9</v>
      </c>
      <c r="D2328" t="s">
        <v>12</v>
      </c>
      <c r="E2328">
        <v>0.41</v>
      </c>
      <c r="F2328">
        <v>0.71</v>
      </c>
      <c r="G2328">
        <v>0.57999999999999996</v>
      </c>
    </row>
    <row r="2329" spans="1:7" x14ac:dyDescent="0.25">
      <c r="A2329" t="s">
        <v>29</v>
      </c>
      <c r="B2329">
        <v>128464</v>
      </c>
      <c r="C2329">
        <v>15</v>
      </c>
      <c r="D2329" t="s">
        <v>8</v>
      </c>
      <c r="E2329">
        <v>0.62</v>
      </c>
      <c r="F2329">
        <v>1.37</v>
      </c>
      <c r="G2329">
        <v>0.22</v>
      </c>
    </row>
    <row r="2330" spans="1:7" x14ac:dyDescent="0.25">
      <c r="A2330" t="s">
        <v>21</v>
      </c>
      <c r="B2330">
        <v>139791</v>
      </c>
      <c r="C2330">
        <v>4</v>
      </c>
      <c r="D2330" t="s">
        <v>10</v>
      </c>
      <c r="E2330">
        <v>0.66</v>
      </c>
      <c r="F2330">
        <v>0.61</v>
      </c>
      <c r="G2330">
        <v>0.66</v>
      </c>
    </row>
    <row r="2331" spans="1:7" x14ac:dyDescent="0.25">
      <c r="A2331" t="s">
        <v>7</v>
      </c>
      <c r="B2331">
        <v>56745</v>
      </c>
      <c r="C2331">
        <v>1</v>
      </c>
      <c r="D2331" t="s">
        <v>10</v>
      </c>
      <c r="E2331">
        <v>0.62</v>
      </c>
      <c r="F2331">
        <v>1.01</v>
      </c>
      <c r="G2331">
        <v>0.78</v>
      </c>
    </row>
    <row r="2332" spans="1:7" x14ac:dyDescent="0.25">
      <c r="A2332" t="s">
        <v>20</v>
      </c>
      <c r="B2332">
        <v>94558</v>
      </c>
      <c r="C2332">
        <v>25</v>
      </c>
      <c r="D2332" t="s">
        <v>12</v>
      </c>
      <c r="E2332">
        <v>0.16</v>
      </c>
      <c r="F2332">
        <v>0.88</v>
      </c>
      <c r="G2332">
        <v>0.49</v>
      </c>
    </row>
    <row r="2333" spans="1:7" x14ac:dyDescent="0.25">
      <c r="A2333" t="s">
        <v>16</v>
      </c>
      <c r="B2333">
        <v>91478</v>
      </c>
      <c r="C2333">
        <v>11</v>
      </c>
      <c r="D2333" t="s">
        <v>8</v>
      </c>
      <c r="E2333">
        <v>0.87</v>
      </c>
      <c r="F2333">
        <v>1.32</v>
      </c>
      <c r="G2333">
        <v>0.41</v>
      </c>
    </row>
    <row r="2334" spans="1:7" x14ac:dyDescent="0.25">
      <c r="A2334" t="s">
        <v>30</v>
      </c>
      <c r="B2334">
        <v>125980</v>
      </c>
      <c r="C2334">
        <v>1</v>
      </c>
      <c r="D2334" t="s">
        <v>12</v>
      </c>
      <c r="E2334">
        <v>0.46</v>
      </c>
      <c r="F2334">
        <v>0.76</v>
      </c>
      <c r="G2334">
        <v>0.54</v>
      </c>
    </row>
    <row r="2335" spans="1:7" x14ac:dyDescent="0.25">
      <c r="A2335" t="s">
        <v>25</v>
      </c>
      <c r="B2335">
        <v>128708</v>
      </c>
      <c r="C2335">
        <v>15</v>
      </c>
      <c r="D2335" t="s">
        <v>10</v>
      </c>
      <c r="E2335">
        <v>0.06</v>
      </c>
      <c r="F2335">
        <v>1.22</v>
      </c>
      <c r="G2335">
        <v>0.86</v>
      </c>
    </row>
    <row r="2336" spans="1:7" x14ac:dyDescent="0.25">
      <c r="A2336" t="s">
        <v>7</v>
      </c>
      <c r="B2336">
        <v>41638</v>
      </c>
      <c r="C2336">
        <v>26</v>
      </c>
      <c r="D2336" t="s">
        <v>12</v>
      </c>
      <c r="E2336">
        <v>0.94</v>
      </c>
      <c r="F2336">
        <v>1.5</v>
      </c>
      <c r="G2336">
        <v>0.81</v>
      </c>
    </row>
    <row r="2337" spans="1:7" x14ac:dyDescent="0.25">
      <c r="A2337" t="s">
        <v>9</v>
      </c>
      <c r="B2337">
        <v>54829</v>
      </c>
      <c r="C2337">
        <v>26</v>
      </c>
      <c r="D2337" t="s">
        <v>10</v>
      </c>
      <c r="E2337">
        <v>0.97</v>
      </c>
      <c r="F2337">
        <v>0.51</v>
      </c>
      <c r="G2337">
        <v>0.28999999999999998</v>
      </c>
    </row>
    <row r="2338" spans="1:7" x14ac:dyDescent="0.25">
      <c r="A2338" t="s">
        <v>23</v>
      </c>
      <c r="B2338">
        <v>50720</v>
      </c>
      <c r="C2338">
        <v>28</v>
      </c>
      <c r="D2338" t="s">
        <v>8</v>
      </c>
      <c r="E2338">
        <v>0.21</v>
      </c>
      <c r="F2338">
        <v>1.17</v>
      </c>
      <c r="G2338">
        <v>0.64</v>
      </c>
    </row>
    <row r="2339" spans="1:7" x14ac:dyDescent="0.25">
      <c r="A2339" t="s">
        <v>17</v>
      </c>
      <c r="B2339">
        <v>99981</v>
      </c>
      <c r="C2339">
        <v>2</v>
      </c>
      <c r="D2339" t="s">
        <v>12</v>
      </c>
      <c r="E2339">
        <v>0.43</v>
      </c>
      <c r="F2339">
        <v>1.17</v>
      </c>
      <c r="G2339">
        <v>0.09</v>
      </c>
    </row>
    <row r="2340" spans="1:7" x14ac:dyDescent="0.25">
      <c r="A2340" t="s">
        <v>27</v>
      </c>
      <c r="B2340">
        <v>104541</v>
      </c>
      <c r="C2340">
        <v>22</v>
      </c>
      <c r="D2340" t="s">
        <v>8</v>
      </c>
      <c r="E2340">
        <v>0.38</v>
      </c>
      <c r="F2340">
        <v>1.25</v>
      </c>
      <c r="G2340">
        <v>0.88</v>
      </c>
    </row>
    <row r="2341" spans="1:7" x14ac:dyDescent="0.25">
      <c r="A2341" t="s">
        <v>29</v>
      </c>
      <c r="B2341">
        <v>30733</v>
      </c>
      <c r="C2341">
        <v>7</v>
      </c>
      <c r="D2341" t="s">
        <v>24</v>
      </c>
      <c r="E2341">
        <v>0.89</v>
      </c>
      <c r="F2341">
        <v>0.69</v>
      </c>
      <c r="G2341">
        <v>0.19</v>
      </c>
    </row>
    <row r="2342" spans="1:7" x14ac:dyDescent="0.25">
      <c r="A2342" t="s">
        <v>18</v>
      </c>
      <c r="B2342">
        <v>127760</v>
      </c>
      <c r="C2342">
        <v>27</v>
      </c>
      <c r="D2342" t="s">
        <v>12</v>
      </c>
      <c r="E2342">
        <v>0.61</v>
      </c>
      <c r="F2342">
        <v>1.1100000000000001</v>
      </c>
      <c r="G2342">
        <v>0.61</v>
      </c>
    </row>
    <row r="2343" spans="1:7" x14ac:dyDescent="0.25">
      <c r="A2343" t="s">
        <v>27</v>
      </c>
      <c r="B2343">
        <v>56819</v>
      </c>
      <c r="C2343">
        <v>1</v>
      </c>
      <c r="D2343" t="s">
        <v>10</v>
      </c>
      <c r="E2343">
        <v>0.57999999999999996</v>
      </c>
      <c r="F2343">
        <v>1.3</v>
      </c>
      <c r="G2343">
        <v>0.89</v>
      </c>
    </row>
    <row r="2344" spans="1:7" x14ac:dyDescent="0.25">
      <c r="A2344" t="s">
        <v>19</v>
      </c>
      <c r="B2344">
        <v>105954</v>
      </c>
      <c r="C2344">
        <v>27</v>
      </c>
      <c r="D2344" t="s">
        <v>8</v>
      </c>
      <c r="E2344">
        <v>0.91</v>
      </c>
      <c r="F2344">
        <v>1.31</v>
      </c>
      <c r="G2344">
        <v>0.84</v>
      </c>
    </row>
    <row r="2345" spans="1:7" x14ac:dyDescent="0.25">
      <c r="A2345" t="s">
        <v>9</v>
      </c>
      <c r="B2345">
        <v>145386</v>
      </c>
      <c r="C2345">
        <v>21</v>
      </c>
      <c r="D2345" t="s">
        <v>8</v>
      </c>
      <c r="E2345">
        <v>0.88</v>
      </c>
      <c r="F2345">
        <v>0.82</v>
      </c>
      <c r="G2345">
        <v>0.21</v>
      </c>
    </row>
    <row r="2346" spans="1:7" x14ac:dyDescent="0.25">
      <c r="A2346" t="s">
        <v>29</v>
      </c>
      <c r="B2346">
        <v>101360</v>
      </c>
      <c r="C2346">
        <v>9</v>
      </c>
      <c r="D2346" t="s">
        <v>12</v>
      </c>
      <c r="E2346">
        <v>0.42</v>
      </c>
      <c r="F2346">
        <v>0.63</v>
      </c>
      <c r="G2346">
        <v>0.22</v>
      </c>
    </row>
    <row r="2347" spans="1:7" x14ac:dyDescent="0.25">
      <c r="A2347" t="s">
        <v>11</v>
      </c>
      <c r="B2347">
        <v>108349</v>
      </c>
      <c r="C2347">
        <v>1</v>
      </c>
      <c r="D2347" t="s">
        <v>12</v>
      </c>
      <c r="E2347">
        <v>0.63</v>
      </c>
      <c r="F2347">
        <v>1.42</v>
      </c>
      <c r="G2347">
        <v>0.81</v>
      </c>
    </row>
    <row r="2348" spans="1:7" x14ac:dyDescent="0.25">
      <c r="A2348" t="s">
        <v>27</v>
      </c>
      <c r="B2348">
        <v>137102</v>
      </c>
      <c r="C2348">
        <v>19</v>
      </c>
      <c r="D2348" t="s">
        <v>8</v>
      </c>
      <c r="E2348">
        <v>0.25</v>
      </c>
      <c r="F2348">
        <v>1.1499999999999999</v>
      </c>
      <c r="G2348">
        <v>0.89</v>
      </c>
    </row>
    <row r="2349" spans="1:7" x14ac:dyDescent="0.25">
      <c r="A2349" t="s">
        <v>19</v>
      </c>
      <c r="B2349">
        <v>97310</v>
      </c>
      <c r="C2349">
        <v>29</v>
      </c>
      <c r="D2349" t="s">
        <v>10</v>
      </c>
      <c r="E2349">
        <v>0.39</v>
      </c>
      <c r="F2349">
        <v>0.53</v>
      </c>
      <c r="G2349">
        <v>0.93</v>
      </c>
    </row>
    <row r="2350" spans="1:7" x14ac:dyDescent="0.25">
      <c r="A2350" t="s">
        <v>19</v>
      </c>
      <c r="B2350">
        <v>121111</v>
      </c>
      <c r="C2350">
        <v>6</v>
      </c>
      <c r="D2350" t="s">
        <v>24</v>
      </c>
      <c r="E2350">
        <v>0.32</v>
      </c>
      <c r="F2350">
        <v>1</v>
      </c>
      <c r="G2350">
        <v>0.89</v>
      </c>
    </row>
    <row r="2351" spans="1:7" x14ac:dyDescent="0.25">
      <c r="A2351" t="s">
        <v>9</v>
      </c>
      <c r="B2351">
        <v>85983</v>
      </c>
      <c r="C2351">
        <v>11</v>
      </c>
      <c r="D2351" t="s">
        <v>24</v>
      </c>
      <c r="E2351">
        <v>0.63</v>
      </c>
      <c r="F2351">
        <v>1.1100000000000001</v>
      </c>
      <c r="G2351">
        <v>0.12</v>
      </c>
    </row>
    <row r="2352" spans="1:7" x14ac:dyDescent="0.25">
      <c r="A2352" t="s">
        <v>23</v>
      </c>
      <c r="B2352">
        <v>98407</v>
      </c>
      <c r="C2352">
        <v>13</v>
      </c>
      <c r="D2352" t="s">
        <v>8</v>
      </c>
      <c r="E2352">
        <v>0.71</v>
      </c>
      <c r="F2352">
        <v>1.44</v>
      </c>
      <c r="G2352">
        <v>0.33</v>
      </c>
    </row>
    <row r="2353" spans="1:7" x14ac:dyDescent="0.25">
      <c r="A2353" t="s">
        <v>30</v>
      </c>
      <c r="B2353">
        <v>130641</v>
      </c>
      <c r="C2353">
        <v>19</v>
      </c>
      <c r="D2353" t="s">
        <v>8</v>
      </c>
      <c r="E2353">
        <v>0.93</v>
      </c>
      <c r="F2353">
        <v>1.46</v>
      </c>
      <c r="G2353">
        <v>0.32</v>
      </c>
    </row>
    <row r="2354" spans="1:7" x14ac:dyDescent="0.25">
      <c r="A2354" t="s">
        <v>20</v>
      </c>
      <c r="B2354">
        <v>56363</v>
      </c>
      <c r="C2354">
        <v>3</v>
      </c>
      <c r="D2354" t="s">
        <v>24</v>
      </c>
      <c r="E2354">
        <v>0.47</v>
      </c>
      <c r="F2354">
        <v>1.37</v>
      </c>
      <c r="G2354">
        <v>0.35</v>
      </c>
    </row>
    <row r="2355" spans="1:7" x14ac:dyDescent="0.25">
      <c r="A2355" t="s">
        <v>28</v>
      </c>
      <c r="B2355">
        <v>56187</v>
      </c>
      <c r="C2355">
        <v>17</v>
      </c>
      <c r="D2355" t="s">
        <v>24</v>
      </c>
      <c r="E2355">
        <v>0.56000000000000005</v>
      </c>
      <c r="F2355">
        <v>0.6</v>
      </c>
      <c r="G2355">
        <v>0.53</v>
      </c>
    </row>
    <row r="2356" spans="1:7" x14ac:dyDescent="0.25">
      <c r="A2356" t="s">
        <v>22</v>
      </c>
      <c r="B2356">
        <v>133171</v>
      </c>
      <c r="C2356">
        <v>29</v>
      </c>
      <c r="D2356" t="s">
        <v>24</v>
      </c>
      <c r="E2356">
        <v>0.65</v>
      </c>
      <c r="F2356">
        <v>1.23</v>
      </c>
      <c r="G2356">
        <v>0.61</v>
      </c>
    </row>
    <row r="2357" spans="1:7" x14ac:dyDescent="0.25">
      <c r="A2357" t="s">
        <v>17</v>
      </c>
      <c r="B2357">
        <v>143968</v>
      </c>
      <c r="C2357">
        <v>21</v>
      </c>
      <c r="D2357" t="s">
        <v>10</v>
      </c>
      <c r="E2357">
        <v>0.61</v>
      </c>
      <c r="F2357">
        <v>1.37</v>
      </c>
      <c r="G2357">
        <v>0.2</v>
      </c>
    </row>
    <row r="2358" spans="1:7" x14ac:dyDescent="0.25">
      <c r="A2358" t="s">
        <v>15</v>
      </c>
      <c r="B2358">
        <v>89376</v>
      </c>
      <c r="C2358">
        <v>8</v>
      </c>
      <c r="D2358" t="s">
        <v>10</v>
      </c>
      <c r="E2358">
        <v>0.18</v>
      </c>
      <c r="F2358">
        <v>0.67</v>
      </c>
      <c r="G2358">
        <v>0.06</v>
      </c>
    </row>
    <row r="2359" spans="1:7" x14ac:dyDescent="0.25">
      <c r="A2359" t="s">
        <v>18</v>
      </c>
      <c r="B2359">
        <v>70305</v>
      </c>
      <c r="C2359">
        <v>22</v>
      </c>
      <c r="D2359" t="s">
        <v>10</v>
      </c>
      <c r="E2359">
        <v>0.1</v>
      </c>
      <c r="F2359">
        <v>1.1399999999999999</v>
      </c>
      <c r="G2359">
        <v>0.36</v>
      </c>
    </row>
    <row r="2360" spans="1:7" x14ac:dyDescent="0.25">
      <c r="A2360" t="s">
        <v>14</v>
      </c>
      <c r="B2360">
        <v>47054</v>
      </c>
      <c r="C2360">
        <v>5</v>
      </c>
      <c r="D2360" t="s">
        <v>10</v>
      </c>
      <c r="E2360">
        <v>0.69</v>
      </c>
      <c r="F2360">
        <v>1.1200000000000001</v>
      </c>
      <c r="G2360">
        <v>0.42</v>
      </c>
    </row>
    <row r="2361" spans="1:7" x14ac:dyDescent="0.25">
      <c r="A2361" t="s">
        <v>16</v>
      </c>
      <c r="B2361">
        <v>103080</v>
      </c>
      <c r="C2361">
        <v>17</v>
      </c>
      <c r="D2361" t="s">
        <v>12</v>
      </c>
      <c r="E2361">
        <v>0.71</v>
      </c>
      <c r="F2361">
        <v>1.49</v>
      </c>
      <c r="G2361">
        <v>0.34</v>
      </c>
    </row>
    <row r="2362" spans="1:7" x14ac:dyDescent="0.25">
      <c r="A2362" t="s">
        <v>20</v>
      </c>
      <c r="B2362">
        <v>55401</v>
      </c>
      <c r="C2362">
        <v>21</v>
      </c>
      <c r="D2362" t="s">
        <v>24</v>
      </c>
      <c r="E2362">
        <v>0.21</v>
      </c>
      <c r="F2362">
        <v>0.5</v>
      </c>
      <c r="G2362">
        <v>0.36</v>
      </c>
    </row>
    <row r="2363" spans="1:7" x14ac:dyDescent="0.25">
      <c r="A2363" t="s">
        <v>13</v>
      </c>
      <c r="B2363">
        <v>41928</v>
      </c>
      <c r="C2363">
        <v>7</v>
      </c>
      <c r="D2363" t="s">
        <v>24</v>
      </c>
      <c r="E2363">
        <v>0.31</v>
      </c>
      <c r="F2363">
        <v>1.04</v>
      </c>
      <c r="G2363">
        <v>0.34</v>
      </c>
    </row>
    <row r="2364" spans="1:7" x14ac:dyDescent="0.25">
      <c r="A2364" t="s">
        <v>26</v>
      </c>
      <c r="B2364">
        <v>140177</v>
      </c>
      <c r="C2364">
        <v>24</v>
      </c>
      <c r="D2364" t="s">
        <v>24</v>
      </c>
      <c r="E2364">
        <v>0.4</v>
      </c>
      <c r="F2364">
        <v>0.84</v>
      </c>
      <c r="G2364">
        <v>0.25</v>
      </c>
    </row>
    <row r="2365" spans="1:7" x14ac:dyDescent="0.25">
      <c r="A2365" t="s">
        <v>23</v>
      </c>
      <c r="B2365">
        <v>47024</v>
      </c>
      <c r="C2365">
        <v>28</v>
      </c>
      <c r="D2365" t="s">
        <v>10</v>
      </c>
      <c r="E2365">
        <v>0.42</v>
      </c>
      <c r="F2365">
        <v>1.41</v>
      </c>
      <c r="G2365">
        <v>0.34</v>
      </c>
    </row>
    <row r="2366" spans="1:7" x14ac:dyDescent="0.25">
      <c r="A2366" t="s">
        <v>17</v>
      </c>
      <c r="B2366">
        <v>39612</v>
      </c>
      <c r="C2366">
        <v>10</v>
      </c>
      <c r="D2366" t="s">
        <v>8</v>
      </c>
      <c r="E2366">
        <v>0.19</v>
      </c>
      <c r="F2366">
        <v>1</v>
      </c>
      <c r="G2366">
        <v>0.3</v>
      </c>
    </row>
    <row r="2367" spans="1:7" x14ac:dyDescent="0.25">
      <c r="A2367" t="s">
        <v>27</v>
      </c>
      <c r="B2367">
        <v>51450</v>
      </c>
      <c r="C2367">
        <v>1</v>
      </c>
      <c r="D2367" t="s">
        <v>12</v>
      </c>
      <c r="E2367">
        <v>0.45</v>
      </c>
      <c r="F2367">
        <v>1.44</v>
      </c>
      <c r="G2367">
        <v>0.82</v>
      </c>
    </row>
    <row r="2368" spans="1:7" x14ac:dyDescent="0.25">
      <c r="A2368" t="s">
        <v>16</v>
      </c>
      <c r="B2368">
        <v>149511</v>
      </c>
      <c r="C2368">
        <v>27</v>
      </c>
      <c r="D2368" t="s">
        <v>8</v>
      </c>
      <c r="E2368">
        <v>0.51</v>
      </c>
      <c r="F2368">
        <v>1.34</v>
      </c>
      <c r="G2368">
        <v>0.43</v>
      </c>
    </row>
    <row r="2369" spans="1:7" x14ac:dyDescent="0.25">
      <c r="A2369" t="s">
        <v>11</v>
      </c>
      <c r="B2369">
        <v>106554</v>
      </c>
      <c r="C2369">
        <v>21</v>
      </c>
      <c r="D2369" t="s">
        <v>12</v>
      </c>
      <c r="E2369">
        <v>0.55000000000000004</v>
      </c>
      <c r="F2369">
        <v>0.54</v>
      </c>
      <c r="G2369">
        <v>0.73</v>
      </c>
    </row>
    <row r="2370" spans="1:7" x14ac:dyDescent="0.25">
      <c r="A2370" t="s">
        <v>18</v>
      </c>
      <c r="B2370">
        <v>97173</v>
      </c>
      <c r="C2370">
        <v>3</v>
      </c>
      <c r="D2370" t="s">
        <v>12</v>
      </c>
      <c r="E2370">
        <v>7.0000000000000007E-2</v>
      </c>
      <c r="F2370">
        <v>0.98</v>
      </c>
      <c r="G2370">
        <v>0.67</v>
      </c>
    </row>
    <row r="2371" spans="1:7" x14ac:dyDescent="0.25">
      <c r="A2371" t="s">
        <v>13</v>
      </c>
      <c r="B2371">
        <v>44517</v>
      </c>
      <c r="C2371">
        <v>3</v>
      </c>
      <c r="D2371" t="s">
        <v>24</v>
      </c>
      <c r="E2371">
        <v>0.59</v>
      </c>
      <c r="F2371">
        <v>0.71</v>
      </c>
      <c r="G2371">
        <v>0.54</v>
      </c>
    </row>
    <row r="2372" spans="1:7" x14ac:dyDescent="0.25">
      <c r="A2372" t="s">
        <v>7</v>
      </c>
      <c r="B2372">
        <v>31321</v>
      </c>
      <c r="C2372">
        <v>22</v>
      </c>
      <c r="D2372" t="s">
        <v>8</v>
      </c>
      <c r="E2372">
        <v>0.93</v>
      </c>
      <c r="F2372">
        <v>1.18</v>
      </c>
      <c r="G2372">
        <v>0.71</v>
      </c>
    </row>
    <row r="2373" spans="1:7" x14ac:dyDescent="0.25">
      <c r="A2373" t="s">
        <v>15</v>
      </c>
      <c r="B2373">
        <v>93001</v>
      </c>
      <c r="C2373">
        <v>25</v>
      </c>
      <c r="D2373" t="s">
        <v>12</v>
      </c>
      <c r="E2373">
        <v>0.32</v>
      </c>
      <c r="F2373">
        <v>1.32</v>
      </c>
      <c r="G2373">
        <v>0.09</v>
      </c>
    </row>
    <row r="2374" spans="1:7" x14ac:dyDescent="0.25">
      <c r="A2374" t="s">
        <v>28</v>
      </c>
      <c r="B2374">
        <v>35685</v>
      </c>
      <c r="C2374">
        <v>23</v>
      </c>
      <c r="D2374" t="s">
        <v>24</v>
      </c>
      <c r="E2374">
        <v>0.72</v>
      </c>
      <c r="F2374">
        <v>1.22</v>
      </c>
      <c r="G2374">
        <v>0.37</v>
      </c>
    </row>
    <row r="2375" spans="1:7" x14ac:dyDescent="0.25">
      <c r="A2375" t="s">
        <v>22</v>
      </c>
      <c r="B2375">
        <v>35335</v>
      </c>
      <c r="C2375">
        <v>13</v>
      </c>
      <c r="D2375" t="s">
        <v>12</v>
      </c>
      <c r="E2375">
        <v>0.56999999999999995</v>
      </c>
      <c r="F2375">
        <v>0.57999999999999996</v>
      </c>
      <c r="G2375">
        <v>0.69</v>
      </c>
    </row>
    <row r="2376" spans="1:7" x14ac:dyDescent="0.25">
      <c r="A2376" t="s">
        <v>16</v>
      </c>
      <c r="B2376">
        <v>110286</v>
      </c>
      <c r="C2376">
        <v>26</v>
      </c>
      <c r="D2376" t="s">
        <v>24</v>
      </c>
      <c r="E2376">
        <v>0.52</v>
      </c>
      <c r="F2376">
        <v>1.2</v>
      </c>
      <c r="G2376">
        <v>0.37</v>
      </c>
    </row>
    <row r="2377" spans="1:7" x14ac:dyDescent="0.25">
      <c r="A2377" t="s">
        <v>26</v>
      </c>
      <c r="B2377">
        <v>45641</v>
      </c>
      <c r="C2377">
        <v>16</v>
      </c>
      <c r="D2377" t="s">
        <v>10</v>
      </c>
      <c r="E2377">
        <v>0.56999999999999995</v>
      </c>
      <c r="F2377">
        <v>1.18</v>
      </c>
      <c r="G2377">
        <v>0.26</v>
      </c>
    </row>
    <row r="2378" spans="1:7" x14ac:dyDescent="0.25">
      <c r="A2378" t="s">
        <v>25</v>
      </c>
      <c r="B2378">
        <v>50242</v>
      </c>
      <c r="C2378">
        <v>5</v>
      </c>
      <c r="D2378" t="s">
        <v>10</v>
      </c>
      <c r="E2378">
        <v>0.54</v>
      </c>
      <c r="F2378">
        <v>1.27</v>
      </c>
      <c r="G2378">
        <v>0.95</v>
      </c>
    </row>
    <row r="2379" spans="1:7" x14ac:dyDescent="0.25">
      <c r="A2379" t="s">
        <v>17</v>
      </c>
      <c r="B2379">
        <v>60166</v>
      </c>
      <c r="C2379">
        <v>19</v>
      </c>
      <c r="D2379" t="s">
        <v>8</v>
      </c>
      <c r="E2379">
        <v>0.56999999999999995</v>
      </c>
      <c r="F2379">
        <v>1.38</v>
      </c>
      <c r="G2379">
        <v>0.15</v>
      </c>
    </row>
    <row r="2380" spans="1:7" x14ac:dyDescent="0.25">
      <c r="A2380" t="s">
        <v>20</v>
      </c>
      <c r="B2380">
        <v>61232</v>
      </c>
      <c r="C2380">
        <v>15</v>
      </c>
      <c r="D2380" t="s">
        <v>8</v>
      </c>
      <c r="E2380">
        <v>0.79</v>
      </c>
      <c r="F2380">
        <v>0.69</v>
      </c>
      <c r="G2380">
        <v>0.44</v>
      </c>
    </row>
    <row r="2381" spans="1:7" x14ac:dyDescent="0.25">
      <c r="A2381" t="s">
        <v>23</v>
      </c>
      <c r="B2381">
        <v>78720</v>
      </c>
      <c r="C2381">
        <v>29</v>
      </c>
      <c r="D2381" t="s">
        <v>10</v>
      </c>
      <c r="E2381">
        <v>0.33</v>
      </c>
      <c r="F2381">
        <v>0.51</v>
      </c>
      <c r="G2381">
        <v>0.68</v>
      </c>
    </row>
    <row r="2382" spans="1:7" x14ac:dyDescent="0.25">
      <c r="A2382" t="s">
        <v>11</v>
      </c>
      <c r="B2382">
        <v>125110</v>
      </c>
      <c r="C2382">
        <v>4</v>
      </c>
      <c r="D2382" t="s">
        <v>24</v>
      </c>
      <c r="E2382">
        <v>0.47</v>
      </c>
      <c r="F2382">
        <v>1.41</v>
      </c>
      <c r="G2382">
        <v>0.8</v>
      </c>
    </row>
    <row r="2383" spans="1:7" x14ac:dyDescent="0.25">
      <c r="A2383" t="s">
        <v>30</v>
      </c>
      <c r="B2383">
        <v>113128</v>
      </c>
      <c r="C2383">
        <v>7</v>
      </c>
      <c r="D2383" t="s">
        <v>12</v>
      </c>
      <c r="E2383">
        <v>0.34</v>
      </c>
      <c r="F2383">
        <v>0.72</v>
      </c>
      <c r="G2383">
        <v>0.66</v>
      </c>
    </row>
    <row r="2384" spans="1:7" x14ac:dyDescent="0.25">
      <c r="A2384" t="s">
        <v>17</v>
      </c>
      <c r="B2384">
        <v>120605</v>
      </c>
      <c r="C2384">
        <v>29</v>
      </c>
      <c r="D2384" t="s">
        <v>10</v>
      </c>
      <c r="E2384">
        <v>0.39</v>
      </c>
      <c r="F2384">
        <v>1.29</v>
      </c>
      <c r="G2384">
        <v>0.11</v>
      </c>
    </row>
    <row r="2385" spans="1:7" x14ac:dyDescent="0.25">
      <c r="A2385" t="s">
        <v>19</v>
      </c>
      <c r="B2385">
        <v>39513</v>
      </c>
      <c r="C2385">
        <v>18</v>
      </c>
      <c r="D2385" t="s">
        <v>24</v>
      </c>
      <c r="E2385">
        <v>0.56000000000000005</v>
      </c>
      <c r="F2385">
        <v>1.1000000000000001</v>
      </c>
      <c r="G2385">
        <v>0.84</v>
      </c>
    </row>
    <row r="2386" spans="1:7" x14ac:dyDescent="0.25">
      <c r="A2386" t="s">
        <v>20</v>
      </c>
      <c r="B2386">
        <v>57177</v>
      </c>
      <c r="C2386">
        <v>0</v>
      </c>
      <c r="D2386" t="s">
        <v>8</v>
      </c>
      <c r="E2386">
        <v>0.85</v>
      </c>
      <c r="F2386">
        <v>0.65</v>
      </c>
      <c r="G2386">
        <v>0.44</v>
      </c>
    </row>
    <row r="2387" spans="1:7" x14ac:dyDescent="0.25">
      <c r="A2387" t="s">
        <v>30</v>
      </c>
      <c r="B2387">
        <v>85572</v>
      </c>
      <c r="C2387">
        <v>8</v>
      </c>
      <c r="D2387" t="s">
        <v>8</v>
      </c>
      <c r="E2387">
        <v>0.87</v>
      </c>
      <c r="F2387">
        <v>0.71</v>
      </c>
      <c r="G2387">
        <v>0.31</v>
      </c>
    </row>
    <row r="2388" spans="1:7" x14ac:dyDescent="0.25">
      <c r="A2388" t="s">
        <v>16</v>
      </c>
      <c r="B2388">
        <v>147849</v>
      </c>
      <c r="C2388">
        <v>12</v>
      </c>
      <c r="D2388" t="s">
        <v>8</v>
      </c>
      <c r="E2388">
        <v>0.24</v>
      </c>
      <c r="F2388">
        <v>0.61</v>
      </c>
      <c r="G2388">
        <v>0.35</v>
      </c>
    </row>
    <row r="2389" spans="1:7" x14ac:dyDescent="0.25">
      <c r="A2389" t="s">
        <v>29</v>
      </c>
      <c r="B2389">
        <v>126080</v>
      </c>
      <c r="C2389">
        <v>1</v>
      </c>
      <c r="D2389" t="s">
        <v>12</v>
      </c>
      <c r="E2389">
        <v>0.28999999999999998</v>
      </c>
      <c r="F2389">
        <v>0.94</v>
      </c>
      <c r="G2389">
        <v>0.14000000000000001</v>
      </c>
    </row>
    <row r="2390" spans="1:7" x14ac:dyDescent="0.25">
      <c r="A2390" t="s">
        <v>13</v>
      </c>
      <c r="B2390">
        <v>144438</v>
      </c>
      <c r="C2390">
        <v>4</v>
      </c>
      <c r="D2390" t="s">
        <v>12</v>
      </c>
      <c r="E2390">
        <v>0.86</v>
      </c>
      <c r="F2390">
        <v>1.02</v>
      </c>
      <c r="G2390">
        <v>0.5</v>
      </c>
    </row>
    <row r="2391" spans="1:7" x14ac:dyDescent="0.25">
      <c r="A2391" t="s">
        <v>11</v>
      </c>
      <c r="B2391">
        <v>34844</v>
      </c>
      <c r="C2391">
        <v>22</v>
      </c>
      <c r="D2391" t="s">
        <v>10</v>
      </c>
      <c r="E2391">
        <v>0.14000000000000001</v>
      </c>
      <c r="F2391">
        <v>0.77</v>
      </c>
      <c r="G2391">
        <v>0.77</v>
      </c>
    </row>
    <row r="2392" spans="1:7" x14ac:dyDescent="0.25">
      <c r="A2392" t="s">
        <v>7</v>
      </c>
      <c r="B2392">
        <v>47639</v>
      </c>
      <c r="C2392">
        <v>21</v>
      </c>
      <c r="D2392" t="s">
        <v>24</v>
      </c>
      <c r="E2392">
        <v>0.68</v>
      </c>
      <c r="F2392">
        <v>1.05</v>
      </c>
      <c r="G2392">
        <v>0.87</v>
      </c>
    </row>
    <row r="2393" spans="1:7" x14ac:dyDescent="0.25">
      <c r="A2393" t="s">
        <v>11</v>
      </c>
      <c r="B2393">
        <v>86041</v>
      </c>
      <c r="C2393">
        <v>3</v>
      </c>
      <c r="D2393" t="s">
        <v>8</v>
      </c>
      <c r="E2393">
        <v>0.37</v>
      </c>
      <c r="F2393">
        <v>1.44</v>
      </c>
      <c r="G2393">
        <v>0.79</v>
      </c>
    </row>
    <row r="2394" spans="1:7" x14ac:dyDescent="0.25">
      <c r="A2394" t="s">
        <v>17</v>
      </c>
      <c r="B2394">
        <v>68575</v>
      </c>
      <c r="C2394">
        <v>2</v>
      </c>
      <c r="D2394" t="s">
        <v>8</v>
      </c>
      <c r="E2394">
        <v>0.46</v>
      </c>
      <c r="F2394">
        <v>1.22</v>
      </c>
      <c r="G2394">
        <v>0.14000000000000001</v>
      </c>
    </row>
    <row r="2395" spans="1:7" x14ac:dyDescent="0.25">
      <c r="A2395" t="s">
        <v>15</v>
      </c>
      <c r="B2395">
        <v>120150</v>
      </c>
      <c r="C2395">
        <v>14</v>
      </c>
      <c r="D2395" t="s">
        <v>12</v>
      </c>
      <c r="E2395">
        <v>0.76</v>
      </c>
      <c r="F2395">
        <v>1.1299999999999999</v>
      </c>
      <c r="G2395">
        <v>0.18</v>
      </c>
    </row>
    <row r="2396" spans="1:7" x14ac:dyDescent="0.25">
      <c r="A2396" t="s">
        <v>27</v>
      </c>
      <c r="B2396">
        <v>42485</v>
      </c>
      <c r="C2396">
        <v>16</v>
      </c>
      <c r="D2396" t="s">
        <v>12</v>
      </c>
      <c r="E2396">
        <v>0.48</v>
      </c>
      <c r="F2396">
        <v>0.79</v>
      </c>
      <c r="G2396">
        <v>0.94</v>
      </c>
    </row>
    <row r="2397" spans="1:7" x14ac:dyDescent="0.25">
      <c r="A2397" t="s">
        <v>13</v>
      </c>
      <c r="B2397">
        <v>103147</v>
      </c>
      <c r="C2397">
        <v>13</v>
      </c>
      <c r="D2397" t="s">
        <v>8</v>
      </c>
      <c r="E2397">
        <v>0.04</v>
      </c>
      <c r="F2397">
        <v>0.7</v>
      </c>
      <c r="G2397">
        <v>0.56000000000000005</v>
      </c>
    </row>
    <row r="2398" spans="1:7" x14ac:dyDescent="0.25">
      <c r="A2398" t="s">
        <v>19</v>
      </c>
      <c r="B2398">
        <v>66598</v>
      </c>
      <c r="C2398">
        <v>8</v>
      </c>
      <c r="D2398" t="s">
        <v>10</v>
      </c>
      <c r="E2398">
        <v>0.59</v>
      </c>
      <c r="F2398">
        <v>0.94</v>
      </c>
      <c r="G2398">
        <v>0.77</v>
      </c>
    </row>
    <row r="2399" spans="1:7" x14ac:dyDescent="0.25">
      <c r="A2399" t="s">
        <v>25</v>
      </c>
      <c r="B2399">
        <v>132916</v>
      </c>
      <c r="C2399">
        <v>27</v>
      </c>
      <c r="D2399" t="s">
        <v>10</v>
      </c>
      <c r="E2399">
        <v>0.3</v>
      </c>
      <c r="F2399">
        <v>0.95</v>
      </c>
      <c r="G2399">
        <v>0.88</v>
      </c>
    </row>
    <row r="2400" spans="1:7" x14ac:dyDescent="0.25">
      <c r="A2400" t="s">
        <v>27</v>
      </c>
      <c r="B2400">
        <v>41311</v>
      </c>
      <c r="C2400">
        <v>3</v>
      </c>
      <c r="D2400" t="s">
        <v>10</v>
      </c>
      <c r="E2400">
        <v>0.31</v>
      </c>
      <c r="F2400">
        <v>1.01</v>
      </c>
      <c r="G2400">
        <v>0.72</v>
      </c>
    </row>
    <row r="2401" spans="1:7" x14ac:dyDescent="0.25">
      <c r="A2401" t="s">
        <v>30</v>
      </c>
      <c r="B2401">
        <v>139940</v>
      </c>
      <c r="C2401">
        <v>6</v>
      </c>
      <c r="D2401" t="s">
        <v>10</v>
      </c>
      <c r="E2401">
        <v>0.01</v>
      </c>
      <c r="F2401">
        <v>0.51</v>
      </c>
      <c r="G2401">
        <v>0.52</v>
      </c>
    </row>
    <row r="2402" spans="1:7" x14ac:dyDescent="0.25">
      <c r="A2402" t="s">
        <v>30</v>
      </c>
      <c r="B2402">
        <v>124930</v>
      </c>
      <c r="C2402">
        <v>9</v>
      </c>
      <c r="D2402" t="s">
        <v>12</v>
      </c>
      <c r="E2402">
        <v>0.13</v>
      </c>
      <c r="F2402">
        <v>1.29</v>
      </c>
      <c r="G2402">
        <v>0.7</v>
      </c>
    </row>
    <row r="2403" spans="1:7" x14ac:dyDescent="0.25">
      <c r="A2403" t="s">
        <v>20</v>
      </c>
      <c r="B2403">
        <v>115639</v>
      </c>
      <c r="C2403">
        <v>9</v>
      </c>
      <c r="D2403" t="s">
        <v>10</v>
      </c>
      <c r="E2403">
        <v>0.98</v>
      </c>
      <c r="F2403">
        <v>0.51</v>
      </c>
      <c r="G2403">
        <v>0.5</v>
      </c>
    </row>
    <row r="2404" spans="1:7" x14ac:dyDescent="0.25">
      <c r="A2404" t="s">
        <v>27</v>
      </c>
      <c r="B2404">
        <v>34123</v>
      </c>
      <c r="C2404">
        <v>16</v>
      </c>
      <c r="D2404" t="s">
        <v>8</v>
      </c>
      <c r="E2404">
        <v>0.83</v>
      </c>
      <c r="F2404">
        <v>1.03</v>
      </c>
      <c r="G2404">
        <v>0.72</v>
      </c>
    </row>
    <row r="2405" spans="1:7" x14ac:dyDescent="0.25">
      <c r="A2405" t="s">
        <v>14</v>
      </c>
      <c r="B2405">
        <v>98384</v>
      </c>
      <c r="C2405">
        <v>13</v>
      </c>
      <c r="D2405" t="s">
        <v>24</v>
      </c>
      <c r="E2405">
        <v>0.63</v>
      </c>
      <c r="F2405">
        <v>0.56999999999999995</v>
      </c>
      <c r="G2405">
        <v>0.37</v>
      </c>
    </row>
    <row r="2406" spans="1:7" x14ac:dyDescent="0.25">
      <c r="A2406" t="s">
        <v>23</v>
      </c>
      <c r="B2406">
        <v>102433</v>
      </c>
      <c r="C2406">
        <v>29</v>
      </c>
      <c r="D2406" t="s">
        <v>8</v>
      </c>
      <c r="E2406">
        <v>0.64</v>
      </c>
      <c r="F2406">
        <v>0.66</v>
      </c>
      <c r="G2406">
        <v>0.42</v>
      </c>
    </row>
    <row r="2407" spans="1:7" x14ac:dyDescent="0.25">
      <c r="A2407" t="s">
        <v>30</v>
      </c>
      <c r="B2407">
        <v>127550</v>
      </c>
      <c r="C2407">
        <v>15</v>
      </c>
      <c r="D2407" t="s">
        <v>24</v>
      </c>
      <c r="E2407">
        <v>0.11</v>
      </c>
      <c r="F2407">
        <v>0.83</v>
      </c>
      <c r="G2407">
        <v>0.4</v>
      </c>
    </row>
    <row r="2408" spans="1:7" x14ac:dyDescent="0.25">
      <c r="A2408" t="s">
        <v>13</v>
      </c>
      <c r="B2408">
        <v>76509</v>
      </c>
      <c r="C2408">
        <v>27</v>
      </c>
      <c r="D2408" t="s">
        <v>8</v>
      </c>
      <c r="E2408">
        <v>0.26</v>
      </c>
      <c r="F2408">
        <v>1.08</v>
      </c>
      <c r="G2408">
        <v>0.52</v>
      </c>
    </row>
    <row r="2409" spans="1:7" x14ac:dyDescent="0.25">
      <c r="A2409" t="s">
        <v>14</v>
      </c>
      <c r="B2409">
        <v>141075</v>
      </c>
      <c r="C2409">
        <v>11</v>
      </c>
      <c r="D2409" t="s">
        <v>12</v>
      </c>
      <c r="E2409">
        <v>0.65</v>
      </c>
      <c r="F2409">
        <v>0.66</v>
      </c>
      <c r="G2409">
        <v>0.43</v>
      </c>
    </row>
    <row r="2410" spans="1:7" x14ac:dyDescent="0.25">
      <c r="A2410" t="s">
        <v>17</v>
      </c>
      <c r="B2410">
        <v>35853</v>
      </c>
      <c r="C2410">
        <v>18</v>
      </c>
      <c r="D2410" t="s">
        <v>8</v>
      </c>
      <c r="E2410">
        <v>7.0000000000000007E-2</v>
      </c>
      <c r="F2410">
        <v>0.54</v>
      </c>
      <c r="G2410">
        <v>0.22</v>
      </c>
    </row>
    <row r="2411" spans="1:7" x14ac:dyDescent="0.25">
      <c r="A2411" t="s">
        <v>17</v>
      </c>
      <c r="B2411">
        <v>95311</v>
      </c>
      <c r="C2411">
        <v>28</v>
      </c>
      <c r="D2411" t="s">
        <v>12</v>
      </c>
      <c r="E2411">
        <v>0.91</v>
      </c>
      <c r="F2411">
        <v>0.66</v>
      </c>
      <c r="G2411">
        <v>0.22</v>
      </c>
    </row>
    <row r="2412" spans="1:7" x14ac:dyDescent="0.25">
      <c r="A2412" t="s">
        <v>21</v>
      </c>
      <c r="B2412">
        <v>145672</v>
      </c>
      <c r="C2412">
        <v>28</v>
      </c>
      <c r="D2412" t="s">
        <v>12</v>
      </c>
      <c r="E2412">
        <v>0.73</v>
      </c>
      <c r="F2412">
        <v>1.46</v>
      </c>
      <c r="G2412">
        <v>0.48</v>
      </c>
    </row>
    <row r="2413" spans="1:7" x14ac:dyDescent="0.25">
      <c r="A2413" t="s">
        <v>14</v>
      </c>
      <c r="B2413">
        <v>107045</v>
      </c>
      <c r="C2413">
        <v>5</v>
      </c>
      <c r="D2413" t="s">
        <v>24</v>
      </c>
      <c r="E2413">
        <v>0.17</v>
      </c>
      <c r="F2413">
        <v>1.3</v>
      </c>
      <c r="G2413">
        <v>0.4</v>
      </c>
    </row>
    <row r="2414" spans="1:7" x14ac:dyDescent="0.25">
      <c r="A2414" t="s">
        <v>21</v>
      </c>
      <c r="B2414">
        <v>68211</v>
      </c>
      <c r="C2414">
        <v>4</v>
      </c>
      <c r="D2414" t="s">
        <v>10</v>
      </c>
      <c r="E2414">
        <v>0.2</v>
      </c>
      <c r="F2414">
        <v>0.91</v>
      </c>
      <c r="G2414">
        <v>0.52</v>
      </c>
    </row>
    <row r="2415" spans="1:7" x14ac:dyDescent="0.25">
      <c r="A2415" t="s">
        <v>18</v>
      </c>
      <c r="B2415">
        <v>58454</v>
      </c>
      <c r="C2415">
        <v>29</v>
      </c>
      <c r="D2415" t="s">
        <v>10</v>
      </c>
      <c r="E2415">
        <v>0.52</v>
      </c>
      <c r="F2415">
        <v>0.63</v>
      </c>
      <c r="G2415">
        <v>0.35</v>
      </c>
    </row>
    <row r="2416" spans="1:7" x14ac:dyDescent="0.25">
      <c r="A2416" t="s">
        <v>14</v>
      </c>
      <c r="B2416">
        <v>97855</v>
      </c>
      <c r="C2416">
        <v>3</v>
      </c>
      <c r="D2416" t="s">
        <v>8</v>
      </c>
      <c r="E2416">
        <v>0.19</v>
      </c>
      <c r="F2416">
        <v>0.5</v>
      </c>
      <c r="G2416">
        <v>0.34</v>
      </c>
    </row>
    <row r="2417" spans="1:7" x14ac:dyDescent="0.25">
      <c r="A2417" t="s">
        <v>11</v>
      </c>
      <c r="B2417">
        <v>127891</v>
      </c>
      <c r="C2417">
        <v>23</v>
      </c>
      <c r="D2417" t="s">
        <v>10</v>
      </c>
      <c r="E2417">
        <v>1</v>
      </c>
      <c r="F2417">
        <v>0.51</v>
      </c>
      <c r="G2417">
        <v>0.74</v>
      </c>
    </row>
    <row r="2418" spans="1:7" x14ac:dyDescent="0.25">
      <c r="A2418" t="s">
        <v>20</v>
      </c>
      <c r="B2418">
        <v>120094</v>
      </c>
      <c r="C2418">
        <v>25</v>
      </c>
      <c r="D2418" t="s">
        <v>10</v>
      </c>
      <c r="E2418">
        <v>0.66</v>
      </c>
      <c r="F2418">
        <v>1.07</v>
      </c>
      <c r="G2418">
        <v>0.69</v>
      </c>
    </row>
    <row r="2419" spans="1:7" x14ac:dyDescent="0.25">
      <c r="A2419" t="s">
        <v>11</v>
      </c>
      <c r="B2419">
        <v>130621</v>
      </c>
      <c r="C2419">
        <v>21</v>
      </c>
      <c r="D2419" t="s">
        <v>12</v>
      </c>
      <c r="E2419">
        <v>0</v>
      </c>
      <c r="F2419">
        <v>1.31</v>
      </c>
      <c r="G2419">
        <v>0.74</v>
      </c>
    </row>
    <row r="2420" spans="1:7" x14ac:dyDescent="0.25">
      <c r="A2420" t="s">
        <v>16</v>
      </c>
      <c r="B2420">
        <v>141579</v>
      </c>
      <c r="C2420">
        <v>13</v>
      </c>
      <c r="D2420" t="s">
        <v>10</v>
      </c>
      <c r="E2420">
        <v>0.8</v>
      </c>
      <c r="F2420">
        <v>0.87</v>
      </c>
      <c r="G2420">
        <v>0.36</v>
      </c>
    </row>
    <row r="2421" spans="1:7" x14ac:dyDescent="0.25">
      <c r="A2421" t="s">
        <v>25</v>
      </c>
      <c r="B2421">
        <v>64907</v>
      </c>
      <c r="C2421">
        <v>10</v>
      </c>
      <c r="D2421" t="s">
        <v>10</v>
      </c>
      <c r="E2421">
        <v>0.79</v>
      </c>
      <c r="F2421">
        <v>0.87</v>
      </c>
      <c r="G2421">
        <v>0.88</v>
      </c>
    </row>
    <row r="2422" spans="1:7" x14ac:dyDescent="0.25">
      <c r="A2422" t="s">
        <v>29</v>
      </c>
      <c r="B2422">
        <v>147754</v>
      </c>
      <c r="C2422">
        <v>11</v>
      </c>
      <c r="D2422" t="s">
        <v>24</v>
      </c>
      <c r="E2422">
        <v>0.72</v>
      </c>
      <c r="F2422">
        <v>0.53</v>
      </c>
      <c r="G2422">
        <v>0.24</v>
      </c>
    </row>
    <row r="2423" spans="1:7" x14ac:dyDescent="0.25">
      <c r="A2423" t="s">
        <v>29</v>
      </c>
      <c r="B2423">
        <v>61937</v>
      </c>
      <c r="C2423">
        <v>1</v>
      </c>
      <c r="D2423" t="s">
        <v>12</v>
      </c>
      <c r="E2423">
        <v>0.54</v>
      </c>
      <c r="F2423">
        <v>0.87</v>
      </c>
      <c r="G2423">
        <v>0.27</v>
      </c>
    </row>
    <row r="2424" spans="1:7" x14ac:dyDescent="0.25">
      <c r="A2424" t="s">
        <v>22</v>
      </c>
      <c r="B2424">
        <v>41593</v>
      </c>
      <c r="C2424">
        <v>25</v>
      </c>
      <c r="D2424" t="s">
        <v>24</v>
      </c>
      <c r="E2424">
        <v>0.49</v>
      </c>
      <c r="F2424">
        <v>0.7</v>
      </c>
      <c r="G2424">
        <v>0.64</v>
      </c>
    </row>
    <row r="2425" spans="1:7" x14ac:dyDescent="0.25">
      <c r="A2425" t="s">
        <v>9</v>
      </c>
      <c r="B2425">
        <v>75337</v>
      </c>
      <c r="C2425">
        <v>2</v>
      </c>
      <c r="D2425" t="s">
        <v>8</v>
      </c>
      <c r="E2425">
        <v>0.23</v>
      </c>
      <c r="F2425">
        <v>0.85</v>
      </c>
      <c r="G2425">
        <v>0.18</v>
      </c>
    </row>
    <row r="2426" spans="1:7" x14ac:dyDescent="0.25">
      <c r="A2426" t="s">
        <v>16</v>
      </c>
      <c r="B2426">
        <v>147553</v>
      </c>
      <c r="C2426">
        <v>19</v>
      </c>
      <c r="D2426" t="s">
        <v>12</v>
      </c>
      <c r="E2426">
        <v>0.23</v>
      </c>
      <c r="F2426">
        <v>1.26</v>
      </c>
      <c r="G2426">
        <v>0.51</v>
      </c>
    </row>
    <row r="2427" spans="1:7" x14ac:dyDescent="0.25">
      <c r="A2427" t="s">
        <v>20</v>
      </c>
      <c r="B2427">
        <v>69114</v>
      </c>
      <c r="C2427">
        <v>24</v>
      </c>
      <c r="D2427" t="s">
        <v>8</v>
      </c>
      <c r="E2427">
        <v>0.81</v>
      </c>
      <c r="F2427">
        <v>1.4</v>
      </c>
      <c r="G2427">
        <v>0.4</v>
      </c>
    </row>
    <row r="2428" spans="1:7" x14ac:dyDescent="0.25">
      <c r="A2428" t="s">
        <v>28</v>
      </c>
      <c r="B2428">
        <v>142467</v>
      </c>
      <c r="C2428">
        <v>3</v>
      </c>
      <c r="D2428" t="s">
        <v>8</v>
      </c>
      <c r="E2428">
        <v>0.61</v>
      </c>
      <c r="F2428">
        <v>0.65</v>
      </c>
      <c r="G2428">
        <v>0.35</v>
      </c>
    </row>
    <row r="2429" spans="1:7" x14ac:dyDescent="0.25">
      <c r="A2429" t="s">
        <v>27</v>
      </c>
      <c r="B2429">
        <v>95410</v>
      </c>
      <c r="C2429">
        <v>0</v>
      </c>
      <c r="D2429" t="s">
        <v>12</v>
      </c>
      <c r="E2429">
        <v>0.49</v>
      </c>
      <c r="F2429">
        <v>1.23</v>
      </c>
      <c r="G2429">
        <v>0.82</v>
      </c>
    </row>
    <row r="2430" spans="1:7" x14ac:dyDescent="0.25">
      <c r="A2430" t="s">
        <v>29</v>
      </c>
      <c r="B2430">
        <v>44802</v>
      </c>
      <c r="C2430">
        <v>16</v>
      </c>
      <c r="D2430" t="s">
        <v>10</v>
      </c>
      <c r="E2430">
        <v>0.59</v>
      </c>
      <c r="F2430">
        <v>1.25</v>
      </c>
      <c r="G2430">
        <v>0.13</v>
      </c>
    </row>
    <row r="2431" spans="1:7" x14ac:dyDescent="0.25">
      <c r="A2431" t="s">
        <v>30</v>
      </c>
      <c r="B2431">
        <v>62611</v>
      </c>
      <c r="C2431">
        <v>3</v>
      </c>
      <c r="D2431" t="s">
        <v>10</v>
      </c>
      <c r="E2431">
        <v>0.93</v>
      </c>
      <c r="F2431">
        <v>0.93</v>
      </c>
      <c r="G2431">
        <v>0.66</v>
      </c>
    </row>
    <row r="2432" spans="1:7" x14ac:dyDescent="0.25">
      <c r="A2432" t="s">
        <v>11</v>
      </c>
      <c r="B2432">
        <v>58419</v>
      </c>
      <c r="C2432">
        <v>26</v>
      </c>
      <c r="D2432" t="s">
        <v>10</v>
      </c>
      <c r="E2432">
        <v>0.03</v>
      </c>
      <c r="F2432">
        <v>0.87</v>
      </c>
      <c r="G2432">
        <v>0.71</v>
      </c>
    </row>
    <row r="2433" spans="1:7" x14ac:dyDescent="0.25">
      <c r="A2433" t="s">
        <v>14</v>
      </c>
      <c r="B2433">
        <v>74852</v>
      </c>
      <c r="C2433">
        <v>28</v>
      </c>
      <c r="D2433" t="s">
        <v>24</v>
      </c>
      <c r="E2433">
        <v>0.14000000000000001</v>
      </c>
      <c r="F2433">
        <v>1.3</v>
      </c>
      <c r="G2433">
        <v>0.48</v>
      </c>
    </row>
    <row r="2434" spans="1:7" x14ac:dyDescent="0.25">
      <c r="A2434" t="s">
        <v>20</v>
      </c>
      <c r="B2434">
        <v>125640</v>
      </c>
      <c r="C2434">
        <v>2</v>
      </c>
      <c r="D2434" t="s">
        <v>12</v>
      </c>
      <c r="E2434">
        <v>0.28999999999999998</v>
      </c>
      <c r="F2434">
        <v>0.89</v>
      </c>
      <c r="G2434">
        <v>0.5</v>
      </c>
    </row>
    <row r="2435" spans="1:7" x14ac:dyDescent="0.25">
      <c r="A2435" t="s">
        <v>7</v>
      </c>
      <c r="B2435">
        <v>112654</v>
      </c>
      <c r="C2435">
        <v>15</v>
      </c>
      <c r="D2435" t="s">
        <v>12</v>
      </c>
      <c r="E2435">
        <v>0.82</v>
      </c>
      <c r="F2435">
        <v>0.75</v>
      </c>
      <c r="G2435">
        <v>0.74</v>
      </c>
    </row>
    <row r="2436" spans="1:7" x14ac:dyDescent="0.25">
      <c r="A2436" t="s">
        <v>19</v>
      </c>
      <c r="B2436">
        <v>57476</v>
      </c>
      <c r="C2436">
        <v>5</v>
      </c>
      <c r="D2436" t="s">
        <v>10</v>
      </c>
      <c r="E2436">
        <v>0.13</v>
      </c>
      <c r="F2436">
        <v>1.01</v>
      </c>
      <c r="G2436">
        <v>0.76</v>
      </c>
    </row>
    <row r="2437" spans="1:7" x14ac:dyDescent="0.25">
      <c r="A2437" t="s">
        <v>16</v>
      </c>
      <c r="B2437">
        <v>109398</v>
      </c>
      <c r="C2437">
        <v>18</v>
      </c>
      <c r="D2437" t="s">
        <v>10</v>
      </c>
      <c r="E2437">
        <v>0.57999999999999996</v>
      </c>
      <c r="F2437">
        <v>0.77</v>
      </c>
      <c r="G2437">
        <v>0.33</v>
      </c>
    </row>
    <row r="2438" spans="1:7" x14ac:dyDescent="0.25">
      <c r="A2438" t="s">
        <v>27</v>
      </c>
      <c r="B2438">
        <v>139240</v>
      </c>
      <c r="C2438">
        <v>10</v>
      </c>
      <c r="D2438" t="s">
        <v>10</v>
      </c>
      <c r="E2438">
        <v>0.68</v>
      </c>
      <c r="F2438">
        <v>0.85</v>
      </c>
      <c r="G2438">
        <v>0.92</v>
      </c>
    </row>
    <row r="2439" spans="1:7" x14ac:dyDescent="0.25">
      <c r="A2439" t="s">
        <v>22</v>
      </c>
      <c r="B2439">
        <v>143089</v>
      </c>
      <c r="C2439">
        <v>15</v>
      </c>
      <c r="D2439" t="s">
        <v>24</v>
      </c>
      <c r="E2439">
        <v>0.68</v>
      </c>
      <c r="F2439">
        <v>0.57999999999999996</v>
      </c>
      <c r="G2439">
        <v>0.47</v>
      </c>
    </row>
    <row r="2440" spans="1:7" x14ac:dyDescent="0.25">
      <c r="A2440" t="s">
        <v>22</v>
      </c>
      <c r="B2440">
        <v>145632</v>
      </c>
      <c r="C2440">
        <v>18</v>
      </c>
      <c r="D2440" t="s">
        <v>10</v>
      </c>
      <c r="E2440">
        <v>0</v>
      </c>
      <c r="F2440">
        <v>1.21</v>
      </c>
      <c r="G2440">
        <v>0.59</v>
      </c>
    </row>
    <row r="2441" spans="1:7" x14ac:dyDescent="0.25">
      <c r="A2441" t="s">
        <v>26</v>
      </c>
      <c r="B2441">
        <v>104657</v>
      </c>
      <c r="C2441">
        <v>5</v>
      </c>
      <c r="D2441" t="s">
        <v>8</v>
      </c>
      <c r="E2441">
        <v>0.63</v>
      </c>
      <c r="F2441">
        <v>0.67</v>
      </c>
      <c r="G2441">
        <v>0.27</v>
      </c>
    </row>
    <row r="2442" spans="1:7" x14ac:dyDescent="0.25">
      <c r="A2442" t="s">
        <v>14</v>
      </c>
      <c r="B2442">
        <v>44835</v>
      </c>
      <c r="C2442">
        <v>8</v>
      </c>
      <c r="D2442" t="s">
        <v>8</v>
      </c>
      <c r="E2442">
        <v>0.23</v>
      </c>
      <c r="F2442">
        <v>0.98</v>
      </c>
      <c r="G2442">
        <v>0.48</v>
      </c>
    </row>
    <row r="2443" spans="1:7" x14ac:dyDescent="0.25">
      <c r="A2443" t="s">
        <v>13</v>
      </c>
      <c r="B2443">
        <v>43830</v>
      </c>
      <c r="C2443">
        <v>6</v>
      </c>
      <c r="D2443" t="s">
        <v>24</v>
      </c>
      <c r="E2443">
        <v>0.8</v>
      </c>
      <c r="F2443">
        <v>1.31</v>
      </c>
      <c r="G2443">
        <v>0.47</v>
      </c>
    </row>
    <row r="2444" spans="1:7" x14ac:dyDescent="0.25">
      <c r="A2444" t="s">
        <v>11</v>
      </c>
      <c r="B2444">
        <v>67293</v>
      </c>
      <c r="C2444">
        <v>25</v>
      </c>
      <c r="D2444" t="s">
        <v>8</v>
      </c>
      <c r="E2444">
        <v>0.01</v>
      </c>
      <c r="F2444">
        <v>0.6</v>
      </c>
      <c r="G2444">
        <v>0.78</v>
      </c>
    </row>
    <row r="2445" spans="1:7" x14ac:dyDescent="0.25">
      <c r="A2445" t="s">
        <v>15</v>
      </c>
      <c r="B2445">
        <v>68690</v>
      </c>
      <c r="C2445">
        <v>13</v>
      </c>
      <c r="D2445" t="s">
        <v>24</v>
      </c>
      <c r="E2445">
        <v>0.88</v>
      </c>
      <c r="F2445">
        <v>0.6</v>
      </c>
      <c r="G2445">
        <v>0.16</v>
      </c>
    </row>
    <row r="2446" spans="1:7" x14ac:dyDescent="0.25">
      <c r="A2446" t="s">
        <v>15</v>
      </c>
      <c r="B2446">
        <v>45234</v>
      </c>
      <c r="C2446">
        <v>1</v>
      </c>
      <c r="D2446" t="s">
        <v>8</v>
      </c>
      <c r="E2446">
        <v>0.4</v>
      </c>
      <c r="F2446">
        <v>0.9</v>
      </c>
      <c r="G2446">
        <v>0.24</v>
      </c>
    </row>
    <row r="2447" spans="1:7" x14ac:dyDescent="0.25">
      <c r="A2447" t="s">
        <v>14</v>
      </c>
      <c r="B2447">
        <v>120052</v>
      </c>
      <c r="C2447">
        <v>3</v>
      </c>
      <c r="D2447" t="s">
        <v>24</v>
      </c>
      <c r="E2447">
        <v>0.39</v>
      </c>
      <c r="F2447">
        <v>0.76</v>
      </c>
      <c r="G2447">
        <v>0.66</v>
      </c>
    </row>
    <row r="2448" spans="1:7" x14ac:dyDescent="0.25">
      <c r="A2448" t="s">
        <v>22</v>
      </c>
      <c r="B2448">
        <v>40270</v>
      </c>
      <c r="C2448">
        <v>19</v>
      </c>
      <c r="D2448" t="s">
        <v>12</v>
      </c>
      <c r="E2448">
        <v>0.51</v>
      </c>
      <c r="F2448">
        <v>0.99</v>
      </c>
      <c r="G2448">
        <v>0.62</v>
      </c>
    </row>
    <row r="2449" spans="1:7" x14ac:dyDescent="0.25">
      <c r="A2449" t="s">
        <v>23</v>
      </c>
      <c r="B2449">
        <v>52562</v>
      </c>
      <c r="C2449">
        <v>3</v>
      </c>
      <c r="D2449" t="s">
        <v>10</v>
      </c>
      <c r="E2449">
        <v>0.41</v>
      </c>
      <c r="F2449">
        <v>0.64</v>
      </c>
      <c r="G2449">
        <v>0.55000000000000004</v>
      </c>
    </row>
    <row r="2450" spans="1:7" x14ac:dyDescent="0.25">
      <c r="A2450" t="s">
        <v>14</v>
      </c>
      <c r="B2450">
        <v>52065</v>
      </c>
      <c r="C2450">
        <v>27</v>
      </c>
      <c r="D2450" t="s">
        <v>24</v>
      </c>
      <c r="E2450">
        <v>0.86</v>
      </c>
      <c r="F2450">
        <v>1</v>
      </c>
      <c r="G2450">
        <v>0.41</v>
      </c>
    </row>
    <row r="2451" spans="1:7" x14ac:dyDescent="0.25">
      <c r="A2451" t="s">
        <v>21</v>
      </c>
      <c r="B2451">
        <v>66183</v>
      </c>
      <c r="C2451">
        <v>0</v>
      </c>
      <c r="D2451" t="s">
        <v>12</v>
      </c>
      <c r="E2451">
        <v>0.22</v>
      </c>
      <c r="F2451">
        <v>1.1499999999999999</v>
      </c>
      <c r="G2451">
        <v>0.32</v>
      </c>
    </row>
    <row r="2452" spans="1:7" x14ac:dyDescent="0.25">
      <c r="A2452" t="s">
        <v>18</v>
      </c>
      <c r="B2452">
        <v>67098</v>
      </c>
      <c r="C2452">
        <v>17</v>
      </c>
      <c r="D2452" t="s">
        <v>8</v>
      </c>
      <c r="E2452">
        <v>0.48</v>
      </c>
      <c r="F2452">
        <v>0.91</v>
      </c>
      <c r="G2452">
        <v>0.49</v>
      </c>
    </row>
    <row r="2453" spans="1:7" x14ac:dyDescent="0.25">
      <c r="A2453" t="s">
        <v>11</v>
      </c>
      <c r="B2453">
        <v>74143</v>
      </c>
      <c r="C2453">
        <v>7</v>
      </c>
      <c r="D2453" t="s">
        <v>12</v>
      </c>
      <c r="E2453">
        <v>0.57999999999999996</v>
      </c>
      <c r="F2453">
        <v>1.42</v>
      </c>
      <c r="G2453">
        <v>0.9</v>
      </c>
    </row>
    <row r="2454" spans="1:7" x14ac:dyDescent="0.25">
      <c r="A2454" t="s">
        <v>15</v>
      </c>
      <c r="B2454">
        <v>149245</v>
      </c>
      <c r="C2454">
        <v>11</v>
      </c>
      <c r="D2454" t="s">
        <v>8</v>
      </c>
      <c r="E2454">
        <v>0.21</v>
      </c>
      <c r="F2454">
        <v>1.3</v>
      </c>
      <c r="G2454">
        <v>0.16</v>
      </c>
    </row>
    <row r="2455" spans="1:7" x14ac:dyDescent="0.25">
      <c r="A2455" t="s">
        <v>7</v>
      </c>
      <c r="B2455">
        <v>112802</v>
      </c>
      <c r="C2455">
        <v>7</v>
      </c>
      <c r="D2455" t="s">
        <v>24</v>
      </c>
      <c r="E2455">
        <v>0.96</v>
      </c>
      <c r="F2455">
        <v>0.88</v>
      </c>
      <c r="G2455">
        <v>0.75</v>
      </c>
    </row>
    <row r="2456" spans="1:7" x14ac:dyDescent="0.25">
      <c r="A2456" t="s">
        <v>17</v>
      </c>
      <c r="B2456">
        <v>76611</v>
      </c>
      <c r="C2456">
        <v>8</v>
      </c>
      <c r="D2456" t="s">
        <v>12</v>
      </c>
      <c r="E2456">
        <v>0.48</v>
      </c>
      <c r="F2456">
        <v>1.43</v>
      </c>
      <c r="G2456">
        <v>0.1</v>
      </c>
    </row>
    <row r="2457" spans="1:7" x14ac:dyDescent="0.25">
      <c r="A2457" t="s">
        <v>17</v>
      </c>
      <c r="B2457">
        <v>48609</v>
      </c>
      <c r="C2457">
        <v>0</v>
      </c>
      <c r="D2457" t="s">
        <v>10</v>
      </c>
      <c r="E2457">
        <v>0.45</v>
      </c>
      <c r="F2457">
        <v>0.69</v>
      </c>
      <c r="G2457">
        <v>0.12</v>
      </c>
    </row>
    <row r="2458" spans="1:7" x14ac:dyDescent="0.25">
      <c r="A2458" t="s">
        <v>14</v>
      </c>
      <c r="B2458">
        <v>138629</v>
      </c>
      <c r="C2458">
        <v>15</v>
      </c>
      <c r="D2458" t="s">
        <v>10</v>
      </c>
      <c r="E2458">
        <v>0.37</v>
      </c>
      <c r="F2458">
        <v>0.81</v>
      </c>
      <c r="G2458">
        <v>0.36</v>
      </c>
    </row>
    <row r="2459" spans="1:7" x14ac:dyDescent="0.25">
      <c r="A2459" t="s">
        <v>14</v>
      </c>
      <c r="B2459">
        <v>53481</v>
      </c>
      <c r="C2459">
        <v>4</v>
      </c>
      <c r="D2459" t="s">
        <v>24</v>
      </c>
      <c r="E2459">
        <v>0.2</v>
      </c>
      <c r="F2459">
        <v>0.7</v>
      </c>
      <c r="G2459">
        <v>0.35</v>
      </c>
    </row>
    <row r="2460" spans="1:7" x14ac:dyDescent="0.25">
      <c r="A2460" t="s">
        <v>20</v>
      </c>
      <c r="B2460">
        <v>60412</v>
      </c>
      <c r="C2460">
        <v>17</v>
      </c>
      <c r="D2460" t="s">
        <v>8</v>
      </c>
      <c r="E2460">
        <v>0.11</v>
      </c>
      <c r="F2460">
        <v>1.18</v>
      </c>
      <c r="G2460">
        <v>0.35</v>
      </c>
    </row>
    <row r="2461" spans="1:7" x14ac:dyDescent="0.25">
      <c r="A2461" t="s">
        <v>17</v>
      </c>
      <c r="B2461">
        <v>137271</v>
      </c>
      <c r="C2461">
        <v>4</v>
      </c>
      <c r="D2461" t="s">
        <v>10</v>
      </c>
      <c r="E2461">
        <v>0.47</v>
      </c>
      <c r="F2461">
        <v>0.93</v>
      </c>
      <c r="G2461">
        <v>0.25</v>
      </c>
    </row>
    <row r="2462" spans="1:7" x14ac:dyDescent="0.25">
      <c r="A2462" t="s">
        <v>29</v>
      </c>
      <c r="B2462">
        <v>37612</v>
      </c>
      <c r="C2462">
        <v>16</v>
      </c>
      <c r="D2462" t="s">
        <v>12</v>
      </c>
      <c r="E2462">
        <v>0.04</v>
      </c>
      <c r="F2462">
        <v>1.19</v>
      </c>
      <c r="G2462">
        <v>0.3</v>
      </c>
    </row>
    <row r="2463" spans="1:7" x14ac:dyDescent="0.25">
      <c r="A2463" t="s">
        <v>20</v>
      </c>
      <c r="B2463">
        <v>87623</v>
      </c>
      <c r="C2463">
        <v>12</v>
      </c>
      <c r="D2463" t="s">
        <v>12</v>
      </c>
      <c r="E2463">
        <v>0.94</v>
      </c>
      <c r="F2463">
        <v>0.72</v>
      </c>
      <c r="G2463">
        <v>0.62</v>
      </c>
    </row>
    <row r="2464" spans="1:7" x14ac:dyDescent="0.25">
      <c r="A2464" t="s">
        <v>18</v>
      </c>
      <c r="B2464">
        <v>84503</v>
      </c>
      <c r="C2464">
        <v>2</v>
      </c>
      <c r="D2464" t="s">
        <v>24</v>
      </c>
      <c r="E2464">
        <v>0.81</v>
      </c>
      <c r="F2464">
        <v>1.08</v>
      </c>
      <c r="G2464">
        <v>0.56000000000000005</v>
      </c>
    </row>
    <row r="2465" spans="1:7" x14ac:dyDescent="0.25">
      <c r="A2465" t="s">
        <v>26</v>
      </c>
      <c r="B2465">
        <v>140427</v>
      </c>
      <c r="C2465">
        <v>23</v>
      </c>
      <c r="D2465" t="s">
        <v>10</v>
      </c>
      <c r="E2465">
        <v>0.53</v>
      </c>
      <c r="F2465">
        <v>0.5</v>
      </c>
      <c r="G2465">
        <v>0.25</v>
      </c>
    </row>
    <row r="2466" spans="1:7" x14ac:dyDescent="0.25">
      <c r="A2466" t="s">
        <v>17</v>
      </c>
      <c r="B2466">
        <v>73281</v>
      </c>
      <c r="C2466">
        <v>15</v>
      </c>
      <c r="D2466" t="s">
        <v>12</v>
      </c>
      <c r="E2466">
        <v>0.1</v>
      </c>
      <c r="F2466">
        <v>0.74</v>
      </c>
      <c r="G2466">
        <v>0.14000000000000001</v>
      </c>
    </row>
    <row r="2467" spans="1:7" x14ac:dyDescent="0.25">
      <c r="A2467" t="s">
        <v>18</v>
      </c>
      <c r="B2467">
        <v>66492</v>
      </c>
      <c r="C2467">
        <v>3</v>
      </c>
      <c r="D2467" t="s">
        <v>12</v>
      </c>
      <c r="E2467">
        <v>0.01</v>
      </c>
      <c r="F2467">
        <v>0.91</v>
      </c>
      <c r="G2467">
        <v>0.59</v>
      </c>
    </row>
    <row r="2468" spans="1:7" x14ac:dyDescent="0.25">
      <c r="A2468" t="s">
        <v>22</v>
      </c>
      <c r="B2468">
        <v>52368</v>
      </c>
      <c r="C2468">
        <v>8</v>
      </c>
      <c r="D2468" t="s">
        <v>10</v>
      </c>
      <c r="E2468">
        <v>0.01</v>
      </c>
      <c r="F2468">
        <v>0.76</v>
      </c>
      <c r="G2468">
        <v>0.49</v>
      </c>
    </row>
    <row r="2469" spans="1:7" x14ac:dyDescent="0.25">
      <c r="A2469" t="s">
        <v>7</v>
      </c>
      <c r="B2469">
        <v>113302</v>
      </c>
      <c r="C2469">
        <v>14</v>
      </c>
      <c r="D2469" t="s">
        <v>8</v>
      </c>
      <c r="E2469">
        <v>0.7</v>
      </c>
      <c r="F2469">
        <v>0.59</v>
      </c>
      <c r="G2469">
        <v>0.9</v>
      </c>
    </row>
    <row r="2470" spans="1:7" x14ac:dyDescent="0.25">
      <c r="A2470" t="s">
        <v>28</v>
      </c>
      <c r="B2470">
        <v>80901</v>
      </c>
      <c r="C2470">
        <v>17</v>
      </c>
      <c r="D2470" t="s">
        <v>8</v>
      </c>
      <c r="E2470">
        <v>0.77</v>
      </c>
      <c r="F2470">
        <v>0.62</v>
      </c>
      <c r="G2470">
        <v>0.57999999999999996</v>
      </c>
    </row>
    <row r="2471" spans="1:7" x14ac:dyDescent="0.25">
      <c r="A2471" t="s">
        <v>20</v>
      </c>
      <c r="B2471">
        <v>68197</v>
      </c>
      <c r="C2471">
        <v>23</v>
      </c>
      <c r="D2471" t="s">
        <v>12</v>
      </c>
      <c r="E2471">
        <v>0.87</v>
      </c>
      <c r="F2471">
        <v>0.89</v>
      </c>
      <c r="G2471">
        <v>0.62</v>
      </c>
    </row>
    <row r="2472" spans="1:7" x14ac:dyDescent="0.25">
      <c r="A2472" t="s">
        <v>17</v>
      </c>
      <c r="B2472">
        <v>101721</v>
      </c>
      <c r="C2472">
        <v>9</v>
      </c>
      <c r="D2472" t="s">
        <v>8</v>
      </c>
      <c r="E2472">
        <v>0.22</v>
      </c>
      <c r="F2472">
        <v>0.91</v>
      </c>
      <c r="G2472">
        <v>0.15</v>
      </c>
    </row>
    <row r="2473" spans="1:7" x14ac:dyDescent="0.25">
      <c r="A2473" t="s">
        <v>16</v>
      </c>
      <c r="B2473">
        <v>125101</v>
      </c>
      <c r="C2473">
        <v>12</v>
      </c>
      <c r="D2473" t="s">
        <v>24</v>
      </c>
      <c r="E2473">
        <v>0.52</v>
      </c>
      <c r="F2473">
        <v>0.62</v>
      </c>
      <c r="G2473">
        <v>0.39</v>
      </c>
    </row>
    <row r="2474" spans="1:7" x14ac:dyDescent="0.25">
      <c r="A2474" t="s">
        <v>7</v>
      </c>
      <c r="B2474">
        <v>143605</v>
      </c>
      <c r="C2474">
        <v>3</v>
      </c>
      <c r="D2474" t="s">
        <v>8</v>
      </c>
      <c r="E2474">
        <v>0.13</v>
      </c>
      <c r="F2474">
        <v>0.67</v>
      </c>
      <c r="G2474">
        <v>0.87</v>
      </c>
    </row>
    <row r="2475" spans="1:7" x14ac:dyDescent="0.25">
      <c r="A2475" t="s">
        <v>14</v>
      </c>
      <c r="B2475">
        <v>124183</v>
      </c>
      <c r="C2475">
        <v>10</v>
      </c>
      <c r="D2475" t="s">
        <v>10</v>
      </c>
      <c r="E2475">
        <v>0.99</v>
      </c>
      <c r="F2475">
        <v>1.23</v>
      </c>
      <c r="G2475">
        <v>0.46</v>
      </c>
    </row>
    <row r="2476" spans="1:7" x14ac:dyDescent="0.25">
      <c r="A2476" t="s">
        <v>17</v>
      </c>
      <c r="B2476">
        <v>81907</v>
      </c>
      <c r="C2476">
        <v>12</v>
      </c>
      <c r="D2476" t="s">
        <v>8</v>
      </c>
      <c r="E2476">
        <v>0.64</v>
      </c>
      <c r="F2476">
        <v>1.39</v>
      </c>
      <c r="G2476">
        <v>0.28000000000000003</v>
      </c>
    </row>
    <row r="2477" spans="1:7" x14ac:dyDescent="0.25">
      <c r="A2477" t="s">
        <v>13</v>
      </c>
      <c r="B2477">
        <v>130231</v>
      </c>
      <c r="C2477">
        <v>29</v>
      </c>
      <c r="D2477" t="s">
        <v>12</v>
      </c>
      <c r="E2477">
        <v>0.31</v>
      </c>
      <c r="F2477">
        <v>1.22</v>
      </c>
      <c r="G2477">
        <v>0.38</v>
      </c>
    </row>
    <row r="2478" spans="1:7" x14ac:dyDescent="0.25">
      <c r="A2478" t="s">
        <v>27</v>
      </c>
      <c r="B2478">
        <v>50893</v>
      </c>
      <c r="C2478">
        <v>6</v>
      </c>
      <c r="D2478" t="s">
        <v>10</v>
      </c>
      <c r="E2478">
        <v>0.36</v>
      </c>
      <c r="F2478">
        <v>1.17</v>
      </c>
      <c r="G2478">
        <v>0.84</v>
      </c>
    </row>
    <row r="2479" spans="1:7" x14ac:dyDescent="0.25">
      <c r="A2479" t="s">
        <v>9</v>
      </c>
      <c r="B2479">
        <v>34273</v>
      </c>
      <c r="C2479">
        <v>13</v>
      </c>
      <c r="D2479" t="s">
        <v>10</v>
      </c>
      <c r="E2479">
        <v>0.64</v>
      </c>
      <c r="F2479">
        <v>0.88</v>
      </c>
      <c r="G2479">
        <v>0.09</v>
      </c>
    </row>
    <row r="2480" spans="1:7" x14ac:dyDescent="0.25">
      <c r="A2480" t="s">
        <v>9</v>
      </c>
      <c r="B2480">
        <v>129941</v>
      </c>
      <c r="C2480">
        <v>0</v>
      </c>
      <c r="D2480" t="s">
        <v>10</v>
      </c>
      <c r="E2480">
        <v>0.73</v>
      </c>
      <c r="F2480">
        <v>1.0900000000000001</v>
      </c>
      <c r="G2480">
        <v>0.24</v>
      </c>
    </row>
    <row r="2481" spans="1:7" x14ac:dyDescent="0.25">
      <c r="A2481" t="s">
        <v>27</v>
      </c>
      <c r="B2481">
        <v>65310</v>
      </c>
      <c r="C2481">
        <v>0</v>
      </c>
      <c r="D2481" t="s">
        <v>12</v>
      </c>
      <c r="E2481">
        <v>0.43</v>
      </c>
      <c r="F2481">
        <v>1.21</v>
      </c>
      <c r="G2481">
        <v>0.8</v>
      </c>
    </row>
    <row r="2482" spans="1:7" x14ac:dyDescent="0.25">
      <c r="A2482" t="s">
        <v>20</v>
      </c>
      <c r="B2482">
        <v>111301</v>
      </c>
      <c r="C2482">
        <v>15</v>
      </c>
      <c r="D2482" t="s">
        <v>12</v>
      </c>
      <c r="E2482">
        <v>0.47</v>
      </c>
      <c r="F2482">
        <v>1.1299999999999999</v>
      </c>
      <c r="G2482">
        <v>0.56999999999999995</v>
      </c>
    </row>
    <row r="2483" spans="1:7" x14ac:dyDescent="0.25">
      <c r="A2483" t="s">
        <v>23</v>
      </c>
      <c r="B2483">
        <v>125325</v>
      </c>
      <c r="C2483">
        <v>25</v>
      </c>
      <c r="D2483" t="s">
        <v>10</v>
      </c>
      <c r="E2483">
        <v>0.8</v>
      </c>
      <c r="F2483">
        <v>0.74</v>
      </c>
      <c r="G2483">
        <v>0.5</v>
      </c>
    </row>
    <row r="2484" spans="1:7" x14ac:dyDescent="0.25">
      <c r="A2484" t="s">
        <v>19</v>
      </c>
      <c r="B2484">
        <v>53070</v>
      </c>
      <c r="C2484">
        <v>20</v>
      </c>
      <c r="D2484" t="s">
        <v>8</v>
      </c>
      <c r="E2484">
        <v>0.68</v>
      </c>
      <c r="F2484">
        <v>1.22</v>
      </c>
      <c r="G2484">
        <v>0.81</v>
      </c>
    </row>
    <row r="2485" spans="1:7" x14ac:dyDescent="0.25">
      <c r="A2485" t="s">
        <v>17</v>
      </c>
      <c r="B2485">
        <v>137582</v>
      </c>
      <c r="C2485">
        <v>2</v>
      </c>
      <c r="D2485" t="s">
        <v>12</v>
      </c>
      <c r="E2485">
        <v>0.74</v>
      </c>
      <c r="F2485">
        <v>1.24</v>
      </c>
      <c r="G2485">
        <v>0.17</v>
      </c>
    </row>
    <row r="2486" spans="1:7" x14ac:dyDescent="0.25">
      <c r="A2486" t="s">
        <v>13</v>
      </c>
      <c r="B2486">
        <v>77851</v>
      </c>
      <c r="C2486">
        <v>13</v>
      </c>
      <c r="D2486" t="s">
        <v>8</v>
      </c>
      <c r="E2486">
        <v>0.75</v>
      </c>
      <c r="F2486">
        <v>1.26</v>
      </c>
      <c r="G2486">
        <v>0.65</v>
      </c>
    </row>
    <row r="2487" spans="1:7" x14ac:dyDescent="0.25">
      <c r="A2487" t="s">
        <v>18</v>
      </c>
      <c r="B2487">
        <v>94690</v>
      </c>
      <c r="C2487">
        <v>17</v>
      </c>
      <c r="D2487" t="s">
        <v>10</v>
      </c>
      <c r="E2487">
        <v>0.22</v>
      </c>
      <c r="F2487">
        <v>1.22</v>
      </c>
      <c r="G2487">
        <v>0.37</v>
      </c>
    </row>
    <row r="2488" spans="1:7" x14ac:dyDescent="0.25">
      <c r="A2488" t="s">
        <v>30</v>
      </c>
      <c r="B2488">
        <v>106145</v>
      </c>
      <c r="C2488">
        <v>25</v>
      </c>
      <c r="D2488" t="s">
        <v>12</v>
      </c>
      <c r="E2488">
        <v>0.43</v>
      </c>
      <c r="F2488">
        <v>0.96</v>
      </c>
      <c r="G2488">
        <v>0.51</v>
      </c>
    </row>
    <row r="2489" spans="1:7" x14ac:dyDescent="0.25">
      <c r="A2489" t="s">
        <v>17</v>
      </c>
      <c r="B2489">
        <v>144256</v>
      </c>
      <c r="C2489">
        <v>4</v>
      </c>
      <c r="D2489" t="s">
        <v>10</v>
      </c>
      <c r="E2489">
        <v>0.46</v>
      </c>
      <c r="F2489">
        <v>1.0900000000000001</v>
      </c>
      <c r="G2489">
        <v>0.1</v>
      </c>
    </row>
    <row r="2490" spans="1:7" x14ac:dyDescent="0.25">
      <c r="A2490" t="s">
        <v>29</v>
      </c>
      <c r="B2490">
        <v>94322</v>
      </c>
      <c r="C2490">
        <v>12</v>
      </c>
      <c r="D2490" t="s">
        <v>24</v>
      </c>
      <c r="E2490">
        <v>0.48</v>
      </c>
      <c r="F2490">
        <v>0.86</v>
      </c>
      <c r="G2490">
        <v>0.28999999999999998</v>
      </c>
    </row>
    <row r="2491" spans="1:7" x14ac:dyDescent="0.25">
      <c r="A2491" t="s">
        <v>25</v>
      </c>
      <c r="B2491">
        <v>97504</v>
      </c>
      <c r="C2491">
        <v>3</v>
      </c>
      <c r="D2491" t="s">
        <v>24</v>
      </c>
      <c r="E2491">
        <v>0.49</v>
      </c>
      <c r="F2491">
        <v>0.66</v>
      </c>
      <c r="G2491">
        <v>0.87</v>
      </c>
    </row>
    <row r="2492" spans="1:7" x14ac:dyDescent="0.25">
      <c r="A2492" t="s">
        <v>23</v>
      </c>
      <c r="B2492">
        <v>64897</v>
      </c>
      <c r="C2492">
        <v>11</v>
      </c>
      <c r="D2492" t="s">
        <v>8</v>
      </c>
      <c r="E2492">
        <v>0.91</v>
      </c>
      <c r="F2492">
        <v>0.97</v>
      </c>
      <c r="G2492">
        <v>0.36</v>
      </c>
    </row>
    <row r="2493" spans="1:7" x14ac:dyDescent="0.25">
      <c r="A2493" t="s">
        <v>21</v>
      </c>
      <c r="B2493">
        <v>53425</v>
      </c>
      <c r="C2493">
        <v>18</v>
      </c>
      <c r="D2493" t="s">
        <v>8</v>
      </c>
      <c r="E2493">
        <v>0.92</v>
      </c>
      <c r="F2493">
        <v>1.17</v>
      </c>
      <c r="G2493">
        <v>0.4</v>
      </c>
    </row>
    <row r="2494" spans="1:7" x14ac:dyDescent="0.25">
      <c r="A2494" t="s">
        <v>21</v>
      </c>
      <c r="B2494">
        <v>69426</v>
      </c>
      <c r="C2494">
        <v>26</v>
      </c>
      <c r="D2494" t="s">
        <v>10</v>
      </c>
      <c r="E2494">
        <v>0.28000000000000003</v>
      </c>
      <c r="F2494">
        <v>1.1499999999999999</v>
      </c>
      <c r="G2494">
        <v>0.38</v>
      </c>
    </row>
    <row r="2495" spans="1:7" x14ac:dyDescent="0.25">
      <c r="A2495" t="s">
        <v>21</v>
      </c>
      <c r="B2495">
        <v>69801</v>
      </c>
      <c r="C2495">
        <v>0</v>
      </c>
      <c r="D2495" t="s">
        <v>24</v>
      </c>
      <c r="E2495">
        <v>0.48</v>
      </c>
      <c r="F2495">
        <v>1.22</v>
      </c>
      <c r="G2495">
        <v>0.62</v>
      </c>
    </row>
    <row r="2496" spans="1:7" x14ac:dyDescent="0.25">
      <c r="A2496" t="s">
        <v>21</v>
      </c>
      <c r="B2496">
        <v>102904</v>
      </c>
      <c r="C2496">
        <v>1</v>
      </c>
      <c r="D2496" t="s">
        <v>12</v>
      </c>
      <c r="E2496">
        <v>0.74</v>
      </c>
      <c r="F2496">
        <v>1.35</v>
      </c>
      <c r="G2496">
        <v>0.34</v>
      </c>
    </row>
    <row r="2497" spans="1:7" x14ac:dyDescent="0.25">
      <c r="A2497" t="s">
        <v>19</v>
      </c>
      <c r="B2497">
        <v>72020</v>
      </c>
      <c r="C2497">
        <v>6</v>
      </c>
      <c r="D2497" t="s">
        <v>24</v>
      </c>
      <c r="E2497">
        <v>0.54</v>
      </c>
      <c r="F2497">
        <v>1.1499999999999999</v>
      </c>
      <c r="G2497">
        <v>0.77</v>
      </c>
    </row>
    <row r="2498" spans="1:7" x14ac:dyDescent="0.25">
      <c r="A2498" t="s">
        <v>21</v>
      </c>
      <c r="B2498">
        <v>59362</v>
      </c>
      <c r="C2498">
        <v>18</v>
      </c>
      <c r="D2498" t="s">
        <v>8</v>
      </c>
      <c r="E2498">
        <v>0.27</v>
      </c>
      <c r="F2498">
        <v>0.8</v>
      </c>
      <c r="G2498">
        <v>0.65</v>
      </c>
    </row>
    <row r="2499" spans="1:7" x14ac:dyDescent="0.25">
      <c r="A2499" t="s">
        <v>7</v>
      </c>
      <c r="B2499">
        <v>113366</v>
      </c>
      <c r="C2499">
        <v>20</v>
      </c>
      <c r="D2499" t="s">
        <v>8</v>
      </c>
      <c r="E2499">
        <v>0.53</v>
      </c>
      <c r="F2499">
        <v>1.4</v>
      </c>
      <c r="G2499">
        <v>0.72</v>
      </c>
    </row>
    <row r="2500" spans="1:7" x14ac:dyDescent="0.25">
      <c r="A2500" t="s">
        <v>15</v>
      </c>
      <c r="B2500">
        <v>114142</v>
      </c>
      <c r="C2500">
        <v>21</v>
      </c>
      <c r="D2500" t="s">
        <v>10</v>
      </c>
      <c r="E2500">
        <v>0.62</v>
      </c>
      <c r="F2500">
        <v>1.35</v>
      </c>
      <c r="G2500">
        <v>0.11</v>
      </c>
    </row>
    <row r="2501" spans="1:7" x14ac:dyDescent="0.25">
      <c r="A2501" t="s">
        <v>30</v>
      </c>
      <c r="B2501">
        <v>94197</v>
      </c>
      <c r="C2501">
        <v>3</v>
      </c>
      <c r="D2501" t="s">
        <v>24</v>
      </c>
      <c r="E2501">
        <v>0.24</v>
      </c>
      <c r="F2501">
        <v>1.36</v>
      </c>
      <c r="G2501">
        <v>0.55000000000000004</v>
      </c>
    </row>
    <row r="2502" spans="1:7" x14ac:dyDescent="0.25">
      <c r="A2502" t="s">
        <v>14</v>
      </c>
      <c r="B2502">
        <v>73518</v>
      </c>
      <c r="C2502">
        <v>2</v>
      </c>
      <c r="D2502" t="s">
        <v>12</v>
      </c>
      <c r="E2502">
        <v>0.21</v>
      </c>
      <c r="F2502">
        <v>0.63</v>
      </c>
      <c r="G2502">
        <v>0.4</v>
      </c>
    </row>
    <row r="2503" spans="1:7" x14ac:dyDescent="0.25">
      <c r="A2503" t="s">
        <v>16</v>
      </c>
      <c r="B2503">
        <v>138460</v>
      </c>
      <c r="C2503">
        <v>20</v>
      </c>
      <c r="D2503" t="s">
        <v>24</v>
      </c>
      <c r="E2503">
        <v>0.65</v>
      </c>
      <c r="F2503">
        <v>0.99</v>
      </c>
      <c r="G2503">
        <v>0.6</v>
      </c>
    </row>
    <row r="2504" spans="1:7" x14ac:dyDescent="0.25">
      <c r="A2504" t="s">
        <v>30</v>
      </c>
      <c r="B2504">
        <v>38628</v>
      </c>
      <c r="C2504">
        <v>18</v>
      </c>
      <c r="D2504" t="s">
        <v>10</v>
      </c>
      <c r="E2504">
        <v>0.49</v>
      </c>
      <c r="F2504">
        <v>1.47</v>
      </c>
      <c r="G2504">
        <v>0.62</v>
      </c>
    </row>
    <row r="2505" spans="1:7" x14ac:dyDescent="0.25">
      <c r="A2505" t="s">
        <v>13</v>
      </c>
      <c r="B2505">
        <v>72353</v>
      </c>
      <c r="C2505">
        <v>14</v>
      </c>
      <c r="D2505" t="s">
        <v>8</v>
      </c>
      <c r="E2505">
        <v>0.44</v>
      </c>
      <c r="F2505">
        <v>1.26</v>
      </c>
      <c r="G2505">
        <v>0.37</v>
      </c>
    </row>
    <row r="2506" spans="1:7" x14ac:dyDescent="0.25">
      <c r="A2506" t="s">
        <v>21</v>
      </c>
      <c r="B2506">
        <v>47054</v>
      </c>
      <c r="C2506">
        <v>19</v>
      </c>
      <c r="D2506" t="s">
        <v>8</v>
      </c>
      <c r="E2506">
        <v>0.56000000000000005</v>
      </c>
      <c r="F2506">
        <v>1.38</v>
      </c>
      <c r="G2506">
        <v>0.31</v>
      </c>
    </row>
    <row r="2507" spans="1:7" x14ac:dyDescent="0.25">
      <c r="A2507" t="s">
        <v>22</v>
      </c>
      <c r="B2507">
        <v>73489</v>
      </c>
      <c r="C2507">
        <v>2</v>
      </c>
      <c r="D2507" t="s">
        <v>8</v>
      </c>
      <c r="E2507">
        <v>0.32</v>
      </c>
      <c r="F2507">
        <v>0.93</v>
      </c>
      <c r="G2507">
        <v>0.34</v>
      </c>
    </row>
    <row r="2508" spans="1:7" x14ac:dyDescent="0.25">
      <c r="A2508" t="s">
        <v>25</v>
      </c>
      <c r="B2508">
        <v>127014</v>
      </c>
      <c r="C2508">
        <v>11</v>
      </c>
      <c r="D2508" t="s">
        <v>8</v>
      </c>
      <c r="E2508">
        <v>0.92</v>
      </c>
      <c r="F2508">
        <v>1.41</v>
      </c>
      <c r="G2508">
        <v>0.7</v>
      </c>
    </row>
    <row r="2509" spans="1:7" x14ac:dyDescent="0.25">
      <c r="A2509" t="s">
        <v>15</v>
      </c>
      <c r="B2509">
        <v>138569</v>
      </c>
      <c r="C2509">
        <v>22</v>
      </c>
      <c r="D2509" t="s">
        <v>8</v>
      </c>
      <c r="E2509">
        <v>0.74</v>
      </c>
      <c r="F2509">
        <v>1.21</v>
      </c>
      <c r="G2509">
        <v>7.0000000000000007E-2</v>
      </c>
    </row>
    <row r="2510" spans="1:7" x14ac:dyDescent="0.25">
      <c r="A2510" t="s">
        <v>7</v>
      </c>
      <c r="B2510">
        <v>134371</v>
      </c>
      <c r="C2510">
        <v>6</v>
      </c>
      <c r="D2510" t="s">
        <v>24</v>
      </c>
      <c r="E2510">
        <v>0.69</v>
      </c>
      <c r="F2510">
        <v>1.49</v>
      </c>
      <c r="G2510">
        <v>0.87</v>
      </c>
    </row>
    <row r="2511" spans="1:7" x14ac:dyDescent="0.25">
      <c r="A2511" t="s">
        <v>16</v>
      </c>
      <c r="B2511">
        <v>77687</v>
      </c>
      <c r="C2511">
        <v>28</v>
      </c>
      <c r="D2511" t="s">
        <v>24</v>
      </c>
      <c r="E2511">
        <v>0.03</v>
      </c>
      <c r="F2511">
        <v>0.72</v>
      </c>
      <c r="G2511">
        <v>0.45</v>
      </c>
    </row>
    <row r="2512" spans="1:7" x14ac:dyDescent="0.25">
      <c r="A2512" t="s">
        <v>27</v>
      </c>
      <c r="B2512">
        <v>40128</v>
      </c>
      <c r="C2512">
        <v>23</v>
      </c>
      <c r="D2512" t="s">
        <v>8</v>
      </c>
      <c r="E2512">
        <v>0.86</v>
      </c>
      <c r="F2512">
        <v>0.71</v>
      </c>
      <c r="G2512">
        <v>0.86</v>
      </c>
    </row>
    <row r="2513" spans="1:7" x14ac:dyDescent="0.25">
      <c r="A2513" t="s">
        <v>9</v>
      </c>
      <c r="B2513">
        <v>105505</v>
      </c>
      <c r="C2513">
        <v>12</v>
      </c>
      <c r="D2513" t="s">
        <v>24</v>
      </c>
      <c r="E2513">
        <v>0.47</v>
      </c>
      <c r="F2513">
        <v>0.52</v>
      </c>
      <c r="G2513">
        <v>7.0000000000000007E-2</v>
      </c>
    </row>
    <row r="2514" spans="1:7" x14ac:dyDescent="0.25">
      <c r="A2514" t="s">
        <v>19</v>
      </c>
      <c r="B2514">
        <v>37109</v>
      </c>
      <c r="C2514">
        <v>19</v>
      </c>
      <c r="D2514" t="s">
        <v>12</v>
      </c>
      <c r="E2514">
        <v>0.05</v>
      </c>
      <c r="F2514">
        <v>1.21</v>
      </c>
      <c r="G2514">
        <v>0.91</v>
      </c>
    </row>
    <row r="2515" spans="1:7" x14ac:dyDescent="0.25">
      <c r="A2515" t="s">
        <v>14</v>
      </c>
      <c r="B2515">
        <v>97672</v>
      </c>
      <c r="C2515">
        <v>7</v>
      </c>
      <c r="D2515" t="s">
        <v>24</v>
      </c>
      <c r="E2515">
        <v>0.47</v>
      </c>
      <c r="F2515">
        <v>1.0900000000000001</v>
      </c>
      <c r="G2515">
        <v>0.7</v>
      </c>
    </row>
    <row r="2516" spans="1:7" x14ac:dyDescent="0.25">
      <c r="A2516" t="s">
        <v>16</v>
      </c>
      <c r="B2516">
        <v>149593</v>
      </c>
      <c r="C2516">
        <v>19</v>
      </c>
      <c r="D2516" t="s">
        <v>12</v>
      </c>
      <c r="E2516">
        <v>0.3</v>
      </c>
      <c r="F2516">
        <v>1.24</v>
      </c>
      <c r="G2516">
        <v>0.52</v>
      </c>
    </row>
    <row r="2517" spans="1:7" x14ac:dyDescent="0.25">
      <c r="A2517" t="s">
        <v>15</v>
      </c>
      <c r="B2517">
        <v>81108</v>
      </c>
      <c r="C2517">
        <v>6</v>
      </c>
      <c r="D2517" t="s">
        <v>8</v>
      </c>
      <c r="E2517">
        <v>0.48</v>
      </c>
      <c r="F2517">
        <v>0.9</v>
      </c>
      <c r="G2517">
        <v>0.17</v>
      </c>
    </row>
    <row r="2518" spans="1:7" x14ac:dyDescent="0.25">
      <c r="A2518" t="s">
        <v>23</v>
      </c>
      <c r="B2518">
        <v>77197</v>
      </c>
      <c r="C2518">
        <v>3</v>
      </c>
      <c r="D2518" t="s">
        <v>24</v>
      </c>
      <c r="E2518">
        <v>0.83</v>
      </c>
      <c r="F2518">
        <v>1.39</v>
      </c>
      <c r="G2518">
        <v>0.61</v>
      </c>
    </row>
    <row r="2519" spans="1:7" x14ac:dyDescent="0.25">
      <c r="A2519" t="s">
        <v>19</v>
      </c>
      <c r="B2519">
        <v>113499</v>
      </c>
      <c r="C2519">
        <v>6</v>
      </c>
      <c r="D2519" t="s">
        <v>8</v>
      </c>
      <c r="E2519">
        <v>0.17</v>
      </c>
      <c r="F2519">
        <v>0.93</v>
      </c>
      <c r="G2519">
        <v>0.94</v>
      </c>
    </row>
    <row r="2520" spans="1:7" x14ac:dyDescent="0.25">
      <c r="A2520" t="s">
        <v>27</v>
      </c>
      <c r="B2520">
        <v>133462</v>
      </c>
      <c r="C2520">
        <v>6</v>
      </c>
      <c r="D2520" t="s">
        <v>8</v>
      </c>
      <c r="E2520">
        <v>0.26</v>
      </c>
      <c r="F2520">
        <v>1.07</v>
      </c>
      <c r="G2520">
        <v>0.87</v>
      </c>
    </row>
    <row r="2521" spans="1:7" x14ac:dyDescent="0.25">
      <c r="A2521" t="s">
        <v>18</v>
      </c>
      <c r="B2521">
        <v>96393</v>
      </c>
      <c r="C2521">
        <v>13</v>
      </c>
      <c r="D2521" t="s">
        <v>8</v>
      </c>
      <c r="E2521">
        <v>0.49</v>
      </c>
      <c r="F2521">
        <v>1.47</v>
      </c>
      <c r="G2521">
        <v>0.61</v>
      </c>
    </row>
    <row r="2522" spans="1:7" x14ac:dyDescent="0.25">
      <c r="A2522" t="s">
        <v>11</v>
      </c>
      <c r="B2522">
        <v>99226</v>
      </c>
      <c r="C2522">
        <v>11</v>
      </c>
      <c r="D2522" t="s">
        <v>12</v>
      </c>
      <c r="E2522">
        <v>0.26</v>
      </c>
      <c r="F2522">
        <v>0.76</v>
      </c>
      <c r="G2522">
        <v>0.93</v>
      </c>
    </row>
    <row r="2523" spans="1:7" x14ac:dyDescent="0.25">
      <c r="A2523" t="s">
        <v>11</v>
      </c>
      <c r="B2523">
        <v>55483</v>
      </c>
      <c r="C2523">
        <v>1</v>
      </c>
      <c r="D2523" t="s">
        <v>24</v>
      </c>
      <c r="E2523">
        <v>0.13</v>
      </c>
      <c r="F2523">
        <v>1.39</v>
      </c>
      <c r="G2523">
        <v>0.88</v>
      </c>
    </row>
    <row r="2524" spans="1:7" x14ac:dyDescent="0.25">
      <c r="A2524" t="s">
        <v>20</v>
      </c>
      <c r="B2524">
        <v>35499</v>
      </c>
      <c r="C2524">
        <v>27</v>
      </c>
      <c r="D2524" t="s">
        <v>8</v>
      </c>
      <c r="E2524">
        <v>0.27</v>
      </c>
      <c r="F2524">
        <v>0.64</v>
      </c>
      <c r="G2524">
        <v>0.57999999999999996</v>
      </c>
    </row>
    <row r="2525" spans="1:7" x14ac:dyDescent="0.25">
      <c r="A2525" t="s">
        <v>25</v>
      </c>
      <c r="B2525">
        <v>59737</v>
      </c>
      <c r="C2525">
        <v>15</v>
      </c>
      <c r="D2525" t="s">
        <v>24</v>
      </c>
      <c r="E2525">
        <v>0.92</v>
      </c>
      <c r="F2525">
        <v>0.99</v>
      </c>
      <c r="G2525">
        <v>0.9</v>
      </c>
    </row>
    <row r="2526" spans="1:7" x14ac:dyDescent="0.25">
      <c r="A2526" t="s">
        <v>25</v>
      </c>
      <c r="B2526">
        <v>40364</v>
      </c>
      <c r="C2526">
        <v>0</v>
      </c>
      <c r="D2526" t="s">
        <v>8</v>
      </c>
      <c r="E2526">
        <v>0.37</v>
      </c>
      <c r="F2526">
        <v>1.3</v>
      </c>
      <c r="G2526">
        <v>0.71</v>
      </c>
    </row>
    <row r="2527" spans="1:7" x14ac:dyDescent="0.25">
      <c r="A2527" t="s">
        <v>20</v>
      </c>
      <c r="B2527">
        <v>97954</v>
      </c>
      <c r="C2527">
        <v>20</v>
      </c>
      <c r="D2527" t="s">
        <v>8</v>
      </c>
      <c r="E2527">
        <v>0.41</v>
      </c>
      <c r="F2527">
        <v>1.47</v>
      </c>
      <c r="G2527">
        <v>0.48</v>
      </c>
    </row>
    <row r="2528" spans="1:7" x14ac:dyDescent="0.25">
      <c r="A2528" t="s">
        <v>19</v>
      </c>
      <c r="B2528">
        <v>36534</v>
      </c>
      <c r="C2528">
        <v>24</v>
      </c>
      <c r="D2528" t="s">
        <v>12</v>
      </c>
      <c r="E2528">
        <v>0.8</v>
      </c>
      <c r="F2528">
        <v>0.75</v>
      </c>
      <c r="G2528">
        <v>0.71</v>
      </c>
    </row>
    <row r="2529" spans="1:7" x14ac:dyDescent="0.25">
      <c r="A2529" t="s">
        <v>9</v>
      </c>
      <c r="B2529">
        <v>85012</v>
      </c>
      <c r="C2529">
        <v>4</v>
      </c>
      <c r="D2529" t="s">
        <v>8</v>
      </c>
      <c r="E2529">
        <v>0.53</v>
      </c>
      <c r="F2529">
        <v>0.63</v>
      </c>
      <c r="G2529">
        <v>0.17</v>
      </c>
    </row>
    <row r="2530" spans="1:7" x14ac:dyDescent="0.25">
      <c r="A2530" t="s">
        <v>11</v>
      </c>
      <c r="B2530">
        <v>94712</v>
      </c>
      <c r="C2530">
        <v>25</v>
      </c>
      <c r="D2530" t="s">
        <v>12</v>
      </c>
      <c r="E2530">
        <v>0.46</v>
      </c>
      <c r="F2530">
        <v>1.23</v>
      </c>
      <c r="G2530">
        <v>0.8</v>
      </c>
    </row>
    <row r="2531" spans="1:7" x14ac:dyDescent="0.25">
      <c r="A2531" t="s">
        <v>17</v>
      </c>
      <c r="B2531">
        <v>124580</v>
      </c>
      <c r="C2531">
        <v>12</v>
      </c>
      <c r="D2531" t="s">
        <v>24</v>
      </c>
      <c r="E2531">
        <v>0.69</v>
      </c>
      <c r="F2531">
        <v>1.17</v>
      </c>
      <c r="G2531">
        <v>0.28999999999999998</v>
      </c>
    </row>
    <row r="2532" spans="1:7" x14ac:dyDescent="0.25">
      <c r="A2532" t="s">
        <v>20</v>
      </c>
      <c r="B2532">
        <v>89151</v>
      </c>
      <c r="C2532">
        <v>8</v>
      </c>
      <c r="D2532" t="s">
        <v>10</v>
      </c>
      <c r="E2532">
        <v>0.08</v>
      </c>
      <c r="F2532">
        <v>0.86</v>
      </c>
      <c r="G2532">
        <v>0.5</v>
      </c>
    </row>
    <row r="2533" spans="1:7" x14ac:dyDescent="0.25">
      <c r="A2533" t="s">
        <v>22</v>
      </c>
      <c r="B2533">
        <v>100529</v>
      </c>
      <c r="C2533">
        <v>26</v>
      </c>
      <c r="D2533" t="s">
        <v>24</v>
      </c>
      <c r="E2533">
        <v>0.03</v>
      </c>
      <c r="F2533">
        <v>1.0900000000000001</v>
      </c>
      <c r="G2533">
        <v>0.68</v>
      </c>
    </row>
    <row r="2534" spans="1:7" x14ac:dyDescent="0.25">
      <c r="A2534" t="s">
        <v>25</v>
      </c>
      <c r="B2534">
        <v>127054</v>
      </c>
      <c r="C2534">
        <v>27</v>
      </c>
      <c r="D2534" t="s">
        <v>8</v>
      </c>
      <c r="E2534">
        <v>0.49</v>
      </c>
      <c r="F2534">
        <v>1.43</v>
      </c>
      <c r="G2534">
        <v>0.77</v>
      </c>
    </row>
    <row r="2535" spans="1:7" x14ac:dyDescent="0.25">
      <c r="A2535" t="s">
        <v>15</v>
      </c>
      <c r="B2535">
        <v>68899</v>
      </c>
      <c r="C2535">
        <v>11</v>
      </c>
      <c r="D2535" t="s">
        <v>24</v>
      </c>
      <c r="E2535">
        <v>0.76</v>
      </c>
      <c r="F2535">
        <v>0.7</v>
      </c>
      <c r="G2535">
        <v>0.28000000000000003</v>
      </c>
    </row>
    <row r="2536" spans="1:7" x14ac:dyDescent="0.25">
      <c r="A2536" t="s">
        <v>28</v>
      </c>
      <c r="B2536">
        <v>102564</v>
      </c>
      <c r="C2536">
        <v>14</v>
      </c>
      <c r="D2536" t="s">
        <v>12</v>
      </c>
      <c r="E2536">
        <v>0.43</v>
      </c>
      <c r="F2536">
        <v>1.34</v>
      </c>
      <c r="G2536">
        <v>0.64</v>
      </c>
    </row>
    <row r="2537" spans="1:7" x14ac:dyDescent="0.25">
      <c r="A2537" t="s">
        <v>18</v>
      </c>
      <c r="B2537">
        <v>47928</v>
      </c>
      <c r="C2537">
        <v>17</v>
      </c>
      <c r="D2537" t="s">
        <v>12</v>
      </c>
      <c r="E2537">
        <v>0.78</v>
      </c>
      <c r="F2537">
        <v>0.81</v>
      </c>
      <c r="G2537">
        <v>0.32</v>
      </c>
    </row>
    <row r="2538" spans="1:7" x14ac:dyDescent="0.25">
      <c r="A2538" t="s">
        <v>7</v>
      </c>
      <c r="B2538">
        <v>48560</v>
      </c>
      <c r="C2538">
        <v>21</v>
      </c>
      <c r="D2538" t="s">
        <v>10</v>
      </c>
      <c r="E2538">
        <v>0.93</v>
      </c>
      <c r="F2538">
        <v>1.39</v>
      </c>
      <c r="G2538">
        <v>0.93</v>
      </c>
    </row>
    <row r="2539" spans="1:7" x14ac:dyDescent="0.25">
      <c r="A2539" t="s">
        <v>27</v>
      </c>
      <c r="B2539">
        <v>81290</v>
      </c>
      <c r="C2539">
        <v>20</v>
      </c>
      <c r="D2539" t="s">
        <v>10</v>
      </c>
      <c r="E2539">
        <v>0.43</v>
      </c>
      <c r="F2539">
        <v>1.48</v>
      </c>
      <c r="G2539">
        <v>0.78</v>
      </c>
    </row>
    <row r="2540" spans="1:7" x14ac:dyDescent="0.25">
      <c r="A2540" t="s">
        <v>19</v>
      </c>
      <c r="B2540">
        <v>63897</v>
      </c>
      <c r="C2540">
        <v>4</v>
      </c>
      <c r="D2540" t="s">
        <v>12</v>
      </c>
      <c r="E2540">
        <v>0.03</v>
      </c>
      <c r="F2540">
        <v>1.33</v>
      </c>
      <c r="G2540">
        <v>0.79</v>
      </c>
    </row>
    <row r="2541" spans="1:7" x14ac:dyDescent="0.25">
      <c r="A2541" t="s">
        <v>13</v>
      </c>
      <c r="B2541">
        <v>124752</v>
      </c>
      <c r="C2541">
        <v>29</v>
      </c>
      <c r="D2541" t="s">
        <v>10</v>
      </c>
      <c r="E2541">
        <v>0.94</v>
      </c>
      <c r="F2541">
        <v>1.06</v>
      </c>
      <c r="G2541">
        <v>0.3</v>
      </c>
    </row>
    <row r="2542" spans="1:7" x14ac:dyDescent="0.25">
      <c r="A2542" t="s">
        <v>13</v>
      </c>
      <c r="B2542">
        <v>78008</v>
      </c>
      <c r="C2542">
        <v>19</v>
      </c>
      <c r="D2542" t="s">
        <v>24</v>
      </c>
      <c r="E2542">
        <v>0.78</v>
      </c>
      <c r="F2542">
        <v>1.22</v>
      </c>
      <c r="G2542">
        <v>0.52</v>
      </c>
    </row>
    <row r="2543" spans="1:7" x14ac:dyDescent="0.25">
      <c r="A2543" t="s">
        <v>27</v>
      </c>
      <c r="B2543">
        <v>75018</v>
      </c>
      <c r="C2543">
        <v>16</v>
      </c>
      <c r="D2543" t="s">
        <v>12</v>
      </c>
      <c r="E2543">
        <v>0.55000000000000004</v>
      </c>
      <c r="F2543">
        <v>0.93</v>
      </c>
      <c r="G2543">
        <v>0.83</v>
      </c>
    </row>
    <row r="2544" spans="1:7" x14ac:dyDescent="0.25">
      <c r="A2544" t="s">
        <v>26</v>
      </c>
      <c r="B2544">
        <v>94407</v>
      </c>
      <c r="C2544">
        <v>11</v>
      </c>
      <c r="D2544" t="s">
        <v>10</v>
      </c>
      <c r="E2544">
        <v>0.13</v>
      </c>
      <c r="F2544">
        <v>1.46</v>
      </c>
      <c r="G2544">
        <v>7.0000000000000007E-2</v>
      </c>
    </row>
    <row r="2545" spans="1:7" x14ac:dyDescent="0.25">
      <c r="A2545" t="s">
        <v>15</v>
      </c>
      <c r="B2545">
        <v>43096</v>
      </c>
      <c r="C2545">
        <v>26</v>
      </c>
      <c r="D2545" t="s">
        <v>10</v>
      </c>
      <c r="E2545">
        <v>0.63</v>
      </c>
      <c r="F2545">
        <v>0.98</v>
      </c>
      <c r="G2545">
        <v>0.3</v>
      </c>
    </row>
    <row r="2546" spans="1:7" x14ac:dyDescent="0.25">
      <c r="A2546" t="s">
        <v>9</v>
      </c>
      <c r="B2546">
        <v>65504</v>
      </c>
      <c r="C2546">
        <v>14</v>
      </c>
      <c r="D2546" t="s">
        <v>8</v>
      </c>
      <c r="E2546">
        <v>0.56000000000000005</v>
      </c>
      <c r="F2546">
        <v>1.02</v>
      </c>
      <c r="G2546">
        <v>0.18</v>
      </c>
    </row>
    <row r="2547" spans="1:7" x14ac:dyDescent="0.25">
      <c r="A2547" t="s">
        <v>21</v>
      </c>
      <c r="B2547">
        <v>115692</v>
      </c>
      <c r="C2547">
        <v>16</v>
      </c>
      <c r="D2547" t="s">
        <v>12</v>
      </c>
      <c r="E2547">
        <v>0.63</v>
      </c>
      <c r="F2547">
        <v>1.01</v>
      </c>
      <c r="G2547">
        <v>0.49</v>
      </c>
    </row>
    <row r="2548" spans="1:7" x14ac:dyDescent="0.25">
      <c r="A2548" t="s">
        <v>27</v>
      </c>
      <c r="B2548">
        <v>72971</v>
      </c>
      <c r="C2548">
        <v>9</v>
      </c>
      <c r="D2548" t="s">
        <v>12</v>
      </c>
      <c r="E2548">
        <v>0.1</v>
      </c>
      <c r="F2548">
        <v>1.07</v>
      </c>
      <c r="G2548">
        <v>0.8</v>
      </c>
    </row>
    <row r="2549" spans="1:7" x14ac:dyDescent="0.25">
      <c r="A2549" t="s">
        <v>26</v>
      </c>
      <c r="B2549">
        <v>75456</v>
      </c>
      <c r="C2549">
        <v>27</v>
      </c>
      <c r="D2549" t="s">
        <v>8</v>
      </c>
      <c r="E2549">
        <v>0.88</v>
      </c>
      <c r="F2549">
        <v>1.49</v>
      </c>
      <c r="G2549">
        <v>0.14000000000000001</v>
      </c>
    </row>
    <row r="2550" spans="1:7" x14ac:dyDescent="0.25">
      <c r="A2550" t="s">
        <v>30</v>
      </c>
      <c r="B2550">
        <v>42929</v>
      </c>
      <c r="C2550">
        <v>12</v>
      </c>
      <c r="D2550" t="s">
        <v>12</v>
      </c>
      <c r="E2550">
        <v>0.79</v>
      </c>
      <c r="F2550">
        <v>1.47</v>
      </c>
      <c r="G2550">
        <v>0.36</v>
      </c>
    </row>
    <row r="2551" spans="1:7" x14ac:dyDescent="0.25">
      <c r="A2551" t="s">
        <v>18</v>
      </c>
      <c r="B2551">
        <v>87735</v>
      </c>
      <c r="C2551">
        <v>6</v>
      </c>
      <c r="D2551" t="s">
        <v>10</v>
      </c>
      <c r="E2551">
        <v>0.32</v>
      </c>
      <c r="F2551">
        <v>1.48</v>
      </c>
      <c r="G2551">
        <v>0.59</v>
      </c>
    </row>
    <row r="2552" spans="1:7" x14ac:dyDescent="0.25">
      <c r="A2552" t="s">
        <v>28</v>
      </c>
      <c r="B2552">
        <v>69029</v>
      </c>
      <c r="C2552">
        <v>23</v>
      </c>
      <c r="D2552" t="s">
        <v>12</v>
      </c>
      <c r="E2552">
        <v>0.61</v>
      </c>
      <c r="F2552">
        <v>0.73</v>
      </c>
      <c r="G2552">
        <v>0.6</v>
      </c>
    </row>
    <row r="2553" spans="1:7" x14ac:dyDescent="0.25">
      <c r="A2553" t="s">
        <v>20</v>
      </c>
      <c r="B2553">
        <v>50387</v>
      </c>
      <c r="C2553">
        <v>18</v>
      </c>
      <c r="D2553" t="s">
        <v>8</v>
      </c>
      <c r="E2553">
        <v>0.2</v>
      </c>
      <c r="F2553">
        <v>1.1299999999999999</v>
      </c>
      <c r="G2553">
        <v>0.63</v>
      </c>
    </row>
    <row r="2554" spans="1:7" x14ac:dyDescent="0.25">
      <c r="A2554" t="s">
        <v>19</v>
      </c>
      <c r="B2554">
        <v>94918</v>
      </c>
      <c r="C2554">
        <v>29</v>
      </c>
      <c r="D2554" t="s">
        <v>10</v>
      </c>
      <c r="E2554">
        <v>0.93</v>
      </c>
      <c r="F2554">
        <v>0.52</v>
      </c>
      <c r="G2554">
        <v>0.86</v>
      </c>
    </row>
    <row r="2555" spans="1:7" x14ac:dyDescent="0.25">
      <c r="A2555" t="s">
        <v>23</v>
      </c>
      <c r="B2555">
        <v>56154</v>
      </c>
      <c r="C2555">
        <v>26</v>
      </c>
      <c r="D2555" t="s">
        <v>10</v>
      </c>
      <c r="E2555">
        <v>0.24</v>
      </c>
      <c r="F2555">
        <v>1.18</v>
      </c>
      <c r="G2555">
        <v>0.35</v>
      </c>
    </row>
    <row r="2556" spans="1:7" x14ac:dyDescent="0.25">
      <c r="A2556" t="s">
        <v>25</v>
      </c>
      <c r="B2556">
        <v>141634</v>
      </c>
      <c r="C2556">
        <v>0</v>
      </c>
      <c r="D2556" t="s">
        <v>10</v>
      </c>
      <c r="E2556">
        <v>0.78</v>
      </c>
      <c r="F2556">
        <v>1.36</v>
      </c>
      <c r="G2556">
        <v>0.7</v>
      </c>
    </row>
    <row r="2557" spans="1:7" x14ac:dyDescent="0.25">
      <c r="A2557" t="s">
        <v>11</v>
      </c>
      <c r="B2557">
        <v>50377</v>
      </c>
      <c r="C2557">
        <v>0</v>
      </c>
      <c r="D2557" t="s">
        <v>10</v>
      </c>
      <c r="E2557">
        <v>0.94</v>
      </c>
      <c r="F2557">
        <v>1.39</v>
      </c>
      <c r="G2557">
        <v>0.93</v>
      </c>
    </row>
    <row r="2558" spans="1:7" x14ac:dyDescent="0.25">
      <c r="A2558" t="s">
        <v>21</v>
      </c>
      <c r="B2558">
        <v>74516</v>
      </c>
      <c r="C2558">
        <v>10</v>
      </c>
      <c r="D2558" t="s">
        <v>12</v>
      </c>
      <c r="E2558">
        <v>0.53</v>
      </c>
      <c r="F2558">
        <v>1.25</v>
      </c>
      <c r="G2558">
        <v>0.44</v>
      </c>
    </row>
    <row r="2559" spans="1:7" x14ac:dyDescent="0.25">
      <c r="A2559" t="s">
        <v>18</v>
      </c>
      <c r="B2559">
        <v>129895</v>
      </c>
      <c r="C2559">
        <v>29</v>
      </c>
      <c r="D2559" t="s">
        <v>12</v>
      </c>
      <c r="E2559">
        <v>0.24</v>
      </c>
      <c r="F2559">
        <v>0.53</v>
      </c>
      <c r="G2559">
        <v>0.59</v>
      </c>
    </row>
    <row r="2560" spans="1:7" x14ac:dyDescent="0.25">
      <c r="A2560" t="s">
        <v>16</v>
      </c>
      <c r="B2560">
        <v>41329</v>
      </c>
      <c r="C2560">
        <v>24</v>
      </c>
      <c r="D2560" t="s">
        <v>24</v>
      </c>
      <c r="E2560">
        <v>0.33</v>
      </c>
      <c r="F2560">
        <v>0.72</v>
      </c>
      <c r="G2560">
        <v>0.68</v>
      </c>
    </row>
    <row r="2561" spans="1:7" x14ac:dyDescent="0.25">
      <c r="A2561" t="s">
        <v>27</v>
      </c>
      <c r="B2561">
        <v>40013</v>
      </c>
      <c r="C2561">
        <v>21</v>
      </c>
      <c r="D2561" t="s">
        <v>12</v>
      </c>
      <c r="E2561">
        <v>0.97</v>
      </c>
      <c r="F2561">
        <v>1.1200000000000001</v>
      </c>
      <c r="G2561">
        <v>0.83</v>
      </c>
    </row>
    <row r="2562" spans="1:7" x14ac:dyDescent="0.25">
      <c r="A2562" t="s">
        <v>14</v>
      </c>
      <c r="B2562">
        <v>120777</v>
      </c>
      <c r="C2562">
        <v>5</v>
      </c>
      <c r="D2562" t="s">
        <v>24</v>
      </c>
      <c r="E2562">
        <v>0.28000000000000003</v>
      </c>
      <c r="F2562">
        <v>1.43</v>
      </c>
      <c r="G2562">
        <v>0.66</v>
      </c>
    </row>
    <row r="2563" spans="1:7" x14ac:dyDescent="0.25">
      <c r="A2563" t="s">
        <v>23</v>
      </c>
      <c r="B2563">
        <v>107011</v>
      </c>
      <c r="C2563">
        <v>24</v>
      </c>
      <c r="D2563" t="s">
        <v>8</v>
      </c>
      <c r="E2563">
        <v>0.72</v>
      </c>
      <c r="F2563">
        <v>0.86</v>
      </c>
      <c r="G2563">
        <v>0.5</v>
      </c>
    </row>
    <row r="2564" spans="1:7" x14ac:dyDescent="0.25">
      <c r="A2564" t="s">
        <v>16</v>
      </c>
      <c r="B2564">
        <v>116377</v>
      </c>
      <c r="C2564">
        <v>6</v>
      </c>
      <c r="D2564" t="s">
        <v>10</v>
      </c>
      <c r="E2564">
        <v>0.36</v>
      </c>
      <c r="F2564">
        <v>0.79</v>
      </c>
      <c r="G2564">
        <v>0.54</v>
      </c>
    </row>
    <row r="2565" spans="1:7" x14ac:dyDescent="0.25">
      <c r="A2565" t="s">
        <v>13</v>
      </c>
      <c r="B2565">
        <v>67630</v>
      </c>
      <c r="C2565">
        <v>25</v>
      </c>
      <c r="D2565" t="s">
        <v>12</v>
      </c>
      <c r="E2565">
        <v>0.78</v>
      </c>
      <c r="F2565">
        <v>1.21</v>
      </c>
      <c r="G2565">
        <v>0.41</v>
      </c>
    </row>
    <row r="2566" spans="1:7" x14ac:dyDescent="0.25">
      <c r="A2566" t="s">
        <v>26</v>
      </c>
      <c r="B2566">
        <v>96360</v>
      </c>
      <c r="C2566">
        <v>15</v>
      </c>
      <c r="D2566" t="s">
        <v>8</v>
      </c>
      <c r="E2566">
        <v>0.66</v>
      </c>
      <c r="F2566">
        <v>0.8</v>
      </c>
      <c r="G2566">
        <v>7.0000000000000007E-2</v>
      </c>
    </row>
    <row r="2567" spans="1:7" x14ac:dyDescent="0.25">
      <c r="A2567" t="s">
        <v>29</v>
      </c>
      <c r="B2567">
        <v>103850</v>
      </c>
      <c r="C2567">
        <v>7</v>
      </c>
      <c r="D2567" t="s">
        <v>8</v>
      </c>
      <c r="E2567">
        <v>0.28999999999999998</v>
      </c>
      <c r="F2567">
        <v>0.9</v>
      </c>
      <c r="G2567">
        <v>0.22</v>
      </c>
    </row>
    <row r="2568" spans="1:7" x14ac:dyDescent="0.25">
      <c r="A2568" t="s">
        <v>15</v>
      </c>
      <c r="B2568">
        <v>117133</v>
      </c>
      <c r="C2568">
        <v>23</v>
      </c>
      <c r="D2568" t="s">
        <v>12</v>
      </c>
      <c r="E2568">
        <v>0.09</v>
      </c>
      <c r="F2568">
        <v>0.61</v>
      </c>
      <c r="G2568">
        <v>0.28999999999999998</v>
      </c>
    </row>
    <row r="2569" spans="1:7" x14ac:dyDescent="0.25">
      <c r="A2569" t="s">
        <v>29</v>
      </c>
      <c r="B2569">
        <v>125065</v>
      </c>
      <c r="C2569">
        <v>13</v>
      </c>
      <c r="D2569" t="s">
        <v>8</v>
      </c>
      <c r="E2569">
        <v>0.89</v>
      </c>
      <c r="F2569">
        <v>0.5</v>
      </c>
      <c r="G2569">
        <v>0.18</v>
      </c>
    </row>
    <row r="2570" spans="1:7" x14ac:dyDescent="0.25">
      <c r="A2570" t="s">
        <v>7</v>
      </c>
      <c r="B2570">
        <v>147600</v>
      </c>
      <c r="C2570">
        <v>8</v>
      </c>
      <c r="D2570" t="s">
        <v>8</v>
      </c>
      <c r="E2570">
        <v>0.19</v>
      </c>
      <c r="F2570">
        <v>0.92</v>
      </c>
      <c r="G2570">
        <v>0.82</v>
      </c>
    </row>
    <row r="2571" spans="1:7" x14ac:dyDescent="0.25">
      <c r="A2571" t="s">
        <v>13</v>
      </c>
      <c r="B2571">
        <v>96333</v>
      </c>
      <c r="C2571">
        <v>15</v>
      </c>
      <c r="D2571" t="s">
        <v>8</v>
      </c>
      <c r="E2571">
        <v>0.82</v>
      </c>
      <c r="F2571">
        <v>0.54</v>
      </c>
      <c r="G2571">
        <v>0.5</v>
      </c>
    </row>
    <row r="2572" spans="1:7" x14ac:dyDescent="0.25">
      <c r="A2572" t="s">
        <v>16</v>
      </c>
      <c r="B2572">
        <v>126847</v>
      </c>
      <c r="C2572">
        <v>29</v>
      </c>
      <c r="D2572" t="s">
        <v>12</v>
      </c>
      <c r="E2572">
        <v>0.73</v>
      </c>
      <c r="F2572">
        <v>0.95</v>
      </c>
      <c r="G2572">
        <v>0.51</v>
      </c>
    </row>
    <row r="2573" spans="1:7" x14ac:dyDescent="0.25">
      <c r="A2573" t="s">
        <v>27</v>
      </c>
      <c r="B2573">
        <v>92244</v>
      </c>
      <c r="C2573">
        <v>20</v>
      </c>
      <c r="D2573" t="s">
        <v>10</v>
      </c>
      <c r="E2573">
        <v>0.85</v>
      </c>
      <c r="F2573">
        <v>0.53</v>
      </c>
      <c r="G2573">
        <v>0.75</v>
      </c>
    </row>
    <row r="2574" spans="1:7" x14ac:dyDescent="0.25">
      <c r="A2574" t="s">
        <v>26</v>
      </c>
      <c r="B2574">
        <v>93810</v>
      </c>
      <c r="C2574">
        <v>28</v>
      </c>
      <c r="D2574" t="s">
        <v>12</v>
      </c>
      <c r="E2574">
        <v>0.5</v>
      </c>
      <c r="F2574">
        <v>0.56999999999999995</v>
      </c>
      <c r="G2574">
        <v>0.15</v>
      </c>
    </row>
    <row r="2575" spans="1:7" x14ac:dyDescent="0.25">
      <c r="A2575" t="s">
        <v>15</v>
      </c>
      <c r="B2575">
        <v>127211</v>
      </c>
      <c r="C2575">
        <v>12</v>
      </c>
      <c r="D2575" t="s">
        <v>10</v>
      </c>
      <c r="E2575">
        <v>0.62</v>
      </c>
      <c r="F2575">
        <v>0.54</v>
      </c>
      <c r="G2575">
        <v>0.17</v>
      </c>
    </row>
    <row r="2576" spans="1:7" x14ac:dyDescent="0.25">
      <c r="A2576" t="s">
        <v>16</v>
      </c>
      <c r="B2576">
        <v>35455</v>
      </c>
      <c r="C2576">
        <v>12</v>
      </c>
      <c r="D2576" t="s">
        <v>12</v>
      </c>
      <c r="E2576">
        <v>0.38</v>
      </c>
      <c r="F2576">
        <v>0.64</v>
      </c>
      <c r="G2576">
        <v>0.5</v>
      </c>
    </row>
    <row r="2577" spans="1:7" x14ac:dyDescent="0.25">
      <c r="A2577" t="s">
        <v>25</v>
      </c>
      <c r="B2577">
        <v>37289</v>
      </c>
      <c r="C2577">
        <v>16</v>
      </c>
      <c r="D2577" t="s">
        <v>8</v>
      </c>
      <c r="E2577">
        <v>0.95</v>
      </c>
      <c r="F2577">
        <v>1.38</v>
      </c>
      <c r="G2577">
        <v>0.73</v>
      </c>
    </row>
    <row r="2578" spans="1:7" x14ac:dyDescent="0.25">
      <c r="A2578" t="s">
        <v>19</v>
      </c>
      <c r="B2578">
        <v>81428</v>
      </c>
      <c r="C2578">
        <v>5</v>
      </c>
      <c r="D2578" t="s">
        <v>8</v>
      </c>
      <c r="E2578">
        <v>0.56000000000000005</v>
      </c>
      <c r="F2578">
        <v>0.82</v>
      </c>
      <c r="G2578">
        <v>0.82</v>
      </c>
    </row>
    <row r="2579" spans="1:7" x14ac:dyDescent="0.25">
      <c r="A2579" t="s">
        <v>16</v>
      </c>
      <c r="B2579">
        <v>123890</v>
      </c>
      <c r="C2579">
        <v>22</v>
      </c>
      <c r="D2579" t="s">
        <v>8</v>
      </c>
      <c r="E2579">
        <v>0.16</v>
      </c>
      <c r="F2579">
        <v>1.1000000000000001</v>
      </c>
      <c r="G2579">
        <v>0.4</v>
      </c>
    </row>
    <row r="2580" spans="1:7" x14ac:dyDescent="0.25">
      <c r="A2580" t="s">
        <v>23</v>
      </c>
      <c r="B2580">
        <v>67422</v>
      </c>
      <c r="C2580">
        <v>2</v>
      </c>
      <c r="D2580" t="s">
        <v>10</v>
      </c>
      <c r="E2580">
        <v>0.47</v>
      </c>
      <c r="F2580">
        <v>1.28</v>
      </c>
      <c r="G2580">
        <v>0.44</v>
      </c>
    </row>
    <row r="2581" spans="1:7" x14ac:dyDescent="0.25">
      <c r="A2581" t="s">
        <v>14</v>
      </c>
      <c r="B2581">
        <v>62947</v>
      </c>
      <c r="C2581">
        <v>12</v>
      </c>
      <c r="D2581" t="s">
        <v>24</v>
      </c>
      <c r="E2581">
        <v>0.22</v>
      </c>
      <c r="F2581">
        <v>0.72</v>
      </c>
      <c r="G2581">
        <v>0.35</v>
      </c>
    </row>
    <row r="2582" spans="1:7" x14ac:dyDescent="0.25">
      <c r="A2582" t="s">
        <v>7</v>
      </c>
      <c r="B2582">
        <v>149554</v>
      </c>
      <c r="C2582">
        <v>3</v>
      </c>
      <c r="D2582" t="s">
        <v>12</v>
      </c>
      <c r="E2582">
        <v>0.26</v>
      </c>
      <c r="F2582">
        <v>1.29</v>
      </c>
      <c r="G2582">
        <v>0.93</v>
      </c>
    </row>
    <row r="2583" spans="1:7" x14ac:dyDescent="0.25">
      <c r="A2583" t="s">
        <v>15</v>
      </c>
      <c r="B2583">
        <v>66497</v>
      </c>
      <c r="C2583">
        <v>8</v>
      </c>
      <c r="D2583" t="s">
        <v>12</v>
      </c>
      <c r="E2583">
        <v>0.15</v>
      </c>
      <c r="F2583">
        <v>0.64</v>
      </c>
      <c r="G2583">
        <v>0.18</v>
      </c>
    </row>
    <row r="2584" spans="1:7" x14ac:dyDescent="0.25">
      <c r="A2584" t="s">
        <v>13</v>
      </c>
      <c r="B2584">
        <v>91140</v>
      </c>
      <c r="C2584">
        <v>6</v>
      </c>
      <c r="D2584" t="s">
        <v>8</v>
      </c>
      <c r="E2584">
        <v>0.11</v>
      </c>
      <c r="F2584">
        <v>0.55000000000000004</v>
      </c>
      <c r="G2584">
        <v>0.39</v>
      </c>
    </row>
    <row r="2585" spans="1:7" x14ac:dyDescent="0.25">
      <c r="A2585" t="s">
        <v>23</v>
      </c>
      <c r="B2585">
        <v>147342</v>
      </c>
      <c r="C2585">
        <v>14</v>
      </c>
      <c r="D2585" t="s">
        <v>12</v>
      </c>
      <c r="E2585">
        <v>1</v>
      </c>
      <c r="F2585">
        <v>1.27</v>
      </c>
      <c r="G2585">
        <v>0.63</v>
      </c>
    </row>
    <row r="2586" spans="1:7" x14ac:dyDescent="0.25">
      <c r="A2586" t="s">
        <v>9</v>
      </c>
      <c r="B2586">
        <v>119647</v>
      </c>
      <c r="C2586">
        <v>23</v>
      </c>
      <c r="D2586" t="s">
        <v>24</v>
      </c>
      <c r="E2586">
        <v>0.28000000000000003</v>
      </c>
      <c r="F2586">
        <v>1.1599999999999999</v>
      </c>
      <c r="G2586">
        <v>0.15</v>
      </c>
    </row>
    <row r="2587" spans="1:7" x14ac:dyDescent="0.25">
      <c r="A2587" t="s">
        <v>19</v>
      </c>
      <c r="B2587">
        <v>31234</v>
      </c>
      <c r="C2587">
        <v>28</v>
      </c>
      <c r="D2587" t="s">
        <v>12</v>
      </c>
      <c r="E2587">
        <v>0.31</v>
      </c>
      <c r="F2587">
        <v>0.97</v>
      </c>
      <c r="G2587">
        <v>0.76</v>
      </c>
    </row>
    <row r="2588" spans="1:7" x14ac:dyDescent="0.25">
      <c r="A2588" t="s">
        <v>25</v>
      </c>
      <c r="B2588">
        <v>34677</v>
      </c>
      <c r="C2588">
        <v>0</v>
      </c>
      <c r="D2588" t="s">
        <v>8</v>
      </c>
      <c r="E2588">
        <v>0.94</v>
      </c>
      <c r="F2588">
        <v>0.99</v>
      </c>
      <c r="G2588">
        <v>0.72</v>
      </c>
    </row>
    <row r="2589" spans="1:7" x14ac:dyDescent="0.25">
      <c r="A2589" t="s">
        <v>22</v>
      </c>
      <c r="B2589">
        <v>125288</v>
      </c>
      <c r="C2589">
        <v>8</v>
      </c>
      <c r="D2589" t="s">
        <v>8</v>
      </c>
      <c r="E2589">
        <v>0.92</v>
      </c>
      <c r="F2589">
        <v>0.93</v>
      </c>
      <c r="G2589">
        <v>0.37</v>
      </c>
    </row>
    <row r="2590" spans="1:7" x14ac:dyDescent="0.25">
      <c r="A2590" t="s">
        <v>7</v>
      </c>
      <c r="B2590">
        <v>77540</v>
      </c>
      <c r="C2590">
        <v>13</v>
      </c>
      <c r="D2590" t="s">
        <v>10</v>
      </c>
      <c r="E2590">
        <v>0.55000000000000004</v>
      </c>
      <c r="F2590">
        <v>1.25</v>
      </c>
      <c r="G2590">
        <v>0.85</v>
      </c>
    </row>
    <row r="2591" spans="1:7" x14ac:dyDescent="0.25">
      <c r="A2591" t="s">
        <v>16</v>
      </c>
      <c r="B2591">
        <v>62953</v>
      </c>
      <c r="C2591">
        <v>29</v>
      </c>
      <c r="D2591" t="s">
        <v>12</v>
      </c>
      <c r="E2591">
        <v>0.26</v>
      </c>
      <c r="F2591">
        <v>0.97</v>
      </c>
      <c r="G2591">
        <v>0.56000000000000005</v>
      </c>
    </row>
    <row r="2592" spans="1:7" x14ac:dyDescent="0.25">
      <c r="A2592" t="s">
        <v>25</v>
      </c>
      <c r="B2592">
        <v>99754</v>
      </c>
      <c r="C2592">
        <v>1</v>
      </c>
      <c r="D2592" t="s">
        <v>8</v>
      </c>
      <c r="E2592">
        <v>0.18</v>
      </c>
      <c r="F2592">
        <v>0.6</v>
      </c>
      <c r="G2592">
        <v>0.76</v>
      </c>
    </row>
    <row r="2593" spans="1:7" x14ac:dyDescent="0.25">
      <c r="A2593" t="s">
        <v>14</v>
      </c>
      <c r="B2593">
        <v>114865</v>
      </c>
      <c r="C2593">
        <v>26</v>
      </c>
      <c r="D2593" t="s">
        <v>12</v>
      </c>
      <c r="E2593">
        <v>0.34</v>
      </c>
      <c r="F2593">
        <v>1.0900000000000001</v>
      </c>
      <c r="G2593">
        <v>0.7</v>
      </c>
    </row>
    <row r="2594" spans="1:7" x14ac:dyDescent="0.25">
      <c r="A2594" t="s">
        <v>25</v>
      </c>
      <c r="B2594">
        <v>59904</v>
      </c>
      <c r="C2594">
        <v>9</v>
      </c>
      <c r="D2594" t="s">
        <v>24</v>
      </c>
      <c r="E2594">
        <v>0.24</v>
      </c>
      <c r="F2594">
        <v>1.18</v>
      </c>
      <c r="G2594">
        <v>0.92</v>
      </c>
    </row>
    <row r="2595" spans="1:7" x14ac:dyDescent="0.25">
      <c r="A2595" t="s">
        <v>28</v>
      </c>
      <c r="B2595">
        <v>53473</v>
      </c>
      <c r="C2595">
        <v>25</v>
      </c>
      <c r="D2595" t="s">
        <v>8</v>
      </c>
      <c r="E2595">
        <v>0.25</v>
      </c>
      <c r="F2595">
        <v>0.67</v>
      </c>
      <c r="G2595">
        <v>0.43</v>
      </c>
    </row>
    <row r="2596" spans="1:7" x14ac:dyDescent="0.25">
      <c r="A2596" t="s">
        <v>11</v>
      </c>
      <c r="B2596">
        <v>34564</v>
      </c>
      <c r="C2596">
        <v>0</v>
      </c>
      <c r="D2596" t="s">
        <v>24</v>
      </c>
      <c r="E2596">
        <v>0.2</v>
      </c>
      <c r="F2596">
        <v>0.62</v>
      </c>
      <c r="G2596">
        <v>0.91</v>
      </c>
    </row>
    <row r="2597" spans="1:7" x14ac:dyDescent="0.25">
      <c r="A2597" t="s">
        <v>18</v>
      </c>
      <c r="B2597">
        <v>128259</v>
      </c>
      <c r="C2597">
        <v>26</v>
      </c>
      <c r="D2597" t="s">
        <v>8</v>
      </c>
      <c r="E2597">
        <v>0.37</v>
      </c>
      <c r="F2597">
        <v>1.01</v>
      </c>
      <c r="G2597">
        <v>0.61</v>
      </c>
    </row>
    <row r="2598" spans="1:7" x14ac:dyDescent="0.25">
      <c r="A2598" t="s">
        <v>23</v>
      </c>
      <c r="B2598">
        <v>144486</v>
      </c>
      <c r="C2598">
        <v>28</v>
      </c>
      <c r="D2598" t="s">
        <v>8</v>
      </c>
      <c r="E2598">
        <v>0.75</v>
      </c>
      <c r="F2598">
        <v>0.7</v>
      </c>
      <c r="G2598">
        <v>0.53</v>
      </c>
    </row>
    <row r="2599" spans="1:7" x14ac:dyDescent="0.25">
      <c r="A2599" t="s">
        <v>22</v>
      </c>
      <c r="B2599">
        <v>136766</v>
      </c>
      <c r="C2599">
        <v>3</v>
      </c>
      <c r="D2599" t="s">
        <v>8</v>
      </c>
      <c r="E2599">
        <v>0.17</v>
      </c>
      <c r="F2599">
        <v>0.88</v>
      </c>
      <c r="G2599">
        <v>0.51</v>
      </c>
    </row>
    <row r="2600" spans="1:7" x14ac:dyDescent="0.25">
      <c r="A2600" t="s">
        <v>28</v>
      </c>
      <c r="B2600">
        <v>139097</v>
      </c>
      <c r="C2600">
        <v>23</v>
      </c>
      <c r="D2600" t="s">
        <v>24</v>
      </c>
      <c r="E2600">
        <v>0.47</v>
      </c>
      <c r="F2600">
        <v>0.82</v>
      </c>
      <c r="G2600">
        <v>0.44</v>
      </c>
    </row>
    <row r="2601" spans="1:7" x14ac:dyDescent="0.25">
      <c r="A2601" t="s">
        <v>19</v>
      </c>
      <c r="B2601">
        <v>97004</v>
      </c>
      <c r="C2601">
        <v>8</v>
      </c>
      <c r="D2601" t="s">
        <v>24</v>
      </c>
      <c r="E2601">
        <v>0.18</v>
      </c>
      <c r="F2601">
        <v>0.94</v>
      </c>
      <c r="G2601">
        <v>0.78</v>
      </c>
    </row>
    <row r="2602" spans="1:7" x14ac:dyDescent="0.25">
      <c r="A2602" t="s">
        <v>11</v>
      </c>
      <c r="B2602">
        <v>87143</v>
      </c>
      <c r="C2602">
        <v>25</v>
      </c>
      <c r="D2602" t="s">
        <v>24</v>
      </c>
      <c r="E2602">
        <v>0.35</v>
      </c>
      <c r="F2602">
        <v>1.24</v>
      </c>
      <c r="G2602">
        <v>0.86</v>
      </c>
    </row>
    <row r="2603" spans="1:7" x14ac:dyDescent="0.25">
      <c r="A2603" t="s">
        <v>9</v>
      </c>
      <c r="B2603">
        <v>86668</v>
      </c>
      <c r="C2603">
        <v>20</v>
      </c>
      <c r="D2603" t="s">
        <v>24</v>
      </c>
      <c r="E2603">
        <v>0.89</v>
      </c>
      <c r="F2603">
        <v>1.18</v>
      </c>
      <c r="G2603">
        <v>0.12</v>
      </c>
    </row>
    <row r="2604" spans="1:7" x14ac:dyDescent="0.25">
      <c r="A2604" t="s">
        <v>28</v>
      </c>
      <c r="B2604">
        <v>45027</v>
      </c>
      <c r="C2604">
        <v>5</v>
      </c>
      <c r="D2604" t="s">
        <v>24</v>
      </c>
      <c r="E2604">
        <v>0.43</v>
      </c>
      <c r="F2604">
        <v>1.21</v>
      </c>
      <c r="G2604">
        <v>0.43</v>
      </c>
    </row>
    <row r="2605" spans="1:7" x14ac:dyDescent="0.25">
      <c r="A2605" t="s">
        <v>30</v>
      </c>
      <c r="B2605">
        <v>86546</v>
      </c>
      <c r="C2605">
        <v>8</v>
      </c>
      <c r="D2605" t="s">
        <v>24</v>
      </c>
      <c r="E2605">
        <v>0.11</v>
      </c>
      <c r="F2605">
        <v>1.37</v>
      </c>
      <c r="G2605">
        <v>0.51</v>
      </c>
    </row>
    <row r="2606" spans="1:7" x14ac:dyDescent="0.25">
      <c r="A2606" t="s">
        <v>28</v>
      </c>
      <c r="B2606">
        <v>101621</v>
      </c>
      <c r="C2606">
        <v>7</v>
      </c>
      <c r="D2606" t="s">
        <v>8</v>
      </c>
      <c r="E2606">
        <v>0.22</v>
      </c>
      <c r="F2606">
        <v>1.01</v>
      </c>
      <c r="G2606">
        <v>0.37</v>
      </c>
    </row>
    <row r="2607" spans="1:7" x14ac:dyDescent="0.25">
      <c r="A2607" t="s">
        <v>23</v>
      </c>
      <c r="B2607">
        <v>114191</v>
      </c>
      <c r="C2607">
        <v>24</v>
      </c>
      <c r="D2607" t="s">
        <v>10</v>
      </c>
      <c r="E2607">
        <v>0.73</v>
      </c>
      <c r="F2607">
        <v>0.56000000000000005</v>
      </c>
      <c r="G2607">
        <v>0.68</v>
      </c>
    </row>
    <row r="2608" spans="1:7" x14ac:dyDescent="0.25">
      <c r="A2608" t="s">
        <v>17</v>
      </c>
      <c r="B2608">
        <v>41918</v>
      </c>
      <c r="C2608">
        <v>24</v>
      </c>
      <c r="D2608" t="s">
        <v>12</v>
      </c>
      <c r="E2608">
        <v>0.53</v>
      </c>
      <c r="F2608">
        <v>0.56000000000000005</v>
      </c>
      <c r="G2608">
        <v>0.26</v>
      </c>
    </row>
    <row r="2609" spans="1:7" x14ac:dyDescent="0.25">
      <c r="A2609" t="s">
        <v>19</v>
      </c>
      <c r="B2609">
        <v>130213</v>
      </c>
      <c r="C2609">
        <v>10</v>
      </c>
      <c r="D2609" t="s">
        <v>10</v>
      </c>
      <c r="E2609">
        <v>0.14000000000000001</v>
      </c>
      <c r="F2609">
        <v>1.01</v>
      </c>
      <c r="G2609">
        <v>0.72</v>
      </c>
    </row>
    <row r="2610" spans="1:7" x14ac:dyDescent="0.25">
      <c r="A2610" t="s">
        <v>28</v>
      </c>
      <c r="B2610">
        <v>88561</v>
      </c>
      <c r="C2610">
        <v>22</v>
      </c>
      <c r="D2610" t="s">
        <v>8</v>
      </c>
      <c r="E2610">
        <v>0.16</v>
      </c>
      <c r="F2610">
        <v>1.1299999999999999</v>
      </c>
      <c r="G2610">
        <v>0.51</v>
      </c>
    </row>
    <row r="2611" spans="1:7" x14ac:dyDescent="0.25">
      <c r="A2611" t="s">
        <v>9</v>
      </c>
      <c r="B2611">
        <v>132013</v>
      </c>
      <c r="C2611">
        <v>1</v>
      </c>
      <c r="D2611" t="s">
        <v>12</v>
      </c>
      <c r="E2611">
        <v>0.57999999999999996</v>
      </c>
      <c r="F2611">
        <v>0.68</v>
      </c>
      <c r="G2611">
        <v>0.09</v>
      </c>
    </row>
    <row r="2612" spans="1:7" x14ac:dyDescent="0.25">
      <c r="A2612" t="s">
        <v>7</v>
      </c>
      <c r="B2612">
        <v>67010</v>
      </c>
      <c r="C2612">
        <v>19</v>
      </c>
      <c r="D2612" t="s">
        <v>24</v>
      </c>
      <c r="E2612">
        <v>0.41</v>
      </c>
      <c r="F2612">
        <v>1.42</v>
      </c>
      <c r="G2612">
        <v>0.95</v>
      </c>
    </row>
    <row r="2613" spans="1:7" x14ac:dyDescent="0.25">
      <c r="A2613" t="s">
        <v>30</v>
      </c>
      <c r="B2613">
        <v>131807</v>
      </c>
      <c r="C2613">
        <v>7</v>
      </c>
      <c r="D2613" t="s">
        <v>8</v>
      </c>
      <c r="E2613">
        <v>0.18</v>
      </c>
      <c r="F2613">
        <v>1.21</v>
      </c>
      <c r="G2613">
        <v>0.59</v>
      </c>
    </row>
    <row r="2614" spans="1:7" x14ac:dyDescent="0.25">
      <c r="A2614" t="s">
        <v>23</v>
      </c>
      <c r="B2614">
        <v>117563</v>
      </c>
      <c r="C2614">
        <v>2</v>
      </c>
      <c r="D2614" t="s">
        <v>12</v>
      </c>
      <c r="E2614">
        <v>0.28000000000000003</v>
      </c>
      <c r="F2614">
        <v>1.24</v>
      </c>
      <c r="G2614">
        <v>0.55000000000000004</v>
      </c>
    </row>
    <row r="2615" spans="1:7" x14ac:dyDescent="0.25">
      <c r="A2615" t="s">
        <v>29</v>
      </c>
      <c r="B2615">
        <v>51798</v>
      </c>
      <c r="C2615">
        <v>0</v>
      </c>
      <c r="D2615" t="s">
        <v>10</v>
      </c>
      <c r="E2615">
        <v>0.08</v>
      </c>
      <c r="F2615">
        <v>0.66</v>
      </c>
      <c r="G2615">
        <v>0.27</v>
      </c>
    </row>
    <row r="2616" spans="1:7" x14ac:dyDescent="0.25">
      <c r="A2616" t="s">
        <v>22</v>
      </c>
      <c r="B2616">
        <v>73701</v>
      </c>
      <c r="C2616">
        <v>25</v>
      </c>
      <c r="D2616" t="s">
        <v>8</v>
      </c>
      <c r="E2616">
        <v>0.4</v>
      </c>
      <c r="F2616">
        <v>1.19</v>
      </c>
      <c r="G2616">
        <v>0.32</v>
      </c>
    </row>
    <row r="2617" spans="1:7" x14ac:dyDescent="0.25">
      <c r="A2617" t="s">
        <v>23</v>
      </c>
      <c r="B2617">
        <v>135959</v>
      </c>
      <c r="C2617">
        <v>29</v>
      </c>
      <c r="D2617" t="s">
        <v>12</v>
      </c>
      <c r="E2617">
        <v>0.43</v>
      </c>
      <c r="F2617">
        <v>0.93</v>
      </c>
      <c r="G2617">
        <v>0.52</v>
      </c>
    </row>
    <row r="2618" spans="1:7" x14ac:dyDescent="0.25">
      <c r="A2618" t="s">
        <v>16</v>
      </c>
      <c r="B2618">
        <v>129721</v>
      </c>
      <c r="C2618">
        <v>14</v>
      </c>
      <c r="D2618" t="s">
        <v>8</v>
      </c>
      <c r="E2618">
        <v>0.12</v>
      </c>
      <c r="F2618">
        <v>0.98</v>
      </c>
      <c r="G2618">
        <v>0.48</v>
      </c>
    </row>
    <row r="2619" spans="1:7" x14ac:dyDescent="0.25">
      <c r="A2619" t="s">
        <v>29</v>
      </c>
      <c r="B2619">
        <v>98132</v>
      </c>
      <c r="C2619">
        <v>29</v>
      </c>
      <c r="D2619" t="s">
        <v>12</v>
      </c>
      <c r="E2619">
        <v>0.15</v>
      </c>
      <c r="F2619">
        <v>0.79</v>
      </c>
      <c r="G2619">
        <v>0.15</v>
      </c>
    </row>
    <row r="2620" spans="1:7" x14ac:dyDescent="0.25">
      <c r="A2620" t="s">
        <v>18</v>
      </c>
      <c r="B2620">
        <v>132945</v>
      </c>
      <c r="C2620">
        <v>5</v>
      </c>
      <c r="D2620" t="s">
        <v>8</v>
      </c>
      <c r="E2620">
        <v>0.1</v>
      </c>
      <c r="F2620">
        <v>1.44</v>
      </c>
      <c r="G2620">
        <v>0.41</v>
      </c>
    </row>
    <row r="2621" spans="1:7" x14ac:dyDescent="0.25">
      <c r="A2621" t="s">
        <v>23</v>
      </c>
      <c r="B2621">
        <v>141318</v>
      </c>
      <c r="C2621">
        <v>10</v>
      </c>
      <c r="D2621" t="s">
        <v>12</v>
      </c>
      <c r="E2621">
        <v>0.59</v>
      </c>
      <c r="F2621">
        <v>0.63</v>
      </c>
      <c r="G2621">
        <v>0.36</v>
      </c>
    </row>
    <row r="2622" spans="1:7" x14ac:dyDescent="0.25">
      <c r="A2622" t="s">
        <v>28</v>
      </c>
      <c r="B2622">
        <v>114005</v>
      </c>
      <c r="C2622">
        <v>26</v>
      </c>
      <c r="D2622" t="s">
        <v>10</v>
      </c>
      <c r="E2622">
        <v>0.77</v>
      </c>
      <c r="F2622">
        <v>1.38</v>
      </c>
      <c r="G2622">
        <v>0.6</v>
      </c>
    </row>
    <row r="2623" spans="1:7" x14ac:dyDescent="0.25">
      <c r="A2623" t="s">
        <v>22</v>
      </c>
      <c r="B2623">
        <v>107974</v>
      </c>
      <c r="C2623">
        <v>6</v>
      </c>
      <c r="D2623" t="s">
        <v>24</v>
      </c>
      <c r="E2623">
        <v>0.41</v>
      </c>
      <c r="F2623">
        <v>0.72</v>
      </c>
      <c r="G2623">
        <v>0.43</v>
      </c>
    </row>
    <row r="2624" spans="1:7" x14ac:dyDescent="0.25">
      <c r="A2624" t="s">
        <v>17</v>
      </c>
      <c r="B2624">
        <v>96214</v>
      </c>
      <c r="C2624">
        <v>27</v>
      </c>
      <c r="D2624" t="s">
        <v>8</v>
      </c>
      <c r="E2624">
        <v>0.15</v>
      </c>
      <c r="F2624">
        <v>1.28</v>
      </c>
      <c r="G2624">
        <v>0.16</v>
      </c>
    </row>
    <row r="2625" spans="1:7" x14ac:dyDescent="0.25">
      <c r="A2625" t="s">
        <v>9</v>
      </c>
      <c r="B2625">
        <v>89876</v>
      </c>
      <c r="C2625">
        <v>10</v>
      </c>
      <c r="D2625" t="s">
        <v>8</v>
      </c>
      <c r="E2625">
        <v>0.35</v>
      </c>
      <c r="F2625">
        <v>0.68</v>
      </c>
      <c r="G2625">
        <v>0.12</v>
      </c>
    </row>
    <row r="2626" spans="1:7" x14ac:dyDescent="0.25">
      <c r="A2626" t="s">
        <v>23</v>
      </c>
      <c r="B2626">
        <v>144947</v>
      </c>
      <c r="C2626">
        <v>14</v>
      </c>
      <c r="D2626" t="s">
        <v>8</v>
      </c>
      <c r="E2626">
        <v>0.71</v>
      </c>
      <c r="F2626">
        <v>0.73</v>
      </c>
      <c r="G2626">
        <v>0.52</v>
      </c>
    </row>
    <row r="2627" spans="1:7" x14ac:dyDescent="0.25">
      <c r="A2627" t="s">
        <v>30</v>
      </c>
      <c r="B2627">
        <v>129590</v>
      </c>
      <c r="C2627">
        <v>18</v>
      </c>
      <c r="D2627" t="s">
        <v>8</v>
      </c>
      <c r="E2627">
        <v>0.6</v>
      </c>
      <c r="F2627">
        <v>1.3</v>
      </c>
      <c r="G2627">
        <v>0.48</v>
      </c>
    </row>
    <row r="2628" spans="1:7" x14ac:dyDescent="0.25">
      <c r="A2628" t="s">
        <v>15</v>
      </c>
      <c r="B2628">
        <v>147129</v>
      </c>
      <c r="C2628">
        <v>29</v>
      </c>
      <c r="D2628" t="s">
        <v>10</v>
      </c>
      <c r="E2628">
        <v>0.35</v>
      </c>
      <c r="F2628">
        <v>1.07</v>
      </c>
      <c r="G2628">
        <v>0.13</v>
      </c>
    </row>
    <row r="2629" spans="1:7" x14ac:dyDescent="0.25">
      <c r="A2629" t="s">
        <v>29</v>
      </c>
      <c r="B2629">
        <v>107417</v>
      </c>
      <c r="C2629">
        <v>7</v>
      </c>
      <c r="D2629" t="s">
        <v>12</v>
      </c>
      <c r="E2629">
        <v>0.59</v>
      </c>
      <c r="F2629">
        <v>1.39</v>
      </c>
      <c r="G2629">
        <v>0.2</v>
      </c>
    </row>
    <row r="2630" spans="1:7" x14ac:dyDescent="0.25">
      <c r="A2630" t="s">
        <v>16</v>
      </c>
      <c r="B2630">
        <v>75631</v>
      </c>
      <c r="C2630">
        <v>9</v>
      </c>
      <c r="D2630" t="s">
        <v>24</v>
      </c>
      <c r="E2630">
        <v>0.68</v>
      </c>
      <c r="F2630">
        <v>0.54</v>
      </c>
      <c r="G2630">
        <v>0.63</v>
      </c>
    </row>
    <row r="2631" spans="1:7" x14ac:dyDescent="0.25">
      <c r="A2631" t="s">
        <v>30</v>
      </c>
      <c r="B2631">
        <v>85753</v>
      </c>
      <c r="C2631">
        <v>3</v>
      </c>
      <c r="D2631" t="s">
        <v>12</v>
      </c>
      <c r="E2631">
        <v>0.55000000000000004</v>
      </c>
      <c r="F2631">
        <v>0.89</v>
      </c>
      <c r="G2631">
        <v>0.33</v>
      </c>
    </row>
    <row r="2632" spans="1:7" x14ac:dyDescent="0.25">
      <c r="A2632" t="s">
        <v>18</v>
      </c>
      <c r="B2632">
        <v>91138</v>
      </c>
      <c r="C2632">
        <v>28</v>
      </c>
      <c r="D2632" t="s">
        <v>24</v>
      </c>
      <c r="E2632">
        <v>0.2</v>
      </c>
      <c r="F2632">
        <v>1.01</v>
      </c>
      <c r="G2632">
        <v>0.62</v>
      </c>
    </row>
    <row r="2633" spans="1:7" x14ac:dyDescent="0.25">
      <c r="A2633" t="s">
        <v>19</v>
      </c>
      <c r="B2633">
        <v>106258</v>
      </c>
      <c r="C2633">
        <v>19</v>
      </c>
      <c r="D2633" t="s">
        <v>10</v>
      </c>
      <c r="E2633">
        <v>0.55000000000000004</v>
      </c>
      <c r="F2633">
        <v>0.57999999999999996</v>
      </c>
      <c r="G2633">
        <v>0.9</v>
      </c>
    </row>
    <row r="2634" spans="1:7" x14ac:dyDescent="0.25">
      <c r="A2634" t="s">
        <v>29</v>
      </c>
      <c r="B2634">
        <v>140514</v>
      </c>
      <c r="C2634">
        <v>10</v>
      </c>
      <c r="D2634" t="s">
        <v>24</v>
      </c>
      <c r="E2634">
        <v>0.9</v>
      </c>
      <c r="F2634">
        <v>1.26</v>
      </c>
      <c r="G2634">
        <v>0.26</v>
      </c>
    </row>
    <row r="2635" spans="1:7" x14ac:dyDescent="0.25">
      <c r="A2635" t="s">
        <v>27</v>
      </c>
      <c r="B2635">
        <v>47762</v>
      </c>
      <c r="C2635">
        <v>5</v>
      </c>
      <c r="D2635" t="s">
        <v>24</v>
      </c>
      <c r="E2635">
        <v>0.38</v>
      </c>
      <c r="F2635">
        <v>1.33</v>
      </c>
      <c r="G2635">
        <v>0.74</v>
      </c>
    </row>
    <row r="2636" spans="1:7" x14ac:dyDescent="0.25">
      <c r="A2636" t="s">
        <v>22</v>
      </c>
      <c r="B2636">
        <v>101060</v>
      </c>
      <c r="C2636">
        <v>4</v>
      </c>
      <c r="D2636" t="s">
        <v>8</v>
      </c>
      <c r="E2636">
        <v>7.0000000000000007E-2</v>
      </c>
      <c r="F2636">
        <v>0.68</v>
      </c>
      <c r="G2636">
        <v>0.41</v>
      </c>
    </row>
    <row r="2637" spans="1:7" x14ac:dyDescent="0.25">
      <c r="A2637" t="s">
        <v>13</v>
      </c>
      <c r="B2637">
        <v>37361</v>
      </c>
      <c r="C2637">
        <v>7</v>
      </c>
      <c r="D2637" t="s">
        <v>10</v>
      </c>
      <c r="E2637">
        <v>0.66</v>
      </c>
      <c r="F2637">
        <v>1.28</v>
      </c>
      <c r="G2637">
        <v>0.35</v>
      </c>
    </row>
    <row r="2638" spans="1:7" x14ac:dyDescent="0.25">
      <c r="A2638" t="s">
        <v>25</v>
      </c>
      <c r="B2638">
        <v>47736</v>
      </c>
      <c r="C2638">
        <v>22</v>
      </c>
      <c r="D2638" t="s">
        <v>8</v>
      </c>
      <c r="E2638">
        <v>0.56000000000000005</v>
      </c>
      <c r="F2638">
        <v>1.46</v>
      </c>
      <c r="G2638">
        <v>0.71</v>
      </c>
    </row>
    <row r="2639" spans="1:7" x14ac:dyDescent="0.25">
      <c r="A2639" t="s">
        <v>23</v>
      </c>
      <c r="B2639">
        <v>57814</v>
      </c>
      <c r="C2639">
        <v>1</v>
      </c>
      <c r="D2639" t="s">
        <v>10</v>
      </c>
      <c r="E2639">
        <v>0.39</v>
      </c>
      <c r="F2639">
        <v>0.56000000000000005</v>
      </c>
      <c r="G2639">
        <v>0.5</v>
      </c>
    </row>
    <row r="2640" spans="1:7" x14ac:dyDescent="0.25">
      <c r="A2640" t="s">
        <v>13</v>
      </c>
      <c r="B2640">
        <v>135636</v>
      </c>
      <c r="C2640">
        <v>22</v>
      </c>
      <c r="D2640" t="s">
        <v>12</v>
      </c>
      <c r="E2640">
        <v>0.9</v>
      </c>
      <c r="F2640">
        <v>1.02</v>
      </c>
      <c r="G2640">
        <v>0.56999999999999995</v>
      </c>
    </row>
    <row r="2641" spans="1:7" x14ac:dyDescent="0.25">
      <c r="A2641" t="s">
        <v>21</v>
      </c>
      <c r="B2641">
        <v>124697</v>
      </c>
      <c r="C2641">
        <v>12</v>
      </c>
      <c r="D2641" t="s">
        <v>24</v>
      </c>
      <c r="E2641">
        <v>0.62</v>
      </c>
      <c r="F2641">
        <v>1.44</v>
      </c>
      <c r="G2641">
        <v>0.44</v>
      </c>
    </row>
    <row r="2642" spans="1:7" x14ac:dyDescent="0.25">
      <c r="A2642" t="s">
        <v>7</v>
      </c>
      <c r="B2642">
        <v>132887</v>
      </c>
      <c r="C2642">
        <v>9</v>
      </c>
      <c r="D2642" t="s">
        <v>8</v>
      </c>
      <c r="E2642">
        <v>0.05</v>
      </c>
      <c r="F2642">
        <v>1.21</v>
      </c>
      <c r="G2642">
        <v>0.88</v>
      </c>
    </row>
    <row r="2643" spans="1:7" x14ac:dyDescent="0.25">
      <c r="A2643" t="s">
        <v>23</v>
      </c>
      <c r="B2643">
        <v>104336</v>
      </c>
      <c r="C2643">
        <v>21</v>
      </c>
      <c r="D2643" t="s">
        <v>8</v>
      </c>
      <c r="E2643">
        <v>0.21</v>
      </c>
      <c r="F2643">
        <v>0.84</v>
      </c>
      <c r="G2643">
        <v>0.44</v>
      </c>
    </row>
    <row r="2644" spans="1:7" x14ac:dyDescent="0.25">
      <c r="A2644" t="s">
        <v>7</v>
      </c>
      <c r="B2644">
        <v>143398</v>
      </c>
      <c r="C2644">
        <v>11</v>
      </c>
      <c r="D2644" t="s">
        <v>12</v>
      </c>
      <c r="E2644">
        <v>0.25</v>
      </c>
      <c r="F2644">
        <v>0.52</v>
      </c>
      <c r="G2644">
        <v>0.82</v>
      </c>
    </row>
    <row r="2645" spans="1:7" x14ac:dyDescent="0.25">
      <c r="A2645" t="s">
        <v>23</v>
      </c>
      <c r="B2645">
        <v>143546</v>
      </c>
      <c r="C2645">
        <v>8</v>
      </c>
      <c r="D2645" t="s">
        <v>8</v>
      </c>
      <c r="E2645">
        <v>0.39</v>
      </c>
      <c r="F2645">
        <v>1.34</v>
      </c>
      <c r="G2645">
        <v>0.35</v>
      </c>
    </row>
    <row r="2646" spans="1:7" x14ac:dyDescent="0.25">
      <c r="A2646" t="s">
        <v>25</v>
      </c>
      <c r="B2646">
        <v>132676</v>
      </c>
      <c r="C2646">
        <v>23</v>
      </c>
      <c r="D2646" t="s">
        <v>8</v>
      </c>
      <c r="E2646">
        <v>0.34</v>
      </c>
      <c r="F2646">
        <v>0.99</v>
      </c>
      <c r="G2646">
        <v>0.91</v>
      </c>
    </row>
    <row r="2647" spans="1:7" x14ac:dyDescent="0.25">
      <c r="A2647" t="s">
        <v>16</v>
      </c>
      <c r="B2647">
        <v>54569</v>
      </c>
      <c r="C2647">
        <v>29</v>
      </c>
      <c r="D2647" t="s">
        <v>10</v>
      </c>
      <c r="E2647">
        <v>0.38</v>
      </c>
      <c r="F2647">
        <v>0.67</v>
      </c>
      <c r="G2647">
        <v>0.61</v>
      </c>
    </row>
    <row r="2648" spans="1:7" x14ac:dyDescent="0.25">
      <c r="A2648" t="s">
        <v>11</v>
      </c>
      <c r="B2648">
        <v>124093</v>
      </c>
      <c r="C2648">
        <v>12</v>
      </c>
      <c r="D2648" t="s">
        <v>24</v>
      </c>
      <c r="E2648">
        <v>0.77</v>
      </c>
      <c r="F2648">
        <v>1.04</v>
      </c>
      <c r="G2648">
        <v>0.93</v>
      </c>
    </row>
    <row r="2649" spans="1:7" x14ac:dyDescent="0.25">
      <c r="A2649" t="s">
        <v>27</v>
      </c>
      <c r="B2649">
        <v>83638</v>
      </c>
      <c r="C2649">
        <v>15</v>
      </c>
      <c r="D2649" t="s">
        <v>24</v>
      </c>
      <c r="E2649">
        <v>0.46</v>
      </c>
      <c r="F2649">
        <v>0.7</v>
      </c>
      <c r="G2649">
        <v>0.76</v>
      </c>
    </row>
    <row r="2650" spans="1:7" x14ac:dyDescent="0.25">
      <c r="A2650" t="s">
        <v>15</v>
      </c>
      <c r="B2650">
        <v>126765</v>
      </c>
      <c r="C2650">
        <v>21</v>
      </c>
      <c r="D2650" t="s">
        <v>24</v>
      </c>
      <c r="E2650">
        <v>0.03</v>
      </c>
      <c r="F2650">
        <v>1.08</v>
      </c>
      <c r="G2650">
        <v>0.2</v>
      </c>
    </row>
    <row r="2651" spans="1:7" x14ac:dyDescent="0.25">
      <c r="A2651" t="s">
        <v>9</v>
      </c>
      <c r="B2651">
        <v>121190</v>
      </c>
      <c r="C2651">
        <v>16</v>
      </c>
      <c r="D2651" t="s">
        <v>12</v>
      </c>
      <c r="E2651">
        <v>0.01</v>
      </c>
      <c r="F2651">
        <v>0.68</v>
      </c>
      <c r="G2651">
        <v>0.21</v>
      </c>
    </row>
    <row r="2652" spans="1:7" x14ac:dyDescent="0.25">
      <c r="A2652" t="s">
        <v>17</v>
      </c>
      <c r="B2652">
        <v>84916</v>
      </c>
      <c r="C2652">
        <v>13</v>
      </c>
      <c r="D2652" t="s">
        <v>12</v>
      </c>
      <c r="E2652">
        <v>0.15</v>
      </c>
      <c r="F2652">
        <v>0.9</v>
      </c>
      <c r="G2652">
        <v>0.14000000000000001</v>
      </c>
    </row>
    <row r="2653" spans="1:7" x14ac:dyDescent="0.25">
      <c r="A2653" t="s">
        <v>27</v>
      </c>
      <c r="B2653">
        <v>125462</v>
      </c>
      <c r="C2653">
        <v>13</v>
      </c>
      <c r="D2653" t="s">
        <v>24</v>
      </c>
      <c r="E2653">
        <v>0.76</v>
      </c>
      <c r="F2653">
        <v>1.27</v>
      </c>
      <c r="G2653">
        <v>0.9</v>
      </c>
    </row>
    <row r="2654" spans="1:7" x14ac:dyDescent="0.25">
      <c r="A2654" t="s">
        <v>16</v>
      </c>
      <c r="B2654">
        <v>74838</v>
      </c>
      <c r="C2654">
        <v>15</v>
      </c>
      <c r="D2654" t="s">
        <v>8</v>
      </c>
      <c r="E2654">
        <v>0.55000000000000004</v>
      </c>
      <c r="F2654">
        <v>1.06</v>
      </c>
      <c r="G2654">
        <v>0.45</v>
      </c>
    </row>
    <row r="2655" spans="1:7" x14ac:dyDescent="0.25">
      <c r="A2655" t="s">
        <v>20</v>
      </c>
      <c r="B2655">
        <v>113253</v>
      </c>
      <c r="C2655">
        <v>10</v>
      </c>
      <c r="D2655" t="s">
        <v>8</v>
      </c>
      <c r="E2655">
        <v>0.89</v>
      </c>
      <c r="F2655">
        <v>0.78</v>
      </c>
      <c r="G2655">
        <v>0.39</v>
      </c>
    </row>
    <row r="2656" spans="1:7" x14ac:dyDescent="0.25">
      <c r="A2656" t="s">
        <v>28</v>
      </c>
      <c r="B2656">
        <v>111546</v>
      </c>
      <c r="C2656">
        <v>6</v>
      </c>
      <c r="D2656" t="s">
        <v>10</v>
      </c>
      <c r="E2656">
        <v>0.09</v>
      </c>
      <c r="F2656">
        <v>1.1100000000000001</v>
      </c>
      <c r="G2656">
        <v>0.54</v>
      </c>
    </row>
    <row r="2657" spans="1:7" x14ac:dyDescent="0.25">
      <c r="A2657" t="s">
        <v>19</v>
      </c>
      <c r="B2657">
        <v>140217</v>
      </c>
      <c r="C2657">
        <v>21</v>
      </c>
      <c r="D2657" t="s">
        <v>12</v>
      </c>
      <c r="E2657">
        <v>0.05</v>
      </c>
      <c r="F2657">
        <v>0.54</v>
      </c>
      <c r="G2657">
        <v>0.71</v>
      </c>
    </row>
    <row r="2658" spans="1:7" x14ac:dyDescent="0.25">
      <c r="A2658" t="s">
        <v>13</v>
      </c>
      <c r="B2658">
        <v>107576</v>
      </c>
      <c r="C2658">
        <v>7</v>
      </c>
      <c r="D2658" t="s">
        <v>12</v>
      </c>
      <c r="E2658">
        <v>0.01</v>
      </c>
      <c r="F2658">
        <v>1.41</v>
      </c>
      <c r="G2658">
        <v>0.5</v>
      </c>
    </row>
    <row r="2659" spans="1:7" x14ac:dyDescent="0.25">
      <c r="A2659" t="s">
        <v>7</v>
      </c>
      <c r="B2659">
        <v>89849</v>
      </c>
      <c r="C2659">
        <v>19</v>
      </c>
      <c r="D2659" t="s">
        <v>10</v>
      </c>
      <c r="E2659">
        <v>0.19</v>
      </c>
      <c r="F2659">
        <v>1.32</v>
      </c>
      <c r="G2659">
        <v>0.8</v>
      </c>
    </row>
    <row r="2660" spans="1:7" x14ac:dyDescent="0.25">
      <c r="A2660" t="s">
        <v>20</v>
      </c>
      <c r="B2660">
        <v>133970</v>
      </c>
      <c r="C2660">
        <v>23</v>
      </c>
      <c r="D2660" t="s">
        <v>8</v>
      </c>
      <c r="E2660">
        <v>0.51</v>
      </c>
      <c r="F2660">
        <v>0.87</v>
      </c>
      <c r="G2660">
        <v>0.48</v>
      </c>
    </row>
    <row r="2661" spans="1:7" x14ac:dyDescent="0.25">
      <c r="A2661" t="s">
        <v>14</v>
      </c>
      <c r="B2661">
        <v>65340</v>
      </c>
      <c r="C2661">
        <v>11</v>
      </c>
      <c r="D2661" t="s">
        <v>12</v>
      </c>
      <c r="E2661">
        <v>0.28000000000000003</v>
      </c>
      <c r="F2661">
        <v>0.59</v>
      </c>
      <c r="G2661">
        <v>0.5</v>
      </c>
    </row>
    <row r="2662" spans="1:7" x14ac:dyDescent="0.25">
      <c r="A2662" t="s">
        <v>11</v>
      </c>
      <c r="B2662">
        <v>94605</v>
      </c>
      <c r="C2662">
        <v>27</v>
      </c>
      <c r="D2662" t="s">
        <v>8</v>
      </c>
      <c r="E2662">
        <v>0.8</v>
      </c>
      <c r="F2662">
        <v>0.83</v>
      </c>
      <c r="G2662">
        <v>0.84</v>
      </c>
    </row>
    <row r="2663" spans="1:7" x14ac:dyDescent="0.25">
      <c r="A2663" t="s">
        <v>23</v>
      </c>
      <c r="B2663">
        <v>132025</v>
      </c>
      <c r="C2663">
        <v>3</v>
      </c>
      <c r="D2663" t="s">
        <v>24</v>
      </c>
      <c r="E2663">
        <v>0.55000000000000004</v>
      </c>
      <c r="F2663">
        <v>0.87</v>
      </c>
      <c r="G2663">
        <v>0.65</v>
      </c>
    </row>
    <row r="2664" spans="1:7" x14ac:dyDescent="0.25">
      <c r="A2664" t="s">
        <v>28</v>
      </c>
      <c r="B2664">
        <v>42623</v>
      </c>
      <c r="C2664">
        <v>8</v>
      </c>
      <c r="D2664" t="s">
        <v>10</v>
      </c>
      <c r="E2664">
        <v>0.53</v>
      </c>
      <c r="F2664">
        <v>1.07</v>
      </c>
      <c r="G2664">
        <v>0.63</v>
      </c>
    </row>
    <row r="2665" spans="1:7" x14ac:dyDescent="0.25">
      <c r="A2665" t="s">
        <v>17</v>
      </c>
      <c r="B2665">
        <v>82913</v>
      </c>
      <c r="C2665">
        <v>27</v>
      </c>
      <c r="D2665" t="s">
        <v>24</v>
      </c>
      <c r="E2665">
        <v>0.77</v>
      </c>
      <c r="F2665">
        <v>0.86</v>
      </c>
      <c r="G2665">
        <v>0.12</v>
      </c>
    </row>
    <row r="2666" spans="1:7" x14ac:dyDescent="0.25">
      <c r="A2666" t="s">
        <v>21</v>
      </c>
      <c r="B2666">
        <v>39159</v>
      </c>
      <c r="C2666">
        <v>4</v>
      </c>
      <c r="D2666" t="s">
        <v>8</v>
      </c>
      <c r="E2666">
        <v>0.25</v>
      </c>
      <c r="F2666">
        <v>1.21</v>
      </c>
      <c r="G2666">
        <v>0.36</v>
      </c>
    </row>
    <row r="2667" spans="1:7" x14ac:dyDescent="0.25">
      <c r="A2667" t="s">
        <v>25</v>
      </c>
      <c r="B2667">
        <v>70294</v>
      </c>
      <c r="C2667">
        <v>16</v>
      </c>
      <c r="D2667" t="s">
        <v>10</v>
      </c>
      <c r="E2667">
        <v>0.76</v>
      </c>
      <c r="F2667">
        <v>0.63</v>
      </c>
      <c r="G2667">
        <v>0.94</v>
      </c>
    </row>
    <row r="2668" spans="1:7" x14ac:dyDescent="0.25">
      <c r="A2668" t="s">
        <v>15</v>
      </c>
      <c r="B2668">
        <v>110381</v>
      </c>
      <c r="C2668">
        <v>9</v>
      </c>
      <c r="D2668" t="s">
        <v>24</v>
      </c>
      <c r="E2668">
        <v>0.35</v>
      </c>
      <c r="F2668">
        <v>0.84</v>
      </c>
      <c r="G2668">
        <v>0.26</v>
      </c>
    </row>
    <row r="2669" spans="1:7" x14ac:dyDescent="0.25">
      <c r="A2669" t="s">
        <v>27</v>
      </c>
      <c r="B2669">
        <v>142488</v>
      </c>
      <c r="C2669">
        <v>4</v>
      </c>
      <c r="D2669" t="s">
        <v>10</v>
      </c>
      <c r="E2669">
        <v>0.98</v>
      </c>
      <c r="F2669">
        <v>0.8</v>
      </c>
      <c r="G2669">
        <v>0.77</v>
      </c>
    </row>
    <row r="2670" spans="1:7" x14ac:dyDescent="0.25">
      <c r="A2670" t="s">
        <v>20</v>
      </c>
      <c r="B2670">
        <v>35749</v>
      </c>
      <c r="C2670">
        <v>24</v>
      </c>
      <c r="D2670" t="s">
        <v>12</v>
      </c>
      <c r="E2670">
        <v>0.62</v>
      </c>
      <c r="F2670">
        <v>0.68</v>
      </c>
      <c r="G2670">
        <v>0.42</v>
      </c>
    </row>
    <row r="2671" spans="1:7" x14ac:dyDescent="0.25">
      <c r="A2671" t="s">
        <v>27</v>
      </c>
      <c r="B2671">
        <v>81833</v>
      </c>
      <c r="C2671">
        <v>12</v>
      </c>
      <c r="D2671" t="s">
        <v>10</v>
      </c>
      <c r="E2671">
        <v>0.27</v>
      </c>
      <c r="F2671">
        <v>1.38</v>
      </c>
      <c r="G2671">
        <v>0.89</v>
      </c>
    </row>
    <row r="2672" spans="1:7" x14ac:dyDescent="0.25">
      <c r="A2672" t="s">
        <v>14</v>
      </c>
      <c r="B2672">
        <v>52703</v>
      </c>
      <c r="C2672">
        <v>6</v>
      </c>
      <c r="D2672" t="s">
        <v>8</v>
      </c>
      <c r="E2672">
        <v>0.77</v>
      </c>
      <c r="F2672">
        <v>1.39</v>
      </c>
      <c r="G2672">
        <v>0.43</v>
      </c>
    </row>
    <row r="2673" spans="1:7" x14ac:dyDescent="0.25">
      <c r="A2673" t="s">
        <v>26</v>
      </c>
      <c r="B2673">
        <v>76554</v>
      </c>
      <c r="C2673">
        <v>15</v>
      </c>
      <c r="D2673" t="s">
        <v>12</v>
      </c>
      <c r="E2673">
        <v>0.87</v>
      </c>
      <c r="F2673">
        <v>1.0900000000000001</v>
      </c>
      <c r="G2673">
        <v>0.3</v>
      </c>
    </row>
    <row r="2674" spans="1:7" x14ac:dyDescent="0.25">
      <c r="A2674" t="s">
        <v>11</v>
      </c>
      <c r="B2674">
        <v>67648</v>
      </c>
      <c r="C2674">
        <v>25</v>
      </c>
      <c r="D2674" t="s">
        <v>12</v>
      </c>
      <c r="E2674">
        <v>0.65</v>
      </c>
      <c r="F2674">
        <v>1.1100000000000001</v>
      </c>
      <c r="G2674">
        <v>0.77</v>
      </c>
    </row>
    <row r="2675" spans="1:7" x14ac:dyDescent="0.25">
      <c r="A2675" t="s">
        <v>25</v>
      </c>
      <c r="B2675">
        <v>135718</v>
      </c>
      <c r="C2675">
        <v>4</v>
      </c>
      <c r="D2675" t="s">
        <v>24</v>
      </c>
      <c r="E2675">
        <v>0.56000000000000005</v>
      </c>
      <c r="F2675">
        <v>0.74</v>
      </c>
      <c r="G2675">
        <v>0.88</v>
      </c>
    </row>
    <row r="2676" spans="1:7" x14ac:dyDescent="0.25">
      <c r="A2676" t="s">
        <v>25</v>
      </c>
      <c r="B2676">
        <v>53876</v>
      </c>
      <c r="C2676">
        <v>18</v>
      </c>
      <c r="D2676" t="s">
        <v>10</v>
      </c>
      <c r="E2676">
        <v>0.57999999999999996</v>
      </c>
      <c r="F2676">
        <v>0.72</v>
      </c>
      <c r="G2676">
        <v>0.77</v>
      </c>
    </row>
    <row r="2677" spans="1:7" x14ac:dyDescent="0.25">
      <c r="A2677" t="s">
        <v>30</v>
      </c>
      <c r="B2677">
        <v>56513</v>
      </c>
      <c r="C2677">
        <v>11</v>
      </c>
      <c r="D2677" t="s">
        <v>10</v>
      </c>
      <c r="E2677">
        <v>0.48</v>
      </c>
      <c r="F2677">
        <v>0.57999999999999996</v>
      </c>
      <c r="G2677">
        <v>0.33</v>
      </c>
    </row>
    <row r="2678" spans="1:7" x14ac:dyDescent="0.25">
      <c r="A2678" t="s">
        <v>21</v>
      </c>
      <c r="B2678">
        <v>125564</v>
      </c>
      <c r="C2678">
        <v>15</v>
      </c>
      <c r="D2678" t="s">
        <v>8</v>
      </c>
      <c r="E2678">
        <v>0.03</v>
      </c>
      <c r="F2678">
        <v>1</v>
      </c>
      <c r="G2678">
        <v>0.33</v>
      </c>
    </row>
    <row r="2679" spans="1:7" x14ac:dyDescent="0.25">
      <c r="A2679" t="s">
        <v>27</v>
      </c>
      <c r="B2679">
        <v>65253</v>
      </c>
      <c r="C2679">
        <v>22</v>
      </c>
      <c r="D2679" t="s">
        <v>12</v>
      </c>
      <c r="E2679">
        <v>0.5</v>
      </c>
      <c r="F2679">
        <v>1.33</v>
      </c>
      <c r="G2679">
        <v>0.9</v>
      </c>
    </row>
    <row r="2680" spans="1:7" x14ac:dyDescent="0.25">
      <c r="A2680" t="s">
        <v>13</v>
      </c>
      <c r="B2680">
        <v>138482</v>
      </c>
      <c r="C2680">
        <v>23</v>
      </c>
      <c r="D2680" t="s">
        <v>24</v>
      </c>
      <c r="E2680">
        <v>0.5</v>
      </c>
      <c r="F2680">
        <v>0.9</v>
      </c>
      <c r="G2680">
        <v>0.39</v>
      </c>
    </row>
    <row r="2681" spans="1:7" x14ac:dyDescent="0.25">
      <c r="A2681" t="s">
        <v>26</v>
      </c>
      <c r="B2681">
        <v>143169</v>
      </c>
      <c r="C2681">
        <v>0</v>
      </c>
      <c r="D2681" t="s">
        <v>24</v>
      </c>
      <c r="E2681">
        <v>0.69</v>
      </c>
      <c r="F2681">
        <v>0.7</v>
      </c>
      <c r="G2681">
        <v>0.17</v>
      </c>
    </row>
    <row r="2682" spans="1:7" x14ac:dyDescent="0.25">
      <c r="A2682" t="s">
        <v>16</v>
      </c>
      <c r="B2682">
        <v>89816</v>
      </c>
      <c r="C2682">
        <v>16</v>
      </c>
      <c r="D2682" t="s">
        <v>8</v>
      </c>
      <c r="E2682">
        <v>0.47</v>
      </c>
      <c r="F2682">
        <v>1.49</v>
      </c>
      <c r="G2682">
        <v>0.56000000000000005</v>
      </c>
    </row>
    <row r="2683" spans="1:7" x14ac:dyDescent="0.25">
      <c r="A2683" t="s">
        <v>11</v>
      </c>
      <c r="B2683">
        <v>71729</v>
      </c>
      <c r="C2683">
        <v>11</v>
      </c>
      <c r="D2683" t="s">
        <v>24</v>
      </c>
      <c r="E2683">
        <v>0.43</v>
      </c>
      <c r="F2683">
        <v>1.22</v>
      </c>
      <c r="G2683">
        <v>0.77</v>
      </c>
    </row>
    <row r="2684" spans="1:7" x14ac:dyDescent="0.25">
      <c r="A2684" t="s">
        <v>15</v>
      </c>
      <c r="B2684">
        <v>90924</v>
      </c>
      <c r="C2684">
        <v>11</v>
      </c>
      <c r="D2684" t="s">
        <v>10</v>
      </c>
      <c r="E2684">
        <v>0.46</v>
      </c>
      <c r="F2684">
        <v>0.84</v>
      </c>
      <c r="G2684">
        <v>0.16</v>
      </c>
    </row>
    <row r="2685" spans="1:7" x14ac:dyDescent="0.25">
      <c r="A2685" t="s">
        <v>16</v>
      </c>
      <c r="B2685">
        <v>135963</v>
      </c>
      <c r="C2685">
        <v>23</v>
      </c>
      <c r="D2685" t="s">
        <v>10</v>
      </c>
      <c r="E2685">
        <v>0.01</v>
      </c>
      <c r="F2685">
        <v>0.76</v>
      </c>
      <c r="G2685">
        <v>0.46</v>
      </c>
    </row>
    <row r="2686" spans="1:7" x14ac:dyDescent="0.25">
      <c r="A2686" t="s">
        <v>30</v>
      </c>
      <c r="B2686">
        <v>46294</v>
      </c>
      <c r="C2686">
        <v>4</v>
      </c>
      <c r="D2686" t="s">
        <v>8</v>
      </c>
      <c r="E2686">
        <v>0.26</v>
      </c>
      <c r="F2686">
        <v>0.55000000000000004</v>
      </c>
      <c r="G2686">
        <v>0.44</v>
      </c>
    </row>
    <row r="2687" spans="1:7" x14ac:dyDescent="0.25">
      <c r="A2687" t="s">
        <v>13</v>
      </c>
      <c r="B2687">
        <v>34383</v>
      </c>
      <c r="C2687">
        <v>24</v>
      </c>
      <c r="D2687" t="s">
        <v>8</v>
      </c>
      <c r="E2687">
        <v>0.5</v>
      </c>
      <c r="F2687">
        <v>0.86</v>
      </c>
      <c r="G2687">
        <v>0.35</v>
      </c>
    </row>
    <row r="2688" spans="1:7" x14ac:dyDescent="0.25">
      <c r="A2688" t="s">
        <v>26</v>
      </c>
      <c r="B2688">
        <v>93742</v>
      </c>
      <c r="C2688">
        <v>18</v>
      </c>
      <c r="D2688" t="s">
        <v>24</v>
      </c>
      <c r="E2688">
        <v>0.96</v>
      </c>
      <c r="F2688">
        <v>0.91</v>
      </c>
      <c r="G2688">
        <v>0.23</v>
      </c>
    </row>
    <row r="2689" spans="1:7" x14ac:dyDescent="0.25">
      <c r="A2689" t="s">
        <v>25</v>
      </c>
      <c r="B2689">
        <v>82210</v>
      </c>
      <c r="C2689">
        <v>8</v>
      </c>
      <c r="D2689" t="s">
        <v>10</v>
      </c>
      <c r="E2689">
        <v>0.61</v>
      </c>
      <c r="F2689">
        <v>1.1599999999999999</v>
      </c>
      <c r="G2689">
        <v>0.71</v>
      </c>
    </row>
    <row r="2690" spans="1:7" x14ac:dyDescent="0.25">
      <c r="A2690" t="s">
        <v>7</v>
      </c>
      <c r="B2690">
        <v>55281</v>
      </c>
      <c r="C2690">
        <v>25</v>
      </c>
      <c r="D2690" t="s">
        <v>10</v>
      </c>
      <c r="E2690">
        <v>0.91</v>
      </c>
      <c r="F2690">
        <v>0.79</v>
      </c>
      <c r="G2690">
        <v>0.91</v>
      </c>
    </row>
    <row r="2691" spans="1:7" x14ac:dyDescent="0.25">
      <c r="A2691" t="s">
        <v>17</v>
      </c>
      <c r="B2691">
        <v>35143</v>
      </c>
      <c r="C2691">
        <v>10</v>
      </c>
      <c r="D2691" t="s">
        <v>12</v>
      </c>
      <c r="E2691">
        <v>0.19</v>
      </c>
      <c r="F2691">
        <v>0.99</v>
      </c>
      <c r="G2691">
        <v>0.18</v>
      </c>
    </row>
    <row r="2692" spans="1:7" x14ac:dyDescent="0.25">
      <c r="A2692" t="s">
        <v>30</v>
      </c>
      <c r="B2692">
        <v>67404</v>
      </c>
      <c r="C2692">
        <v>17</v>
      </c>
      <c r="D2692" t="s">
        <v>8</v>
      </c>
      <c r="E2692">
        <v>0.14000000000000001</v>
      </c>
      <c r="F2692">
        <v>0.52</v>
      </c>
      <c r="G2692">
        <v>0.42</v>
      </c>
    </row>
    <row r="2693" spans="1:7" x14ac:dyDescent="0.25">
      <c r="A2693" t="s">
        <v>15</v>
      </c>
      <c r="B2693">
        <v>83568</v>
      </c>
      <c r="C2693">
        <v>24</v>
      </c>
      <c r="D2693" t="s">
        <v>10</v>
      </c>
      <c r="E2693">
        <v>0.56999999999999995</v>
      </c>
      <c r="F2693">
        <v>1.1499999999999999</v>
      </c>
      <c r="G2693">
        <v>0.09</v>
      </c>
    </row>
    <row r="2694" spans="1:7" x14ac:dyDescent="0.25">
      <c r="A2694" t="s">
        <v>7</v>
      </c>
      <c r="B2694">
        <v>134534</v>
      </c>
      <c r="C2694">
        <v>1</v>
      </c>
      <c r="D2694" t="s">
        <v>10</v>
      </c>
      <c r="E2694">
        <v>0.64</v>
      </c>
      <c r="F2694">
        <v>1.1000000000000001</v>
      </c>
      <c r="G2694">
        <v>0.8</v>
      </c>
    </row>
    <row r="2695" spans="1:7" x14ac:dyDescent="0.25">
      <c r="A2695" t="s">
        <v>19</v>
      </c>
      <c r="B2695">
        <v>37120</v>
      </c>
      <c r="C2695">
        <v>20</v>
      </c>
      <c r="D2695" t="s">
        <v>12</v>
      </c>
      <c r="E2695">
        <v>0.23</v>
      </c>
      <c r="F2695">
        <v>1.18</v>
      </c>
      <c r="G2695">
        <v>0.72</v>
      </c>
    </row>
    <row r="2696" spans="1:7" x14ac:dyDescent="0.25">
      <c r="A2696" t="s">
        <v>28</v>
      </c>
      <c r="B2696">
        <v>140931</v>
      </c>
      <c r="C2696">
        <v>7</v>
      </c>
      <c r="D2696" t="s">
        <v>8</v>
      </c>
      <c r="E2696">
        <v>0.13</v>
      </c>
      <c r="F2696">
        <v>1.45</v>
      </c>
      <c r="G2696">
        <v>0.52</v>
      </c>
    </row>
    <row r="2697" spans="1:7" x14ac:dyDescent="0.25">
      <c r="A2697" t="s">
        <v>28</v>
      </c>
      <c r="B2697">
        <v>68191</v>
      </c>
      <c r="C2697">
        <v>7</v>
      </c>
      <c r="D2697" t="s">
        <v>12</v>
      </c>
      <c r="E2697">
        <v>0.15</v>
      </c>
      <c r="F2697">
        <v>0.93</v>
      </c>
      <c r="G2697">
        <v>0.4</v>
      </c>
    </row>
    <row r="2698" spans="1:7" x14ac:dyDescent="0.25">
      <c r="A2698" t="s">
        <v>21</v>
      </c>
      <c r="B2698">
        <v>58453</v>
      </c>
      <c r="C2698">
        <v>1</v>
      </c>
      <c r="D2698" t="s">
        <v>24</v>
      </c>
      <c r="E2698">
        <v>0.44</v>
      </c>
      <c r="F2698">
        <v>1.24</v>
      </c>
      <c r="G2698">
        <v>0.61</v>
      </c>
    </row>
    <row r="2699" spans="1:7" x14ac:dyDescent="0.25">
      <c r="A2699" t="s">
        <v>20</v>
      </c>
      <c r="B2699">
        <v>114815</v>
      </c>
      <c r="C2699">
        <v>15</v>
      </c>
      <c r="D2699" t="s">
        <v>10</v>
      </c>
      <c r="E2699">
        <v>0.95</v>
      </c>
      <c r="F2699">
        <v>0.72</v>
      </c>
      <c r="G2699">
        <v>0.49</v>
      </c>
    </row>
    <row r="2700" spans="1:7" x14ac:dyDescent="0.25">
      <c r="A2700" t="s">
        <v>18</v>
      </c>
      <c r="B2700">
        <v>122562</v>
      </c>
      <c r="C2700">
        <v>18</v>
      </c>
      <c r="D2700" t="s">
        <v>12</v>
      </c>
      <c r="E2700">
        <v>0.64</v>
      </c>
      <c r="F2700">
        <v>1.1399999999999999</v>
      </c>
      <c r="G2700">
        <v>0.59</v>
      </c>
    </row>
    <row r="2701" spans="1:7" x14ac:dyDescent="0.25">
      <c r="A2701" t="s">
        <v>19</v>
      </c>
      <c r="B2701">
        <v>145427</v>
      </c>
      <c r="C2701">
        <v>7</v>
      </c>
      <c r="D2701" t="s">
        <v>8</v>
      </c>
      <c r="E2701">
        <v>0.78</v>
      </c>
      <c r="F2701">
        <v>0.77</v>
      </c>
      <c r="G2701">
        <v>0.82</v>
      </c>
    </row>
    <row r="2702" spans="1:7" x14ac:dyDescent="0.25">
      <c r="A2702" t="s">
        <v>19</v>
      </c>
      <c r="B2702">
        <v>142113</v>
      </c>
      <c r="C2702">
        <v>11</v>
      </c>
      <c r="D2702" t="s">
        <v>24</v>
      </c>
      <c r="E2702">
        <v>0.43</v>
      </c>
      <c r="F2702">
        <v>0.87</v>
      </c>
      <c r="G2702">
        <v>0.85</v>
      </c>
    </row>
    <row r="2703" spans="1:7" x14ac:dyDescent="0.25">
      <c r="A2703" t="s">
        <v>27</v>
      </c>
      <c r="B2703">
        <v>111912</v>
      </c>
      <c r="C2703">
        <v>10</v>
      </c>
      <c r="D2703" t="s">
        <v>10</v>
      </c>
      <c r="E2703">
        <v>0.51</v>
      </c>
      <c r="F2703">
        <v>0.96</v>
      </c>
      <c r="G2703">
        <v>0.86</v>
      </c>
    </row>
    <row r="2704" spans="1:7" x14ac:dyDescent="0.25">
      <c r="A2704" t="s">
        <v>25</v>
      </c>
      <c r="B2704">
        <v>33390</v>
      </c>
      <c r="C2704">
        <v>14</v>
      </c>
      <c r="D2704" t="s">
        <v>24</v>
      </c>
      <c r="E2704">
        <v>0.04</v>
      </c>
      <c r="F2704">
        <v>1.32</v>
      </c>
      <c r="G2704">
        <v>0.92</v>
      </c>
    </row>
    <row r="2705" spans="1:7" x14ac:dyDescent="0.25">
      <c r="A2705" t="s">
        <v>21</v>
      </c>
      <c r="B2705">
        <v>100174</v>
      </c>
      <c r="C2705">
        <v>20</v>
      </c>
      <c r="D2705" t="s">
        <v>10</v>
      </c>
      <c r="E2705">
        <v>0.42</v>
      </c>
      <c r="F2705">
        <v>0.54</v>
      </c>
      <c r="G2705">
        <v>0.59</v>
      </c>
    </row>
    <row r="2706" spans="1:7" x14ac:dyDescent="0.25">
      <c r="A2706" t="s">
        <v>30</v>
      </c>
      <c r="B2706">
        <v>42225</v>
      </c>
      <c r="C2706">
        <v>27</v>
      </c>
      <c r="D2706" t="s">
        <v>10</v>
      </c>
      <c r="E2706">
        <v>0.1</v>
      </c>
      <c r="F2706">
        <v>1.35</v>
      </c>
      <c r="G2706">
        <v>0.42</v>
      </c>
    </row>
    <row r="2707" spans="1:7" x14ac:dyDescent="0.25">
      <c r="A2707" t="s">
        <v>27</v>
      </c>
      <c r="B2707">
        <v>62864</v>
      </c>
      <c r="C2707">
        <v>29</v>
      </c>
      <c r="D2707" t="s">
        <v>8</v>
      </c>
      <c r="E2707">
        <v>0.71</v>
      </c>
      <c r="F2707">
        <v>0.93</v>
      </c>
      <c r="G2707">
        <v>0.92</v>
      </c>
    </row>
    <row r="2708" spans="1:7" x14ac:dyDescent="0.25">
      <c r="A2708" t="s">
        <v>15</v>
      </c>
      <c r="B2708">
        <v>102135</v>
      </c>
      <c r="C2708">
        <v>15</v>
      </c>
      <c r="D2708" t="s">
        <v>8</v>
      </c>
      <c r="E2708">
        <v>0.45</v>
      </c>
      <c r="F2708">
        <v>0.65</v>
      </c>
      <c r="G2708">
        <v>0.19</v>
      </c>
    </row>
    <row r="2709" spans="1:7" x14ac:dyDescent="0.25">
      <c r="A2709" t="s">
        <v>26</v>
      </c>
      <c r="B2709">
        <v>120061</v>
      </c>
      <c r="C2709">
        <v>26</v>
      </c>
      <c r="D2709" t="s">
        <v>24</v>
      </c>
      <c r="E2709">
        <v>0.09</v>
      </c>
      <c r="F2709">
        <v>0.84</v>
      </c>
      <c r="G2709">
        <v>0.12</v>
      </c>
    </row>
    <row r="2710" spans="1:7" x14ac:dyDescent="0.25">
      <c r="A2710" t="s">
        <v>19</v>
      </c>
      <c r="B2710">
        <v>84879</v>
      </c>
      <c r="C2710">
        <v>3</v>
      </c>
      <c r="D2710" t="s">
        <v>12</v>
      </c>
      <c r="E2710">
        <v>7.0000000000000007E-2</v>
      </c>
      <c r="F2710">
        <v>1.25</v>
      </c>
      <c r="G2710">
        <v>0.81</v>
      </c>
    </row>
    <row r="2711" spans="1:7" x14ac:dyDescent="0.25">
      <c r="A2711" t="s">
        <v>28</v>
      </c>
      <c r="B2711">
        <v>105342</v>
      </c>
      <c r="C2711">
        <v>22</v>
      </c>
      <c r="D2711" t="s">
        <v>24</v>
      </c>
      <c r="E2711">
        <v>0.45</v>
      </c>
      <c r="F2711">
        <v>1.37</v>
      </c>
      <c r="G2711">
        <v>0.44</v>
      </c>
    </row>
    <row r="2712" spans="1:7" x14ac:dyDescent="0.25">
      <c r="A2712" t="s">
        <v>18</v>
      </c>
      <c r="B2712">
        <v>115424</v>
      </c>
      <c r="C2712">
        <v>27</v>
      </c>
      <c r="D2712" t="s">
        <v>10</v>
      </c>
      <c r="E2712">
        <v>0.73</v>
      </c>
      <c r="F2712">
        <v>0.51</v>
      </c>
      <c r="G2712">
        <v>0.34</v>
      </c>
    </row>
    <row r="2713" spans="1:7" x14ac:dyDescent="0.25">
      <c r="A2713" t="s">
        <v>7</v>
      </c>
      <c r="B2713">
        <v>75381</v>
      </c>
      <c r="C2713">
        <v>12</v>
      </c>
      <c r="D2713" t="s">
        <v>24</v>
      </c>
      <c r="E2713">
        <v>0.87</v>
      </c>
      <c r="F2713">
        <v>1.39</v>
      </c>
      <c r="G2713">
        <v>0.84</v>
      </c>
    </row>
    <row r="2714" spans="1:7" x14ac:dyDescent="0.25">
      <c r="A2714" t="s">
        <v>14</v>
      </c>
      <c r="B2714">
        <v>112146</v>
      </c>
      <c r="C2714">
        <v>23</v>
      </c>
      <c r="D2714" t="s">
        <v>10</v>
      </c>
      <c r="E2714">
        <v>0.75</v>
      </c>
      <c r="F2714">
        <v>1.1599999999999999</v>
      </c>
      <c r="G2714">
        <v>0.56000000000000005</v>
      </c>
    </row>
    <row r="2715" spans="1:7" x14ac:dyDescent="0.25">
      <c r="A2715" t="s">
        <v>30</v>
      </c>
      <c r="B2715">
        <v>61973</v>
      </c>
      <c r="C2715">
        <v>11</v>
      </c>
      <c r="D2715" t="s">
        <v>12</v>
      </c>
      <c r="E2715">
        <v>0.45</v>
      </c>
      <c r="F2715">
        <v>0.77</v>
      </c>
      <c r="G2715">
        <v>0.67</v>
      </c>
    </row>
    <row r="2716" spans="1:7" x14ac:dyDescent="0.25">
      <c r="A2716" t="s">
        <v>13</v>
      </c>
      <c r="B2716">
        <v>147442</v>
      </c>
      <c r="C2716">
        <v>16</v>
      </c>
      <c r="D2716" t="s">
        <v>10</v>
      </c>
      <c r="E2716">
        <v>0.8</v>
      </c>
      <c r="F2716">
        <v>1.22</v>
      </c>
      <c r="G2716">
        <v>0.39</v>
      </c>
    </row>
    <row r="2717" spans="1:7" x14ac:dyDescent="0.25">
      <c r="A2717" t="s">
        <v>26</v>
      </c>
      <c r="B2717">
        <v>73904</v>
      </c>
      <c r="C2717">
        <v>2</v>
      </c>
      <c r="D2717" t="s">
        <v>24</v>
      </c>
      <c r="E2717">
        <v>0.64</v>
      </c>
      <c r="F2717">
        <v>0.71</v>
      </c>
      <c r="G2717">
        <v>0.2</v>
      </c>
    </row>
    <row r="2718" spans="1:7" x14ac:dyDescent="0.25">
      <c r="A2718" t="s">
        <v>20</v>
      </c>
      <c r="B2718">
        <v>131937</v>
      </c>
      <c r="C2718">
        <v>24</v>
      </c>
      <c r="D2718" t="s">
        <v>24</v>
      </c>
      <c r="E2718">
        <v>0.37</v>
      </c>
      <c r="F2718">
        <v>0.7</v>
      </c>
      <c r="G2718">
        <v>0.43</v>
      </c>
    </row>
    <row r="2719" spans="1:7" x14ac:dyDescent="0.25">
      <c r="A2719" t="s">
        <v>23</v>
      </c>
      <c r="B2719">
        <v>122928</v>
      </c>
      <c r="C2719">
        <v>23</v>
      </c>
      <c r="D2719" t="s">
        <v>8</v>
      </c>
      <c r="E2719">
        <v>0.5</v>
      </c>
      <c r="F2719">
        <v>0.91</v>
      </c>
      <c r="G2719">
        <v>0.67</v>
      </c>
    </row>
    <row r="2720" spans="1:7" x14ac:dyDescent="0.25">
      <c r="A2720" t="s">
        <v>14</v>
      </c>
      <c r="B2720">
        <v>133120</v>
      </c>
      <c r="C2720">
        <v>25</v>
      </c>
      <c r="D2720" t="s">
        <v>12</v>
      </c>
      <c r="E2720">
        <v>0.04</v>
      </c>
      <c r="F2720">
        <v>1.17</v>
      </c>
      <c r="G2720">
        <v>0.42</v>
      </c>
    </row>
    <row r="2721" spans="1:7" x14ac:dyDescent="0.25">
      <c r="A2721" t="s">
        <v>22</v>
      </c>
      <c r="B2721">
        <v>33796</v>
      </c>
      <c r="C2721">
        <v>5</v>
      </c>
      <c r="D2721" t="s">
        <v>12</v>
      </c>
      <c r="E2721">
        <v>0.78</v>
      </c>
      <c r="F2721">
        <v>1.23</v>
      </c>
      <c r="G2721">
        <v>0.32</v>
      </c>
    </row>
    <row r="2722" spans="1:7" x14ac:dyDescent="0.25">
      <c r="A2722" t="s">
        <v>21</v>
      </c>
      <c r="B2722">
        <v>92058</v>
      </c>
      <c r="C2722">
        <v>1</v>
      </c>
      <c r="D2722" t="s">
        <v>10</v>
      </c>
      <c r="E2722">
        <v>0.55000000000000004</v>
      </c>
      <c r="F2722">
        <v>0.76</v>
      </c>
      <c r="G2722">
        <v>0.63</v>
      </c>
    </row>
    <row r="2723" spans="1:7" x14ac:dyDescent="0.25">
      <c r="A2723" t="s">
        <v>23</v>
      </c>
      <c r="B2723">
        <v>46005</v>
      </c>
      <c r="C2723">
        <v>28</v>
      </c>
      <c r="D2723" t="s">
        <v>24</v>
      </c>
      <c r="E2723">
        <v>0.48</v>
      </c>
      <c r="F2723">
        <v>1.31</v>
      </c>
      <c r="G2723">
        <v>0.53</v>
      </c>
    </row>
    <row r="2724" spans="1:7" x14ac:dyDescent="0.25">
      <c r="A2724" t="s">
        <v>7</v>
      </c>
      <c r="B2724">
        <v>63445</v>
      </c>
      <c r="C2724">
        <v>14</v>
      </c>
      <c r="D2724" t="s">
        <v>10</v>
      </c>
      <c r="E2724">
        <v>0.52</v>
      </c>
      <c r="F2724">
        <v>0.89</v>
      </c>
      <c r="G2724">
        <v>0.89</v>
      </c>
    </row>
    <row r="2725" spans="1:7" x14ac:dyDescent="0.25">
      <c r="A2725" t="s">
        <v>22</v>
      </c>
      <c r="B2725">
        <v>50377</v>
      </c>
      <c r="C2725">
        <v>0</v>
      </c>
      <c r="D2725" t="s">
        <v>8</v>
      </c>
      <c r="E2725">
        <v>0.87</v>
      </c>
      <c r="F2725">
        <v>1.2</v>
      </c>
      <c r="G2725">
        <v>0.42</v>
      </c>
    </row>
    <row r="2726" spans="1:7" x14ac:dyDescent="0.25">
      <c r="A2726" t="s">
        <v>25</v>
      </c>
      <c r="B2726">
        <v>88851</v>
      </c>
      <c r="C2726">
        <v>0</v>
      </c>
      <c r="D2726" t="s">
        <v>24</v>
      </c>
      <c r="E2726">
        <v>0.42</v>
      </c>
      <c r="F2726">
        <v>1</v>
      </c>
      <c r="G2726">
        <v>0.72</v>
      </c>
    </row>
    <row r="2727" spans="1:7" x14ac:dyDescent="0.25">
      <c r="A2727" t="s">
        <v>15</v>
      </c>
      <c r="B2727">
        <v>94127</v>
      </c>
      <c r="C2727">
        <v>13</v>
      </c>
      <c r="D2727" t="s">
        <v>8</v>
      </c>
      <c r="E2727">
        <v>0.18</v>
      </c>
      <c r="F2727">
        <v>0.92</v>
      </c>
      <c r="G2727">
        <v>0.23</v>
      </c>
    </row>
    <row r="2728" spans="1:7" x14ac:dyDescent="0.25">
      <c r="A2728" t="s">
        <v>23</v>
      </c>
      <c r="B2728">
        <v>36703</v>
      </c>
      <c r="C2728">
        <v>11</v>
      </c>
      <c r="D2728" t="s">
        <v>12</v>
      </c>
      <c r="E2728">
        <v>0.82</v>
      </c>
      <c r="F2728">
        <v>1.24</v>
      </c>
      <c r="G2728">
        <v>0.69</v>
      </c>
    </row>
    <row r="2729" spans="1:7" x14ac:dyDescent="0.25">
      <c r="A2729" t="s">
        <v>9</v>
      </c>
      <c r="B2729">
        <v>120027</v>
      </c>
      <c r="C2729">
        <v>21</v>
      </c>
      <c r="D2729" t="s">
        <v>8</v>
      </c>
      <c r="E2729">
        <v>0.25</v>
      </c>
      <c r="F2729">
        <v>1.07</v>
      </c>
      <c r="G2729">
        <v>0.2</v>
      </c>
    </row>
    <row r="2730" spans="1:7" x14ac:dyDescent="0.25">
      <c r="A2730" t="s">
        <v>13</v>
      </c>
      <c r="B2730">
        <v>36384</v>
      </c>
      <c r="C2730">
        <v>13</v>
      </c>
      <c r="D2730" t="s">
        <v>10</v>
      </c>
      <c r="E2730">
        <v>0.45</v>
      </c>
      <c r="F2730">
        <v>0.56999999999999995</v>
      </c>
      <c r="G2730">
        <v>0.46</v>
      </c>
    </row>
    <row r="2731" spans="1:7" x14ac:dyDescent="0.25">
      <c r="A2731" t="s">
        <v>28</v>
      </c>
      <c r="B2731">
        <v>41460</v>
      </c>
      <c r="C2731">
        <v>29</v>
      </c>
      <c r="D2731" t="s">
        <v>12</v>
      </c>
      <c r="E2731">
        <v>0.43</v>
      </c>
      <c r="F2731">
        <v>1.46</v>
      </c>
      <c r="G2731">
        <v>0.65</v>
      </c>
    </row>
    <row r="2732" spans="1:7" x14ac:dyDescent="0.25">
      <c r="A2732" t="s">
        <v>13</v>
      </c>
      <c r="B2732">
        <v>87803</v>
      </c>
      <c r="C2732">
        <v>1</v>
      </c>
      <c r="D2732" t="s">
        <v>12</v>
      </c>
      <c r="E2732">
        <v>0.65</v>
      </c>
      <c r="F2732">
        <v>0.92</v>
      </c>
      <c r="G2732">
        <v>0.57999999999999996</v>
      </c>
    </row>
    <row r="2733" spans="1:7" x14ac:dyDescent="0.25">
      <c r="A2733" t="s">
        <v>26</v>
      </c>
      <c r="B2733">
        <v>46482</v>
      </c>
      <c r="C2733">
        <v>1</v>
      </c>
      <c r="D2733" t="s">
        <v>10</v>
      </c>
      <c r="E2733">
        <v>0.42</v>
      </c>
      <c r="F2733">
        <v>1.43</v>
      </c>
      <c r="G2733">
        <v>0.09</v>
      </c>
    </row>
    <row r="2734" spans="1:7" x14ac:dyDescent="0.25">
      <c r="A2734" t="s">
        <v>19</v>
      </c>
      <c r="B2734">
        <v>73307</v>
      </c>
      <c r="C2734">
        <v>20</v>
      </c>
      <c r="D2734" t="s">
        <v>10</v>
      </c>
      <c r="E2734">
        <v>0.4</v>
      </c>
      <c r="F2734">
        <v>0.78</v>
      </c>
      <c r="G2734">
        <v>0.85</v>
      </c>
    </row>
    <row r="2735" spans="1:7" x14ac:dyDescent="0.25">
      <c r="A2735" t="s">
        <v>23</v>
      </c>
      <c r="B2735">
        <v>37505</v>
      </c>
      <c r="C2735">
        <v>27</v>
      </c>
      <c r="D2735" t="s">
        <v>10</v>
      </c>
      <c r="E2735">
        <v>0.92</v>
      </c>
      <c r="F2735">
        <v>1.34</v>
      </c>
      <c r="G2735">
        <v>0.38</v>
      </c>
    </row>
    <row r="2736" spans="1:7" x14ac:dyDescent="0.25">
      <c r="A2736" t="s">
        <v>19</v>
      </c>
      <c r="B2736">
        <v>57205</v>
      </c>
      <c r="C2736">
        <v>10</v>
      </c>
      <c r="D2736" t="s">
        <v>10</v>
      </c>
      <c r="E2736">
        <v>0.67</v>
      </c>
      <c r="F2736">
        <v>1.46</v>
      </c>
      <c r="G2736">
        <v>0.77</v>
      </c>
    </row>
    <row r="2737" spans="1:7" x14ac:dyDescent="0.25">
      <c r="A2737" t="s">
        <v>20</v>
      </c>
      <c r="B2737">
        <v>82025</v>
      </c>
      <c r="C2737">
        <v>10</v>
      </c>
      <c r="D2737" t="s">
        <v>10</v>
      </c>
      <c r="E2737">
        <v>0.66</v>
      </c>
      <c r="F2737">
        <v>0.98</v>
      </c>
      <c r="G2737">
        <v>0.68</v>
      </c>
    </row>
    <row r="2738" spans="1:7" x14ac:dyDescent="0.25">
      <c r="A2738" t="s">
        <v>21</v>
      </c>
      <c r="B2738">
        <v>121676</v>
      </c>
      <c r="C2738">
        <v>21</v>
      </c>
      <c r="D2738" t="s">
        <v>8</v>
      </c>
      <c r="E2738">
        <v>0.31</v>
      </c>
      <c r="F2738">
        <v>0.57999999999999996</v>
      </c>
      <c r="G2738">
        <v>0.52</v>
      </c>
    </row>
    <row r="2739" spans="1:7" x14ac:dyDescent="0.25">
      <c r="A2739" t="s">
        <v>7</v>
      </c>
      <c r="B2739">
        <v>145614</v>
      </c>
      <c r="C2739">
        <v>28</v>
      </c>
      <c r="D2739" t="s">
        <v>12</v>
      </c>
      <c r="E2739">
        <v>0.82</v>
      </c>
      <c r="F2739">
        <v>0.82</v>
      </c>
      <c r="G2739">
        <v>0.72</v>
      </c>
    </row>
    <row r="2740" spans="1:7" x14ac:dyDescent="0.25">
      <c r="A2740" t="s">
        <v>25</v>
      </c>
      <c r="B2740">
        <v>124362</v>
      </c>
      <c r="C2740">
        <v>1</v>
      </c>
      <c r="D2740" t="s">
        <v>12</v>
      </c>
      <c r="E2740">
        <v>0.11</v>
      </c>
      <c r="F2740">
        <v>1.33</v>
      </c>
      <c r="G2740">
        <v>0.89</v>
      </c>
    </row>
    <row r="2741" spans="1:7" x14ac:dyDescent="0.25">
      <c r="A2741" t="s">
        <v>14</v>
      </c>
      <c r="B2741">
        <v>133132</v>
      </c>
      <c r="C2741">
        <v>12</v>
      </c>
      <c r="D2741" t="s">
        <v>24</v>
      </c>
      <c r="E2741">
        <v>0.37</v>
      </c>
      <c r="F2741">
        <v>1.18</v>
      </c>
      <c r="G2741">
        <v>0.44</v>
      </c>
    </row>
    <row r="2742" spans="1:7" x14ac:dyDescent="0.25">
      <c r="A2742" t="s">
        <v>27</v>
      </c>
      <c r="B2742">
        <v>133601</v>
      </c>
      <c r="C2742">
        <v>9</v>
      </c>
      <c r="D2742" t="s">
        <v>8</v>
      </c>
      <c r="E2742">
        <v>0.3</v>
      </c>
      <c r="F2742">
        <v>0.63</v>
      </c>
      <c r="G2742">
        <v>0.93</v>
      </c>
    </row>
    <row r="2743" spans="1:7" x14ac:dyDescent="0.25">
      <c r="A2743" t="s">
        <v>14</v>
      </c>
      <c r="B2743">
        <v>32894</v>
      </c>
      <c r="C2743">
        <v>3</v>
      </c>
      <c r="D2743" t="s">
        <v>24</v>
      </c>
      <c r="E2743">
        <v>0.19</v>
      </c>
      <c r="F2743">
        <v>0.79</v>
      </c>
      <c r="G2743">
        <v>0.38</v>
      </c>
    </row>
    <row r="2744" spans="1:7" x14ac:dyDescent="0.25">
      <c r="A2744" t="s">
        <v>22</v>
      </c>
      <c r="B2744">
        <v>65714</v>
      </c>
      <c r="C2744">
        <v>11</v>
      </c>
      <c r="D2744" t="s">
        <v>12</v>
      </c>
      <c r="E2744">
        <v>0.74</v>
      </c>
      <c r="F2744">
        <v>0.69</v>
      </c>
      <c r="G2744">
        <v>0.63</v>
      </c>
    </row>
    <row r="2745" spans="1:7" x14ac:dyDescent="0.25">
      <c r="A2745" t="s">
        <v>30</v>
      </c>
      <c r="B2745">
        <v>110560</v>
      </c>
      <c r="C2745">
        <v>25</v>
      </c>
      <c r="D2745" t="s">
        <v>24</v>
      </c>
      <c r="E2745">
        <v>0.92</v>
      </c>
      <c r="F2745">
        <v>1.04</v>
      </c>
      <c r="G2745">
        <v>0.4</v>
      </c>
    </row>
    <row r="2746" spans="1:7" x14ac:dyDescent="0.25">
      <c r="A2746" t="s">
        <v>29</v>
      </c>
      <c r="B2746">
        <v>115236</v>
      </c>
      <c r="C2746">
        <v>23</v>
      </c>
      <c r="D2746" t="s">
        <v>12</v>
      </c>
      <c r="E2746">
        <v>0.81</v>
      </c>
      <c r="F2746">
        <v>0.95</v>
      </c>
      <c r="G2746">
        <v>0.05</v>
      </c>
    </row>
    <row r="2747" spans="1:7" x14ac:dyDescent="0.25">
      <c r="A2747" t="s">
        <v>27</v>
      </c>
      <c r="B2747">
        <v>36276</v>
      </c>
      <c r="C2747">
        <v>16</v>
      </c>
      <c r="D2747" t="s">
        <v>8</v>
      </c>
      <c r="E2747">
        <v>0.51</v>
      </c>
      <c r="F2747">
        <v>1.04</v>
      </c>
      <c r="G2747">
        <v>0.87</v>
      </c>
    </row>
    <row r="2748" spans="1:7" x14ac:dyDescent="0.25">
      <c r="A2748" t="s">
        <v>23</v>
      </c>
      <c r="B2748">
        <v>111779</v>
      </c>
      <c r="C2748">
        <v>22</v>
      </c>
      <c r="D2748" t="s">
        <v>24</v>
      </c>
      <c r="E2748">
        <v>0.49</v>
      </c>
      <c r="F2748">
        <v>0.94</v>
      </c>
      <c r="G2748">
        <v>0.51</v>
      </c>
    </row>
    <row r="2749" spans="1:7" x14ac:dyDescent="0.25">
      <c r="A2749" t="s">
        <v>13</v>
      </c>
      <c r="B2749">
        <v>44775</v>
      </c>
      <c r="C2749">
        <v>26</v>
      </c>
      <c r="D2749" t="s">
        <v>12</v>
      </c>
      <c r="E2749">
        <v>0.6</v>
      </c>
      <c r="F2749">
        <v>1.19</v>
      </c>
      <c r="G2749">
        <v>0.53</v>
      </c>
    </row>
    <row r="2750" spans="1:7" x14ac:dyDescent="0.25">
      <c r="A2750" t="s">
        <v>18</v>
      </c>
      <c r="B2750">
        <v>140564</v>
      </c>
      <c r="C2750">
        <v>22</v>
      </c>
      <c r="D2750" t="s">
        <v>24</v>
      </c>
      <c r="E2750">
        <v>0.48</v>
      </c>
      <c r="F2750">
        <v>0.7</v>
      </c>
      <c r="G2750">
        <v>0.34</v>
      </c>
    </row>
    <row r="2751" spans="1:7" x14ac:dyDescent="0.25">
      <c r="A2751" t="s">
        <v>11</v>
      </c>
      <c r="B2751">
        <v>108256</v>
      </c>
      <c r="C2751">
        <v>23</v>
      </c>
      <c r="D2751" t="s">
        <v>8</v>
      </c>
      <c r="E2751">
        <v>0.64</v>
      </c>
      <c r="F2751">
        <v>0.88</v>
      </c>
      <c r="G2751">
        <v>0.82</v>
      </c>
    </row>
    <row r="2752" spans="1:7" x14ac:dyDescent="0.25">
      <c r="A2752" t="s">
        <v>22</v>
      </c>
      <c r="B2752">
        <v>117377</v>
      </c>
      <c r="C2752">
        <v>1</v>
      </c>
      <c r="D2752" t="s">
        <v>24</v>
      </c>
      <c r="E2752">
        <v>0.93</v>
      </c>
      <c r="F2752">
        <v>0.9</v>
      </c>
      <c r="G2752">
        <v>0.48</v>
      </c>
    </row>
    <row r="2753" spans="1:7" x14ac:dyDescent="0.25">
      <c r="A2753" t="s">
        <v>7</v>
      </c>
      <c r="B2753">
        <v>39479</v>
      </c>
      <c r="C2753">
        <v>19</v>
      </c>
      <c r="D2753" t="s">
        <v>24</v>
      </c>
      <c r="E2753">
        <v>0.05</v>
      </c>
      <c r="F2753">
        <v>0.54</v>
      </c>
      <c r="G2753">
        <v>0.86</v>
      </c>
    </row>
    <row r="2754" spans="1:7" x14ac:dyDescent="0.25">
      <c r="A2754" t="s">
        <v>11</v>
      </c>
      <c r="B2754">
        <v>130003</v>
      </c>
      <c r="C2754">
        <v>19</v>
      </c>
      <c r="D2754" t="s">
        <v>12</v>
      </c>
      <c r="E2754">
        <v>0.92</v>
      </c>
      <c r="F2754">
        <v>0.79</v>
      </c>
      <c r="G2754">
        <v>0.71</v>
      </c>
    </row>
    <row r="2755" spans="1:7" x14ac:dyDescent="0.25">
      <c r="A2755" t="s">
        <v>13</v>
      </c>
      <c r="B2755">
        <v>128039</v>
      </c>
      <c r="C2755">
        <v>17</v>
      </c>
      <c r="D2755" t="s">
        <v>10</v>
      </c>
      <c r="E2755">
        <v>0.8</v>
      </c>
      <c r="F2755">
        <v>1.34</v>
      </c>
      <c r="G2755">
        <v>0.57999999999999996</v>
      </c>
    </row>
    <row r="2756" spans="1:7" x14ac:dyDescent="0.25">
      <c r="A2756" t="s">
        <v>30</v>
      </c>
      <c r="B2756">
        <v>55563</v>
      </c>
      <c r="C2756">
        <v>3</v>
      </c>
      <c r="D2756" t="s">
        <v>24</v>
      </c>
      <c r="E2756">
        <v>0.72</v>
      </c>
      <c r="F2756">
        <v>1.41</v>
      </c>
      <c r="G2756">
        <v>0.33</v>
      </c>
    </row>
    <row r="2757" spans="1:7" x14ac:dyDescent="0.25">
      <c r="A2757" t="s">
        <v>16</v>
      </c>
      <c r="B2757">
        <v>57287</v>
      </c>
      <c r="C2757">
        <v>28</v>
      </c>
      <c r="D2757" t="s">
        <v>8</v>
      </c>
      <c r="E2757">
        <v>0.32</v>
      </c>
      <c r="F2757">
        <v>1.07</v>
      </c>
      <c r="G2757">
        <v>0.36</v>
      </c>
    </row>
    <row r="2758" spans="1:7" x14ac:dyDescent="0.25">
      <c r="A2758" t="s">
        <v>23</v>
      </c>
      <c r="B2758">
        <v>70103</v>
      </c>
      <c r="C2758">
        <v>5</v>
      </c>
      <c r="D2758" t="s">
        <v>10</v>
      </c>
      <c r="E2758">
        <v>0.25</v>
      </c>
      <c r="F2758">
        <v>1.28</v>
      </c>
      <c r="G2758">
        <v>0.64</v>
      </c>
    </row>
    <row r="2759" spans="1:7" x14ac:dyDescent="0.25">
      <c r="A2759" t="s">
        <v>26</v>
      </c>
      <c r="B2759">
        <v>126600</v>
      </c>
      <c r="C2759">
        <v>19</v>
      </c>
      <c r="D2759" t="s">
        <v>8</v>
      </c>
      <c r="E2759">
        <v>0.54</v>
      </c>
      <c r="F2759">
        <v>1.05</v>
      </c>
      <c r="G2759">
        <v>0.21</v>
      </c>
    </row>
    <row r="2760" spans="1:7" x14ac:dyDescent="0.25">
      <c r="A2760" t="s">
        <v>14</v>
      </c>
      <c r="B2760">
        <v>57217</v>
      </c>
      <c r="C2760">
        <v>16</v>
      </c>
      <c r="D2760" t="s">
        <v>8</v>
      </c>
      <c r="E2760">
        <v>0.59</v>
      </c>
      <c r="F2760">
        <v>1.1100000000000001</v>
      </c>
      <c r="G2760">
        <v>0.51</v>
      </c>
    </row>
    <row r="2761" spans="1:7" x14ac:dyDescent="0.25">
      <c r="A2761" t="s">
        <v>22</v>
      </c>
      <c r="B2761">
        <v>82216</v>
      </c>
      <c r="C2761">
        <v>22</v>
      </c>
      <c r="D2761" t="s">
        <v>24</v>
      </c>
      <c r="E2761">
        <v>0.49</v>
      </c>
      <c r="F2761">
        <v>1.19</v>
      </c>
      <c r="G2761">
        <v>0.44</v>
      </c>
    </row>
    <row r="2762" spans="1:7" x14ac:dyDescent="0.25">
      <c r="A2762" t="s">
        <v>17</v>
      </c>
      <c r="B2762">
        <v>147063</v>
      </c>
      <c r="C2762">
        <v>28</v>
      </c>
      <c r="D2762" t="s">
        <v>12</v>
      </c>
      <c r="E2762">
        <v>0.63</v>
      </c>
      <c r="F2762">
        <v>1.35</v>
      </c>
      <c r="G2762">
        <v>0.21</v>
      </c>
    </row>
    <row r="2763" spans="1:7" x14ac:dyDescent="0.25">
      <c r="A2763" t="s">
        <v>28</v>
      </c>
      <c r="B2763">
        <v>67631</v>
      </c>
      <c r="C2763">
        <v>21</v>
      </c>
      <c r="D2763" t="s">
        <v>8</v>
      </c>
      <c r="E2763">
        <v>0.6</v>
      </c>
      <c r="F2763">
        <v>0.99</v>
      </c>
      <c r="G2763">
        <v>0.32</v>
      </c>
    </row>
    <row r="2764" spans="1:7" x14ac:dyDescent="0.25">
      <c r="A2764" t="s">
        <v>11</v>
      </c>
      <c r="B2764">
        <v>116425</v>
      </c>
      <c r="C2764">
        <v>27</v>
      </c>
      <c r="D2764" t="s">
        <v>8</v>
      </c>
      <c r="E2764">
        <v>0.34</v>
      </c>
      <c r="F2764">
        <v>0.83</v>
      </c>
      <c r="G2764">
        <v>0.94</v>
      </c>
    </row>
    <row r="2765" spans="1:7" x14ac:dyDescent="0.25">
      <c r="A2765" t="s">
        <v>30</v>
      </c>
      <c r="B2765">
        <v>146598</v>
      </c>
      <c r="C2765">
        <v>16</v>
      </c>
      <c r="D2765" t="s">
        <v>8</v>
      </c>
      <c r="E2765">
        <v>0.95</v>
      </c>
      <c r="F2765">
        <v>1.17</v>
      </c>
      <c r="G2765">
        <v>0.64</v>
      </c>
    </row>
    <row r="2766" spans="1:7" x14ac:dyDescent="0.25">
      <c r="A2766" t="s">
        <v>22</v>
      </c>
      <c r="B2766">
        <v>45597</v>
      </c>
      <c r="C2766">
        <v>28</v>
      </c>
      <c r="D2766" t="s">
        <v>8</v>
      </c>
      <c r="E2766">
        <v>0.28000000000000003</v>
      </c>
      <c r="F2766">
        <v>1.1599999999999999</v>
      </c>
      <c r="G2766">
        <v>0.64</v>
      </c>
    </row>
    <row r="2767" spans="1:7" x14ac:dyDescent="0.25">
      <c r="A2767" t="s">
        <v>13</v>
      </c>
      <c r="B2767">
        <v>119643</v>
      </c>
      <c r="C2767">
        <v>4</v>
      </c>
      <c r="D2767" t="s">
        <v>10</v>
      </c>
      <c r="E2767">
        <v>0.08</v>
      </c>
      <c r="F2767">
        <v>0.76</v>
      </c>
      <c r="G2767">
        <v>0.59</v>
      </c>
    </row>
    <row r="2768" spans="1:7" x14ac:dyDescent="0.25">
      <c r="A2768" t="s">
        <v>11</v>
      </c>
      <c r="B2768">
        <v>56108</v>
      </c>
      <c r="C2768">
        <v>28</v>
      </c>
      <c r="D2768" t="s">
        <v>12</v>
      </c>
      <c r="E2768">
        <v>0.28000000000000003</v>
      </c>
      <c r="F2768">
        <v>0.89</v>
      </c>
      <c r="G2768">
        <v>0.76</v>
      </c>
    </row>
    <row r="2769" spans="1:7" x14ac:dyDescent="0.25">
      <c r="A2769" t="s">
        <v>22</v>
      </c>
      <c r="B2769">
        <v>40130</v>
      </c>
      <c r="C2769">
        <v>23</v>
      </c>
      <c r="D2769" t="s">
        <v>10</v>
      </c>
      <c r="E2769">
        <v>0.95</v>
      </c>
      <c r="F2769">
        <v>1.33</v>
      </c>
      <c r="G2769">
        <v>0.35</v>
      </c>
    </row>
    <row r="2770" spans="1:7" x14ac:dyDescent="0.25">
      <c r="A2770" t="s">
        <v>29</v>
      </c>
      <c r="B2770">
        <v>43077</v>
      </c>
      <c r="C2770">
        <v>5</v>
      </c>
      <c r="D2770" t="s">
        <v>12</v>
      </c>
      <c r="E2770">
        <v>0.28999999999999998</v>
      </c>
      <c r="F2770">
        <v>0.78</v>
      </c>
      <c r="G2770">
        <v>0.06</v>
      </c>
    </row>
    <row r="2771" spans="1:7" x14ac:dyDescent="0.25">
      <c r="A2771" t="s">
        <v>23</v>
      </c>
      <c r="B2771">
        <v>38957</v>
      </c>
      <c r="C2771">
        <v>12</v>
      </c>
      <c r="D2771" t="s">
        <v>8</v>
      </c>
      <c r="E2771">
        <v>0.76</v>
      </c>
      <c r="F2771">
        <v>1.19</v>
      </c>
      <c r="G2771">
        <v>0.44</v>
      </c>
    </row>
    <row r="2772" spans="1:7" x14ac:dyDescent="0.25">
      <c r="A2772" t="s">
        <v>18</v>
      </c>
      <c r="B2772">
        <v>52989</v>
      </c>
      <c r="C2772">
        <v>20</v>
      </c>
      <c r="D2772" t="s">
        <v>10</v>
      </c>
      <c r="E2772">
        <v>0.62</v>
      </c>
      <c r="F2772">
        <v>0.91</v>
      </c>
      <c r="G2772">
        <v>0.56999999999999995</v>
      </c>
    </row>
    <row r="2773" spans="1:7" x14ac:dyDescent="0.25">
      <c r="A2773" t="s">
        <v>30</v>
      </c>
      <c r="B2773">
        <v>70544</v>
      </c>
      <c r="C2773">
        <v>1</v>
      </c>
      <c r="D2773" t="s">
        <v>10</v>
      </c>
      <c r="E2773">
        <v>0.01</v>
      </c>
      <c r="F2773">
        <v>1.05</v>
      </c>
      <c r="G2773">
        <v>0.5</v>
      </c>
    </row>
    <row r="2774" spans="1:7" x14ac:dyDescent="0.25">
      <c r="A2774" t="s">
        <v>11</v>
      </c>
      <c r="B2774">
        <v>45580</v>
      </c>
      <c r="C2774">
        <v>4</v>
      </c>
      <c r="D2774" t="s">
        <v>12</v>
      </c>
      <c r="E2774">
        <v>0.13</v>
      </c>
      <c r="F2774">
        <v>0.74</v>
      </c>
      <c r="G2774">
        <v>0.71</v>
      </c>
    </row>
    <row r="2775" spans="1:7" x14ac:dyDescent="0.25">
      <c r="A2775" t="s">
        <v>20</v>
      </c>
      <c r="B2775">
        <v>110614</v>
      </c>
      <c r="C2775">
        <v>2</v>
      </c>
      <c r="D2775" t="s">
        <v>8</v>
      </c>
      <c r="E2775">
        <v>0.14000000000000001</v>
      </c>
      <c r="F2775">
        <v>1.38</v>
      </c>
      <c r="G2775">
        <v>0.63</v>
      </c>
    </row>
    <row r="2776" spans="1:7" x14ac:dyDescent="0.25">
      <c r="A2776" t="s">
        <v>16</v>
      </c>
      <c r="B2776">
        <v>135953</v>
      </c>
      <c r="C2776">
        <v>15</v>
      </c>
      <c r="D2776" t="s">
        <v>12</v>
      </c>
      <c r="E2776">
        <v>0.91</v>
      </c>
      <c r="F2776">
        <v>1.1100000000000001</v>
      </c>
      <c r="G2776">
        <v>0.48</v>
      </c>
    </row>
    <row r="2777" spans="1:7" x14ac:dyDescent="0.25">
      <c r="A2777" t="s">
        <v>15</v>
      </c>
      <c r="B2777">
        <v>111687</v>
      </c>
      <c r="C2777">
        <v>21</v>
      </c>
      <c r="D2777" t="s">
        <v>12</v>
      </c>
      <c r="E2777">
        <v>0.16</v>
      </c>
      <c r="F2777">
        <v>1.17</v>
      </c>
      <c r="G2777">
        <v>0.2</v>
      </c>
    </row>
    <row r="2778" spans="1:7" x14ac:dyDescent="0.25">
      <c r="A2778" t="s">
        <v>18</v>
      </c>
      <c r="B2778">
        <v>147426</v>
      </c>
      <c r="C2778">
        <v>15</v>
      </c>
      <c r="D2778" t="s">
        <v>24</v>
      </c>
      <c r="E2778">
        <v>0.25</v>
      </c>
      <c r="F2778">
        <v>1.0900000000000001</v>
      </c>
      <c r="G2778">
        <v>0.49</v>
      </c>
    </row>
    <row r="2779" spans="1:7" x14ac:dyDescent="0.25">
      <c r="A2779" t="s">
        <v>22</v>
      </c>
      <c r="B2779">
        <v>92778</v>
      </c>
      <c r="C2779">
        <v>13</v>
      </c>
      <c r="D2779" t="s">
        <v>12</v>
      </c>
      <c r="E2779">
        <v>0.99</v>
      </c>
      <c r="F2779">
        <v>1.18</v>
      </c>
      <c r="G2779">
        <v>0.67</v>
      </c>
    </row>
    <row r="2780" spans="1:7" x14ac:dyDescent="0.25">
      <c r="A2780" t="s">
        <v>29</v>
      </c>
      <c r="B2780">
        <v>107863</v>
      </c>
      <c r="C2780">
        <v>15</v>
      </c>
      <c r="D2780" t="s">
        <v>10</v>
      </c>
      <c r="E2780">
        <v>0.87</v>
      </c>
      <c r="F2780">
        <v>0.98</v>
      </c>
      <c r="G2780">
        <v>0.28999999999999998</v>
      </c>
    </row>
    <row r="2781" spans="1:7" x14ac:dyDescent="0.25">
      <c r="A2781" t="s">
        <v>18</v>
      </c>
      <c r="B2781">
        <v>73622</v>
      </c>
      <c r="C2781">
        <v>14</v>
      </c>
      <c r="D2781" t="s">
        <v>12</v>
      </c>
      <c r="E2781">
        <v>0.28000000000000003</v>
      </c>
      <c r="F2781">
        <v>0.55000000000000004</v>
      </c>
      <c r="G2781">
        <v>0.48</v>
      </c>
    </row>
    <row r="2782" spans="1:7" x14ac:dyDescent="0.25">
      <c r="A2782" t="s">
        <v>11</v>
      </c>
      <c r="B2782">
        <v>119565</v>
      </c>
      <c r="C2782">
        <v>9</v>
      </c>
      <c r="D2782" t="s">
        <v>8</v>
      </c>
      <c r="E2782">
        <v>0.21</v>
      </c>
      <c r="F2782">
        <v>1.27</v>
      </c>
      <c r="G2782">
        <v>0.76</v>
      </c>
    </row>
    <row r="2783" spans="1:7" x14ac:dyDescent="0.25">
      <c r="A2783" t="s">
        <v>21</v>
      </c>
      <c r="B2783">
        <v>36944</v>
      </c>
      <c r="C2783">
        <v>29</v>
      </c>
      <c r="D2783" t="s">
        <v>8</v>
      </c>
      <c r="E2783">
        <v>0.87</v>
      </c>
      <c r="F2783">
        <v>0.52</v>
      </c>
      <c r="G2783">
        <v>0.52</v>
      </c>
    </row>
    <row r="2784" spans="1:7" x14ac:dyDescent="0.25">
      <c r="A2784" t="s">
        <v>15</v>
      </c>
      <c r="B2784">
        <v>36357</v>
      </c>
      <c r="C2784">
        <v>27</v>
      </c>
      <c r="D2784" t="s">
        <v>24</v>
      </c>
      <c r="E2784">
        <v>0.06</v>
      </c>
      <c r="F2784">
        <v>0.56999999999999995</v>
      </c>
      <c r="G2784">
        <v>0.2</v>
      </c>
    </row>
    <row r="2785" spans="1:7" x14ac:dyDescent="0.25">
      <c r="A2785" t="s">
        <v>7</v>
      </c>
      <c r="B2785">
        <v>130709</v>
      </c>
      <c r="C2785">
        <v>29</v>
      </c>
      <c r="D2785" t="s">
        <v>24</v>
      </c>
      <c r="E2785">
        <v>0.32</v>
      </c>
      <c r="F2785">
        <v>0.73</v>
      </c>
      <c r="G2785">
        <v>0.94</v>
      </c>
    </row>
    <row r="2786" spans="1:7" x14ac:dyDescent="0.25">
      <c r="A2786" t="s">
        <v>13</v>
      </c>
      <c r="B2786">
        <v>133134</v>
      </c>
      <c r="C2786">
        <v>3</v>
      </c>
      <c r="D2786" t="s">
        <v>12</v>
      </c>
      <c r="E2786">
        <v>0.44</v>
      </c>
      <c r="F2786">
        <v>1.1499999999999999</v>
      </c>
      <c r="G2786">
        <v>0.43</v>
      </c>
    </row>
    <row r="2787" spans="1:7" x14ac:dyDescent="0.25">
      <c r="A2787" t="s">
        <v>14</v>
      </c>
      <c r="B2787">
        <v>135383</v>
      </c>
      <c r="C2787">
        <v>29</v>
      </c>
      <c r="D2787" t="s">
        <v>8</v>
      </c>
      <c r="E2787">
        <v>0.39</v>
      </c>
      <c r="F2787">
        <v>0.54</v>
      </c>
      <c r="G2787">
        <v>0.51</v>
      </c>
    </row>
    <row r="2788" spans="1:7" x14ac:dyDescent="0.25">
      <c r="A2788" t="s">
        <v>27</v>
      </c>
      <c r="B2788">
        <v>58212</v>
      </c>
      <c r="C2788">
        <v>13</v>
      </c>
      <c r="D2788" t="s">
        <v>8</v>
      </c>
      <c r="E2788">
        <v>0.2</v>
      </c>
      <c r="F2788">
        <v>0.79</v>
      </c>
      <c r="G2788">
        <v>0.76</v>
      </c>
    </row>
    <row r="2789" spans="1:7" x14ac:dyDescent="0.25">
      <c r="A2789" t="s">
        <v>30</v>
      </c>
      <c r="B2789">
        <v>59210</v>
      </c>
      <c r="C2789">
        <v>25</v>
      </c>
      <c r="D2789" t="s">
        <v>24</v>
      </c>
      <c r="E2789">
        <v>0.18</v>
      </c>
      <c r="F2789">
        <v>1.1000000000000001</v>
      </c>
      <c r="G2789">
        <v>0.57999999999999996</v>
      </c>
    </row>
    <row r="2790" spans="1:7" x14ac:dyDescent="0.25">
      <c r="A2790" t="s">
        <v>16</v>
      </c>
      <c r="B2790">
        <v>65630</v>
      </c>
      <c r="C2790">
        <v>6</v>
      </c>
      <c r="D2790" t="s">
        <v>8</v>
      </c>
      <c r="E2790">
        <v>0.48</v>
      </c>
      <c r="F2790">
        <v>0.89</v>
      </c>
      <c r="G2790">
        <v>0.6</v>
      </c>
    </row>
    <row r="2791" spans="1:7" x14ac:dyDescent="0.25">
      <c r="A2791" t="s">
        <v>18</v>
      </c>
      <c r="B2791">
        <v>127942</v>
      </c>
      <c r="C2791">
        <v>20</v>
      </c>
      <c r="D2791" t="s">
        <v>12</v>
      </c>
      <c r="E2791">
        <v>0.87</v>
      </c>
      <c r="F2791">
        <v>1.33</v>
      </c>
      <c r="G2791">
        <v>0.5</v>
      </c>
    </row>
    <row r="2792" spans="1:7" x14ac:dyDescent="0.25">
      <c r="A2792" t="s">
        <v>23</v>
      </c>
      <c r="B2792">
        <v>147050</v>
      </c>
      <c r="C2792">
        <v>16</v>
      </c>
      <c r="D2792" t="s">
        <v>12</v>
      </c>
      <c r="E2792">
        <v>0.47</v>
      </c>
      <c r="F2792">
        <v>1.24</v>
      </c>
      <c r="G2792">
        <v>0.41</v>
      </c>
    </row>
    <row r="2793" spans="1:7" x14ac:dyDescent="0.25">
      <c r="A2793" t="s">
        <v>13</v>
      </c>
      <c r="B2793">
        <v>100655</v>
      </c>
      <c r="C2793">
        <v>3</v>
      </c>
      <c r="D2793" t="s">
        <v>24</v>
      </c>
      <c r="E2793">
        <v>0.79</v>
      </c>
      <c r="F2793">
        <v>1.1499999999999999</v>
      </c>
      <c r="G2793">
        <v>0.41</v>
      </c>
    </row>
    <row r="2794" spans="1:7" x14ac:dyDescent="0.25">
      <c r="A2794" t="s">
        <v>13</v>
      </c>
      <c r="B2794">
        <v>52901</v>
      </c>
      <c r="C2794">
        <v>8</v>
      </c>
      <c r="D2794" t="s">
        <v>8</v>
      </c>
      <c r="E2794">
        <v>0.74</v>
      </c>
      <c r="F2794">
        <v>1.02</v>
      </c>
      <c r="G2794">
        <v>0.67</v>
      </c>
    </row>
    <row r="2795" spans="1:7" x14ac:dyDescent="0.25">
      <c r="A2795" t="s">
        <v>30</v>
      </c>
      <c r="B2795">
        <v>63144</v>
      </c>
      <c r="C2795">
        <v>24</v>
      </c>
      <c r="D2795" t="s">
        <v>10</v>
      </c>
      <c r="E2795">
        <v>0.41</v>
      </c>
      <c r="F2795">
        <v>0.81</v>
      </c>
      <c r="G2795">
        <v>0.45</v>
      </c>
    </row>
    <row r="2796" spans="1:7" x14ac:dyDescent="0.25">
      <c r="A2796" t="s">
        <v>13</v>
      </c>
      <c r="B2796">
        <v>44410</v>
      </c>
      <c r="C2796">
        <v>7</v>
      </c>
      <c r="D2796" t="s">
        <v>24</v>
      </c>
      <c r="E2796">
        <v>0.54</v>
      </c>
      <c r="F2796">
        <v>1.1499999999999999</v>
      </c>
      <c r="G2796">
        <v>0.51</v>
      </c>
    </row>
    <row r="2797" spans="1:7" x14ac:dyDescent="0.25">
      <c r="A2797" t="s">
        <v>16</v>
      </c>
      <c r="B2797">
        <v>43785</v>
      </c>
      <c r="C2797">
        <v>27</v>
      </c>
      <c r="D2797" t="s">
        <v>8</v>
      </c>
      <c r="E2797">
        <v>0.99</v>
      </c>
      <c r="F2797">
        <v>0.5</v>
      </c>
      <c r="G2797">
        <v>0.69</v>
      </c>
    </row>
    <row r="2798" spans="1:7" x14ac:dyDescent="0.25">
      <c r="A2798" t="s">
        <v>7</v>
      </c>
      <c r="B2798">
        <v>90037</v>
      </c>
      <c r="C2798">
        <v>11</v>
      </c>
      <c r="D2798" t="s">
        <v>24</v>
      </c>
      <c r="E2798">
        <v>0.67</v>
      </c>
      <c r="F2798">
        <v>1.48</v>
      </c>
      <c r="G2798">
        <v>0.79</v>
      </c>
    </row>
    <row r="2799" spans="1:7" x14ac:dyDescent="0.25">
      <c r="A2799" t="s">
        <v>21</v>
      </c>
      <c r="B2799">
        <v>132424</v>
      </c>
      <c r="C2799">
        <v>5</v>
      </c>
      <c r="D2799" t="s">
        <v>10</v>
      </c>
      <c r="E2799">
        <v>0.64</v>
      </c>
      <c r="F2799">
        <v>1.0900000000000001</v>
      </c>
      <c r="G2799">
        <v>0.6</v>
      </c>
    </row>
    <row r="2800" spans="1:7" x14ac:dyDescent="0.25">
      <c r="A2800" t="s">
        <v>25</v>
      </c>
      <c r="B2800">
        <v>118400</v>
      </c>
      <c r="C2800">
        <v>12</v>
      </c>
      <c r="D2800" t="s">
        <v>12</v>
      </c>
      <c r="E2800">
        <v>0.82</v>
      </c>
      <c r="F2800">
        <v>1.35</v>
      </c>
      <c r="G2800">
        <v>0.8</v>
      </c>
    </row>
    <row r="2801" spans="1:7" x14ac:dyDescent="0.25">
      <c r="A2801" t="s">
        <v>9</v>
      </c>
      <c r="B2801">
        <v>41151</v>
      </c>
      <c r="C2801">
        <v>22</v>
      </c>
      <c r="D2801" t="s">
        <v>12</v>
      </c>
      <c r="E2801">
        <v>0.56999999999999995</v>
      </c>
      <c r="F2801">
        <v>0.98</v>
      </c>
      <c r="G2801">
        <v>0.13</v>
      </c>
    </row>
    <row r="2802" spans="1:7" x14ac:dyDescent="0.25">
      <c r="A2802" t="s">
        <v>16</v>
      </c>
      <c r="B2802">
        <v>56257</v>
      </c>
      <c r="C2802">
        <v>4</v>
      </c>
      <c r="D2802" t="s">
        <v>24</v>
      </c>
      <c r="E2802">
        <v>0.65</v>
      </c>
      <c r="F2802">
        <v>1.04</v>
      </c>
      <c r="G2802">
        <v>0.56999999999999995</v>
      </c>
    </row>
    <row r="2803" spans="1:7" x14ac:dyDescent="0.25">
      <c r="A2803" t="s">
        <v>29</v>
      </c>
      <c r="B2803">
        <v>136933</v>
      </c>
      <c r="C2803">
        <v>16</v>
      </c>
      <c r="D2803" t="s">
        <v>24</v>
      </c>
      <c r="E2803">
        <v>0.21</v>
      </c>
      <c r="F2803">
        <v>0.97</v>
      </c>
      <c r="G2803">
        <v>0.28999999999999998</v>
      </c>
    </row>
    <row r="2804" spans="1:7" x14ac:dyDescent="0.25">
      <c r="A2804" t="s">
        <v>21</v>
      </c>
      <c r="B2804">
        <v>50705</v>
      </c>
      <c r="C2804">
        <v>29</v>
      </c>
      <c r="D2804" t="s">
        <v>10</v>
      </c>
      <c r="E2804">
        <v>0.37</v>
      </c>
      <c r="F2804">
        <v>1.32</v>
      </c>
      <c r="G2804">
        <v>0.65</v>
      </c>
    </row>
    <row r="2805" spans="1:7" x14ac:dyDescent="0.25">
      <c r="A2805" t="s">
        <v>23</v>
      </c>
      <c r="B2805">
        <v>123064</v>
      </c>
      <c r="C2805">
        <v>9</v>
      </c>
      <c r="D2805" t="s">
        <v>10</v>
      </c>
      <c r="E2805">
        <v>0.49</v>
      </c>
      <c r="F2805">
        <v>1.33</v>
      </c>
      <c r="G2805">
        <v>0.51</v>
      </c>
    </row>
    <row r="2806" spans="1:7" x14ac:dyDescent="0.25">
      <c r="A2806" t="s">
        <v>21</v>
      </c>
      <c r="B2806">
        <v>77089</v>
      </c>
      <c r="C2806">
        <v>24</v>
      </c>
      <c r="D2806" t="s">
        <v>24</v>
      </c>
      <c r="E2806">
        <v>0.45</v>
      </c>
      <c r="F2806">
        <v>1.07</v>
      </c>
      <c r="G2806">
        <v>0.35</v>
      </c>
    </row>
    <row r="2807" spans="1:7" x14ac:dyDescent="0.25">
      <c r="A2807" t="s">
        <v>14</v>
      </c>
      <c r="B2807">
        <v>76978</v>
      </c>
      <c r="C2807">
        <v>7</v>
      </c>
      <c r="D2807" t="s">
        <v>12</v>
      </c>
      <c r="E2807">
        <v>0.4</v>
      </c>
      <c r="F2807">
        <v>1.34</v>
      </c>
      <c r="G2807">
        <v>0.57999999999999996</v>
      </c>
    </row>
    <row r="2808" spans="1:7" x14ac:dyDescent="0.25">
      <c r="A2808" t="s">
        <v>23</v>
      </c>
      <c r="B2808">
        <v>62235</v>
      </c>
      <c r="C2808">
        <v>5</v>
      </c>
      <c r="D2808" t="s">
        <v>24</v>
      </c>
      <c r="E2808">
        <v>0.02</v>
      </c>
      <c r="F2808">
        <v>1.1299999999999999</v>
      </c>
      <c r="G2808">
        <v>0.54</v>
      </c>
    </row>
    <row r="2809" spans="1:7" x14ac:dyDescent="0.25">
      <c r="A2809" t="s">
        <v>26</v>
      </c>
      <c r="B2809">
        <v>43739</v>
      </c>
      <c r="C2809">
        <v>17</v>
      </c>
      <c r="D2809" t="s">
        <v>10</v>
      </c>
      <c r="E2809">
        <v>0.75</v>
      </c>
      <c r="F2809">
        <v>0.69</v>
      </c>
      <c r="G2809">
        <v>0.14000000000000001</v>
      </c>
    </row>
    <row r="2810" spans="1:7" x14ac:dyDescent="0.25">
      <c r="A2810" t="s">
        <v>23</v>
      </c>
      <c r="B2810">
        <v>96321</v>
      </c>
      <c r="C2810">
        <v>2</v>
      </c>
      <c r="D2810" t="s">
        <v>24</v>
      </c>
      <c r="E2810">
        <v>0.11</v>
      </c>
      <c r="F2810">
        <v>0.71</v>
      </c>
      <c r="G2810">
        <v>0.64</v>
      </c>
    </row>
    <row r="2811" spans="1:7" x14ac:dyDescent="0.25">
      <c r="A2811" t="s">
        <v>13</v>
      </c>
      <c r="B2811">
        <v>94314</v>
      </c>
      <c r="C2811">
        <v>10</v>
      </c>
      <c r="D2811" t="s">
        <v>24</v>
      </c>
      <c r="E2811">
        <v>0.06</v>
      </c>
      <c r="F2811">
        <v>0.92</v>
      </c>
      <c r="G2811">
        <v>0.38</v>
      </c>
    </row>
    <row r="2812" spans="1:7" x14ac:dyDescent="0.25">
      <c r="A2812" t="s">
        <v>27</v>
      </c>
      <c r="B2812">
        <v>72229</v>
      </c>
      <c r="C2812">
        <v>12</v>
      </c>
      <c r="D2812" t="s">
        <v>12</v>
      </c>
      <c r="E2812">
        <v>0.38</v>
      </c>
      <c r="F2812">
        <v>1.47</v>
      </c>
      <c r="G2812">
        <v>0.88</v>
      </c>
    </row>
    <row r="2813" spans="1:7" x14ac:dyDescent="0.25">
      <c r="A2813" t="s">
        <v>28</v>
      </c>
      <c r="B2813">
        <v>121842</v>
      </c>
      <c r="C2813">
        <v>3</v>
      </c>
      <c r="D2813" t="s">
        <v>8</v>
      </c>
      <c r="E2813">
        <v>0.65</v>
      </c>
      <c r="F2813">
        <v>1.42</v>
      </c>
      <c r="G2813">
        <v>0.63</v>
      </c>
    </row>
    <row r="2814" spans="1:7" x14ac:dyDescent="0.25">
      <c r="A2814" t="s">
        <v>7</v>
      </c>
      <c r="B2814">
        <v>55564</v>
      </c>
      <c r="C2814">
        <v>25</v>
      </c>
      <c r="D2814" t="s">
        <v>12</v>
      </c>
      <c r="E2814">
        <v>0.87</v>
      </c>
      <c r="F2814">
        <v>1.02</v>
      </c>
      <c r="G2814">
        <v>0.88</v>
      </c>
    </row>
    <row r="2815" spans="1:7" x14ac:dyDescent="0.25">
      <c r="A2815" t="s">
        <v>21</v>
      </c>
      <c r="B2815">
        <v>35555</v>
      </c>
      <c r="C2815">
        <v>4</v>
      </c>
      <c r="D2815" t="s">
        <v>24</v>
      </c>
      <c r="E2815">
        <v>0.89</v>
      </c>
      <c r="F2815">
        <v>0.88</v>
      </c>
      <c r="G2815">
        <v>0.45</v>
      </c>
    </row>
    <row r="2816" spans="1:7" x14ac:dyDescent="0.25">
      <c r="A2816" t="s">
        <v>23</v>
      </c>
      <c r="B2816">
        <v>116134</v>
      </c>
      <c r="C2816">
        <v>9</v>
      </c>
      <c r="D2816" t="s">
        <v>10</v>
      </c>
      <c r="E2816">
        <v>0.19</v>
      </c>
      <c r="F2816">
        <v>1.25</v>
      </c>
      <c r="G2816">
        <v>0.6</v>
      </c>
    </row>
    <row r="2817" spans="1:7" x14ac:dyDescent="0.25">
      <c r="A2817" t="s">
        <v>7</v>
      </c>
      <c r="B2817">
        <v>79326</v>
      </c>
      <c r="C2817">
        <v>16</v>
      </c>
      <c r="D2817" t="s">
        <v>10</v>
      </c>
      <c r="E2817">
        <v>0.24</v>
      </c>
      <c r="F2817">
        <v>0.62</v>
      </c>
      <c r="G2817">
        <v>0.71</v>
      </c>
    </row>
    <row r="2818" spans="1:7" x14ac:dyDescent="0.25">
      <c r="A2818" t="s">
        <v>14</v>
      </c>
      <c r="B2818">
        <v>114141</v>
      </c>
      <c r="C2818">
        <v>22</v>
      </c>
      <c r="D2818" t="s">
        <v>8</v>
      </c>
      <c r="E2818">
        <v>0.03</v>
      </c>
      <c r="F2818">
        <v>0.79</v>
      </c>
      <c r="G2818">
        <v>0.44</v>
      </c>
    </row>
    <row r="2819" spans="1:7" x14ac:dyDescent="0.25">
      <c r="A2819" t="s">
        <v>28</v>
      </c>
      <c r="B2819">
        <v>65120</v>
      </c>
      <c r="C2819">
        <v>7</v>
      </c>
      <c r="D2819" t="s">
        <v>24</v>
      </c>
      <c r="E2819">
        <v>0.18</v>
      </c>
      <c r="F2819">
        <v>0.98</v>
      </c>
      <c r="G2819">
        <v>0.38</v>
      </c>
    </row>
    <row r="2820" spans="1:7" x14ac:dyDescent="0.25">
      <c r="A2820" t="s">
        <v>15</v>
      </c>
      <c r="B2820">
        <v>115317</v>
      </c>
      <c r="C2820">
        <v>0</v>
      </c>
      <c r="D2820" t="s">
        <v>8</v>
      </c>
      <c r="E2820">
        <v>0.19</v>
      </c>
      <c r="F2820">
        <v>1.33</v>
      </c>
      <c r="G2820">
        <v>0.1</v>
      </c>
    </row>
    <row r="2821" spans="1:7" x14ac:dyDescent="0.25">
      <c r="A2821" t="s">
        <v>26</v>
      </c>
      <c r="B2821">
        <v>115564</v>
      </c>
      <c r="C2821">
        <v>7</v>
      </c>
      <c r="D2821" t="s">
        <v>10</v>
      </c>
      <c r="E2821">
        <v>0.89</v>
      </c>
      <c r="F2821">
        <v>1.3</v>
      </c>
      <c r="G2821">
        <v>0.17</v>
      </c>
    </row>
    <row r="2822" spans="1:7" x14ac:dyDescent="0.25">
      <c r="A2822" t="s">
        <v>20</v>
      </c>
      <c r="B2822">
        <v>35504</v>
      </c>
      <c r="C2822">
        <v>14</v>
      </c>
      <c r="D2822" t="s">
        <v>24</v>
      </c>
      <c r="E2822">
        <v>0.12</v>
      </c>
      <c r="F2822">
        <v>1.29</v>
      </c>
      <c r="G2822">
        <v>0.57999999999999996</v>
      </c>
    </row>
    <row r="2823" spans="1:7" x14ac:dyDescent="0.25">
      <c r="A2823" t="s">
        <v>21</v>
      </c>
      <c r="B2823">
        <v>63489</v>
      </c>
      <c r="C2823">
        <v>20</v>
      </c>
      <c r="D2823" t="s">
        <v>10</v>
      </c>
      <c r="E2823">
        <v>0.33</v>
      </c>
      <c r="F2823">
        <v>1.1100000000000001</v>
      </c>
      <c r="G2823">
        <v>0.66</v>
      </c>
    </row>
    <row r="2824" spans="1:7" x14ac:dyDescent="0.25">
      <c r="A2824" t="s">
        <v>17</v>
      </c>
      <c r="B2824">
        <v>135390</v>
      </c>
      <c r="C2824">
        <v>18</v>
      </c>
      <c r="D2824" t="s">
        <v>10</v>
      </c>
      <c r="E2824">
        <v>0.97</v>
      </c>
      <c r="F2824">
        <v>1.39</v>
      </c>
      <c r="G2824">
        <v>0.1</v>
      </c>
    </row>
    <row r="2825" spans="1:7" x14ac:dyDescent="0.25">
      <c r="A2825" t="s">
        <v>17</v>
      </c>
      <c r="B2825">
        <v>36902</v>
      </c>
      <c r="C2825">
        <v>13</v>
      </c>
      <c r="D2825" t="s">
        <v>8</v>
      </c>
      <c r="E2825">
        <v>0.85</v>
      </c>
      <c r="F2825">
        <v>0.82</v>
      </c>
      <c r="G2825">
        <v>0.06</v>
      </c>
    </row>
    <row r="2826" spans="1:7" x14ac:dyDescent="0.25">
      <c r="A2826" t="s">
        <v>27</v>
      </c>
      <c r="B2826">
        <v>77373</v>
      </c>
      <c r="C2826">
        <v>29</v>
      </c>
      <c r="D2826" t="s">
        <v>12</v>
      </c>
      <c r="E2826">
        <v>0.56999999999999995</v>
      </c>
      <c r="F2826">
        <v>0.64</v>
      </c>
      <c r="G2826">
        <v>0.76</v>
      </c>
    </row>
    <row r="2827" spans="1:7" x14ac:dyDescent="0.25">
      <c r="A2827" t="s">
        <v>17</v>
      </c>
      <c r="B2827">
        <v>57309</v>
      </c>
      <c r="C2827">
        <v>16</v>
      </c>
      <c r="D2827" t="s">
        <v>10</v>
      </c>
      <c r="E2827">
        <v>0.7</v>
      </c>
      <c r="F2827">
        <v>0.63</v>
      </c>
      <c r="G2827">
        <v>0.21</v>
      </c>
    </row>
    <row r="2828" spans="1:7" x14ac:dyDescent="0.25">
      <c r="A2828" t="s">
        <v>15</v>
      </c>
      <c r="B2828">
        <v>104010</v>
      </c>
      <c r="C2828">
        <v>16</v>
      </c>
      <c r="D2828" t="s">
        <v>8</v>
      </c>
      <c r="E2828">
        <v>0.35</v>
      </c>
      <c r="F2828">
        <v>0.98</v>
      </c>
      <c r="G2828">
        <v>0.12</v>
      </c>
    </row>
    <row r="2829" spans="1:7" x14ac:dyDescent="0.25">
      <c r="A2829" t="s">
        <v>22</v>
      </c>
      <c r="B2829">
        <v>68011</v>
      </c>
      <c r="C2829">
        <v>25</v>
      </c>
      <c r="D2829" t="s">
        <v>8</v>
      </c>
      <c r="E2829">
        <v>0.2</v>
      </c>
      <c r="F2829">
        <v>1.08</v>
      </c>
      <c r="G2829">
        <v>0.57999999999999996</v>
      </c>
    </row>
    <row r="2830" spans="1:7" x14ac:dyDescent="0.25">
      <c r="A2830" t="s">
        <v>28</v>
      </c>
      <c r="B2830">
        <v>51460</v>
      </c>
      <c r="C2830">
        <v>8</v>
      </c>
      <c r="D2830" t="s">
        <v>12</v>
      </c>
      <c r="E2830">
        <v>0.48</v>
      </c>
      <c r="F2830">
        <v>1.46</v>
      </c>
      <c r="G2830">
        <v>0.69</v>
      </c>
    </row>
    <row r="2831" spans="1:7" x14ac:dyDescent="0.25">
      <c r="A2831" t="s">
        <v>23</v>
      </c>
      <c r="B2831">
        <v>125076</v>
      </c>
      <c r="C2831">
        <v>26</v>
      </c>
      <c r="D2831" t="s">
        <v>12</v>
      </c>
      <c r="E2831">
        <v>0.49</v>
      </c>
      <c r="F2831">
        <v>0.52</v>
      </c>
      <c r="G2831">
        <v>0.66</v>
      </c>
    </row>
    <row r="2832" spans="1:7" x14ac:dyDescent="0.25">
      <c r="A2832" t="s">
        <v>19</v>
      </c>
      <c r="B2832">
        <v>45281</v>
      </c>
      <c r="C2832">
        <v>15</v>
      </c>
      <c r="D2832" t="s">
        <v>12</v>
      </c>
      <c r="E2832">
        <v>0.06</v>
      </c>
      <c r="F2832">
        <v>0.77</v>
      </c>
      <c r="G2832">
        <v>0.92</v>
      </c>
    </row>
    <row r="2833" spans="1:7" x14ac:dyDescent="0.25">
      <c r="A2833" t="s">
        <v>19</v>
      </c>
      <c r="B2833">
        <v>67038</v>
      </c>
      <c r="C2833">
        <v>21</v>
      </c>
      <c r="D2833" t="s">
        <v>10</v>
      </c>
      <c r="E2833">
        <v>0.46</v>
      </c>
      <c r="F2833">
        <v>1.36</v>
      </c>
      <c r="G2833">
        <v>0.77</v>
      </c>
    </row>
    <row r="2834" spans="1:7" x14ac:dyDescent="0.25">
      <c r="A2834" t="s">
        <v>11</v>
      </c>
      <c r="B2834">
        <v>143472</v>
      </c>
      <c r="C2834">
        <v>12</v>
      </c>
      <c r="D2834" t="s">
        <v>24</v>
      </c>
      <c r="E2834">
        <v>0.15</v>
      </c>
      <c r="F2834">
        <v>1.3</v>
      </c>
      <c r="G2834">
        <v>0.81</v>
      </c>
    </row>
    <row r="2835" spans="1:7" x14ac:dyDescent="0.25">
      <c r="A2835" t="s">
        <v>13</v>
      </c>
      <c r="B2835">
        <v>54192</v>
      </c>
      <c r="C2835">
        <v>5</v>
      </c>
      <c r="D2835" t="s">
        <v>12</v>
      </c>
      <c r="E2835">
        <v>0.93</v>
      </c>
      <c r="F2835">
        <v>0.64</v>
      </c>
      <c r="G2835">
        <v>0.57999999999999996</v>
      </c>
    </row>
    <row r="2836" spans="1:7" x14ac:dyDescent="0.25">
      <c r="A2836" t="s">
        <v>13</v>
      </c>
      <c r="B2836">
        <v>138614</v>
      </c>
      <c r="C2836">
        <v>29</v>
      </c>
      <c r="D2836" t="s">
        <v>8</v>
      </c>
      <c r="E2836">
        <v>0.77</v>
      </c>
      <c r="F2836">
        <v>1.07</v>
      </c>
      <c r="G2836">
        <v>0.59</v>
      </c>
    </row>
    <row r="2837" spans="1:7" x14ac:dyDescent="0.25">
      <c r="A2837" t="s">
        <v>16</v>
      </c>
      <c r="B2837">
        <v>124500</v>
      </c>
      <c r="C2837">
        <v>27</v>
      </c>
      <c r="D2837" t="s">
        <v>8</v>
      </c>
      <c r="E2837">
        <v>0.51</v>
      </c>
      <c r="F2837">
        <v>1.18</v>
      </c>
      <c r="G2837">
        <v>0.31</v>
      </c>
    </row>
    <row r="2838" spans="1:7" x14ac:dyDescent="0.25">
      <c r="A2838" t="s">
        <v>15</v>
      </c>
      <c r="B2838">
        <v>90486</v>
      </c>
      <c r="C2838">
        <v>8</v>
      </c>
      <c r="D2838" t="s">
        <v>8</v>
      </c>
      <c r="E2838">
        <v>0.62</v>
      </c>
      <c r="F2838">
        <v>0.99</v>
      </c>
      <c r="G2838">
        <v>0.05</v>
      </c>
    </row>
    <row r="2839" spans="1:7" x14ac:dyDescent="0.25">
      <c r="A2839" t="s">
        <v>25</v>
      </c>
      <c r="B2839">
        <v>44142</v>
      </c>
      <c r="C2839">
        <v>17</v>
      </c>
      <c r="D2839" t="s">
        <v>8</v>
      </c>
      <c r="E2839">
        <v>0.49</v>
      </c>
      <c r="F2839">
        <v>1.27</v>
      </c>
      <c r="G2839">
        <v>0.74</v>
      </c>
    </row>
    <row r="2840" spans="1:7" x14ac:dyDescent="0.25">
      <c r="A2840" t="s">
        <v>27</v>
      </c>
      <c r="B2840">
        <v>121168</v>
      </c>
      <c r="C2840">
        <v>18</v>
      </c>
      <c r="D2840" t="s">
        <v>10</v>
      </c>
      <c r="E2840">
        <v>0.55000000000000004</v>
      </c>
      <c r="F2840">
        <v>1.1599999999999999</v>
      </c>
      <c r="G2840">
        <v>0.89</v>
      </c>
    </row>
    <row r="2841" spans="1:7" x14ac:dyDescent="0.25">
      <c r="A2841" t="s">
        <v>13</v>
      </c>
      <c r="B2841">
        <v>34461</v>
      </c>
      <c r="C2841">
        <v>24</v>
      </c>
      <c r="D2841" t="s">
        <v>8</v>
      </c>
      <c r="E2841">
        <v>0.54</v>
      </c>
      <c r="F2841">
        <v>1.27</v>
      </c>
      <c r="G2841">
        <v>0.39</v>
      </c>
    </row>
    <row r="2842" spans="1:7" x14ac:dyDescent="0.25">
      <c r="A2842" t="s">
        <v>28</v>
      </c>
      <c r="B2842">
        <v>41591</v>
      </c>
      <c r="C2842">
        <v>8</v>
      </c>
      <c r="D2842" t="s">
        <v>10</v>
      </c>
      <c r="E2842">
        <v>0.59</v>
      </c>
      <c r="F2842">
        <v>1.39</v>
      </c>
      <c r="G2842">
        <v>0.5</v>
      </c>
    </row>
    <row r="2843" spans="1:7" x14ac:dyDescent="0.25">
      <c r="A2843" t="s">
        <v>26</v>
      </c>
      <c r="B2843">
        <v>58465</v>
      </c>
      <c r="C2843">
        <v>0</v>
      </c>
      <c r="D2843" t="s">
        <v>12</v>
      </c>
      <c r="E2843">
        <v>0.53</v>
      </c>
      <c r="F2843">
        <v>0.87</v>
      </c>
      <c r="G2843">
        <v>0.17</v>
      </c>
    </row>
    <row r="2844" spans="1:7" x14ac:dyDescent="0.25">
      <c r="A2844" t="s">
        <v>21</v>
      </c>
      <c r="B2844">
        <v>89973</v>
      </c>
      <c r="C2844">
        <v>1</v>
      </c>
      <c r="D2844" t="s">
        <v>12</v>
      </c>
      <c r="E2844">
        <v>0.61</v>
      </c>
      <c r="F2844">
        <v>1.18</v>
      </c>
      <c r="G2844">
        <v>0.5</v>
      </c>
    </row>
    <row r="2845" spans="1:7" x14ac:dyDescent="0.25">
      <c r="A2845" t="s">
        <v>19</v>
      </c>
      <c r="B2845">
        <v>134615</v>
      </c>
      <c r="C2845">
        <v>19</v>
      </c>
      <c r="D2845" t="s">
        <v>8</v>
      </c>
      <c r="E2845">
        <v>0.42</v>
      </c>
      <c r="F2845">
        <v>1.18</v>
      </c>
      <c r="G2845">
        <v>0.73</v>
      </c>
    </row>
    <row r="2846" spans="1:7" x14ac:dyDescent="0.25">
      <c r="A2846" t="s">
        <v>7</v>
      </c>
      <c r="B2846">
        <v>81469</v>
      </c>
      <c r="C2846">
        <v>14</v>
      </c>
      <c r="D2846" t="s">
        <v>8</v>
      </c>
      <c r="E2846">
        <v>0.27</v>
      </c>
      <c r="F2846">
        <v>0.55000000000000004</v>
      </c>
      <c r="G2846">
        <v>0.8</v>
      </c>
    </row>
    <row r="2847" spans="1:7" x14ac:dyDescent="0.25">
      <c r="A2847" t="s">
        <v>30</v>
      </c>
      <c r="B2847">
        <v>105764</v>
      </c>
      <c r="C2847">
        <v>13</v>
      </c>
      <c r="D2847" t="s">
        <v>8</v>
      </c>
      <c r="E2847">
        <v>0.13</v>
      </c>
      <c r="F2847">
        <v>1.02</v>
      </c>
      <c r="G2847">
        <v>0.39</v>
      </c>
    </row>
    <row r="2848" spans="1:7" x14ac:dyDescent="0.25">
      <c r="A2848" t="s">
        <v>18</v>
      </c>
      <c r="B2848">
        <v>50543</v>
      </c>
      <c r="C2848">
        <v>14</v>
      </c>
      <c r="D2848" t="s">
        <v>8</v>
      </c>
      <c r="E2848">
        <v>0.69</v>
      </c>
      <c r="F2848">
        <v>1.1299999999999999</v>
      </c>
      <c r="G2848">
        <v>0.47</v>
      </c>
    </row>
    <row r="2849" spans="1:7" x14ac:dyDescent="0.25">
      <c r="A2849" t="s">
        <v>21</v>
      </c>
      <c r="B2849">
        <v>36086</v>
      </c>
      <c r="C2849">
        <v>22</v>
      </c>
      <c r="D2849" t="s">
        <v>10</v>
      </c>
      <c r="E2849">
        <v>0.7</v>
      </c>
      <c r="F2849">
        <v>0.62</v>
      </c>
      <c r="G2849">
        <v>0.46</v>
      </c>
    </row>
    <row r="2850" spans="1:7" x14ac:dyDescent="0.25">
      <c r="A2850" t="s">
        <v>29</v>
      </c>
      <c r="B2850">
        <v>65906</v>
      </c>
      <c r="C2850">
        <v>18</v>
      </c>
      <c r="D2850" t="s">
        <v>24</v>
      </c>
      <c r="E2850">
        <v>0.7</v>
      </c>
      <c r="F2850">
        <v>0.7</v>
      </c>
      <c r="G2850">
        <v>0.14000000000000001</v>
      </c>
    </row>
    <row r="2851" spans="1:7" x14ac:dyDescent="0.25">
      <c r="A2851" t="s">
        <v>27</v>
      </c>
      <c r="B2851">
        <v>70527</v>
      </c>
      <c r="C2851">
        <v>20</v>
      </c>
      <c r="D2851" t="s">
        <v>24</v>
      </c>
      <c r="E2851">
        <v>0.69</v>
      </c>
      <c r="F2851">
        <v>1.3</v>
      </c>
      <c r="G2851">
        <v>0.92</v>
      </c>
    </row>
    <row r="2852" spans="1:7" x14ac:dyDescent="0.25">
      <c r="A2852" t="s">
        <v>28</v>
      </c>
      <c r="B2852">
        <v>91894</v>
      </c>
      <c r="C2852">
        <v>22</v>
      </c>
      <c r="D2852" t="s">
        <v>10</v>
      </c>
      <c r="E2852">
        <v>0.94</v>
      </c>
      <c r="F2852">
        <v>0.72</v>
      </c>
      <c r="G2852">
        <v>0.34</v>
      </c>
    </row>
    <row r="2853" spans="1:7" x14ac:dyDescent="0.25">
      <c r="A2853" t="s">
        <v>30</v>
      </c>
      <c r="B2853">
        <v>78145</v>
      </c>
      <c r="C2853">
        <v>11</v>
      </c>
      <c r="D2853" t="s">
        <v>24</v>
      </c>
      <c r="E2853">
        <v>0.91</v>
      </c>
      <c r="F2853">
        <v>1.23</v>
      </c>
      <c r="G2853">
        <v>0.69</v>
      </c>
    </row>
    <row r="2854" spans="1:7" x14ac:dyDescent="0.25">
      <c r="A2854" t="s">
        <v>13</v>
      </c>
      <c r="B2854">
        <v>95056</v>
      </c>
      <c r="C2854">
        <v>9</v>
      </c>
      <c r="D2854" t="s">
        <v>24</v>
      </c>
      <c r="E2854">
        <v>0.88</v>
      </c>
      <c r="F2854">
        <v>1.31</v>
      </c>
      <c r="G2854">
        <v>0.69</v>
      </c>
    </row>
    <row r="2855" spans="1:7" x14ac:dyDescent="0.25">
      <c r="A2855" t="s">
        <v>7</v>
      </c>
      <c r="B2855">
        <v>135949</v>
      </c>
      <c r="C2855">
        <v>14</v>
      </c>
      <c r="D2855" t="s">
        <v>24</v>
      </c>
      <c r="E2855">
        <v>0.44</v>
      </c>
      <c r="F2855">
        <v>1.41</v>
      </c>
      <c r="G2855">
        <v>0.82</v>
      </c>
    </row>
    <row r="2856" spans="1:7" x14ac:dyDescent="0.25">
      <c r="A2856" t="s">
        <v>19</v>
      </c>
      <c r="B2856">
        <v>78793</v>
      </c>
      <c r="C2856">
        <v>17</v>
      </c>
      <c r="D2856" t="s">
        <v>10</v>
      </c>
      <c r="E2856">
        <v>0.14000000000000001</v>
      </c>
      <c r="F2856">
        <v>1.44</v>
      </c>
      <c r="G2856">
        <v>0.9</v>
      </c>
    </row>
    <row r="2857" spans="1:7" x14ac:dyDescent="0.25">
      <c r="A2857" t="s">
        <v>20</v>
      </c>
      <c r="B2857">
        <v>81380</v>
      </c>
      <c r="C2857">
        <v>26</v>
      </c>
      <c r="D2857" t="s">
        <v>12</v>
      </c>
      <c r="E2857">
        <v>0.42</v>
      </c>
      <c r="F2857">
        <v>1.31</v>
      </c>
      <c r="G2857">
        <v>0.53</v>
      </c>
    </row>
    <row r="2858" spans="1:7" x14ac:dyDescent="0.25">
      <c r="A2858" t="s">
        <v>7</v>
      </c>
      <c r="B2858">
        <v>33827</v>
      </c>
      <c r="C2858">
        <v>10</v>
      </c>
      <c r="D2858" t="s">
        <v>12</v>
      </c>
      <c r="E2858">
        <v>0.37</v>
      </c>
      <c r="F2858">
        <v>0.75</v>
      </c>
      <c r="G2858">
        <v>0.95</v>
      </c>
    </row>
    <row r="2859" spans="1:7" x14ac:dyDescent="0.25">
      <c r="A2859" t="s">
        <v>21</v>
      </c>
      <c r="B2859">
        <v>103038</v>
      </c>
      <c r="C2859">
        <v>28</v>
      </c>
      <c r="D2859" t="s">
        <v>12</v>
      </c>
      <c r="E2859">
        <v>0.51</v>
      </c>
      <c r="F2859">
        <v>0.61</v>
      </c>
      <c r="G2859">
        <v>0.33</v>
      </c>
    </row>
    <row r="2860" spans="1:7" x14ac:dyDescent="0.25">
      <c r="A2860" t="s">
        <v>28</v>
      </c>
      <c r="B2860">
        <v>122276</v>
      </c>
      <c r="C2860">
        <v>7</v>
      </c>
      <c r="D2860" t="s">
        <v>10</v>
      </c>
      <c r="E2860">
        <v>0.92</v>
      </c>
      <c r="F2860">
        <v>1.1200000000000001</v>
      </c>
      <c r="G2860">
        <v>0.35</v>
      </c>
    </row>
    <row r="2861" spans="1:7" x14ac:dyDescent="0.25">
      <c r="A2861" t="s">
        <v>27</v>
      </c>
      <c r="B2861">
        <v>89309</v>
      </c>
      <c r="C2861">
        <v>28</v>
      </c>
      <c r="D2861" t="s">
        <v>24</v>
      </c>
      <c r="E2861">
        <v>0.59</v>
      </c>
      <c r="F2861">
        <v>1.33</v>
      </c>
      <c r="G2861">
        <v>0.81</v>
      </c>
    </row>
    <row r="2862" spans="1:7" x14ac:dyDescent="0.25">
      <c r="A2862" t="s">
        <v>14</v>
      </c>
      <c r="B2862">
        <v>57891</v>
      </c>
      <c r="C2862">
        <v>27</v>
      </c>
      <c r="D2862" t="s">
        <v>12</v>
      </c>
      <c r="E2862">
        <v>0.99</v>
      </c>
      <c r="F2862">
        <v>1.34</v>
      </c>
      <c r="G2862">
        <v>0.33</v>
      </c>
    </row>
    <row r="2863" spans="1:7" x14ac:dyDescent="0.25">
      <c r="A2863" t="s">
        <v>26</v>
      </c>
      <c r="B2863">
        <v>61766</v>
      </c>
      <c r="C2863">
        <v>29</v>
      </c>
      <c r="D2863" t="s">
        <v>24</v>
      </c>
      <c r="E2863">
        <v>0.91</v>
      </c>
      <c r="F2863">
        <v>1.23</v>
      </c>
      <c r="G2863">
        <v>0.26</v>
      </c>
    </row>
    <row r="2864" spans="1:7" x14ac:dyDescent="0.25">
      <c r="A2864" t="s">
        <v>30</v>
      </c>
      <c r="B2864">
        <v>87657</v>
      </c>
      <c r="C2864">
        <v>18</v>
      </c>
      <c r="D2864" t="s">
        <v>8</v>
      </c>
      <c r="E2864">
        <v>0.95</v>
      </c>
      <c r="F2864">
        <v>0.77</v>
      </c>
      <c r="G2864">
        <v>0.56999999999999995</v>
      </c>
    </row>
    <row r="2865" spans="1:7" x14ac:dyDescent="0.25">
      <c r="A2865" t="s">
        <v>11</v>
      </c>
      <c r="B2865">
        <v>48476</v>
      </c>
      <c r="C2865">
        <v>6</v>
      </c>
      <c r="D2865" t="s">
        <v>12</v>
      </c>
      <c r="E2865">
        <v>0.55000000000000004</v>
      </c>
      <c r="F2865">
        <v>1.1200000000000001</v>
      </c>
      <c r="G2865">
        <v>0.77</v>
      </c>
    </row>
    <row r="2866" spans="1:7" x14ac:dyDescent="0.25">
      <c r="A2866" t="s">
        <v>25</v>
      </c>
      <c r="B2866">
        <v>121860</v>
      </c>
      <c r="C2866">
        <v>21</v>
      </c>
      <c r="D2866" t="s">
        <v>10</v>
      </c>
      <c r="E2866">
        <v>0.24</v>
      </c>
      <c r="F2866">
        <v>0.56000000000000005</v>
      </c>
      <c r="G2866">
        <v>0.82</v>
      </c>
    </row>
    <row r="2867" spans="1:7" x14ac:dyDescent="0.25">
      <c r="A2867" t="s">
        <v>22</v>
      </c>
      <c r="B2867">
        <v>125798</v>
      </c>
      <c r="C2867">
        <v>4</v>
      </c>
      <c r="D2867" t="s">
        <v>24</v>
      </c>
      <c r="E2867">
        <v>0.31</v>
      </c>
      <c r="F2867">
        <v>0.81</v>
      </c>
      <c r="G2867">
        <v>0.4</v>
      </c>
    </row>
    <row r="2868" spans="1:7" x14ac:dyDescent="0.25">
      <c r="A2868" t="s">
        <v>14</v>
      </c>
      <c r="B2868">
        <v>138695</v>
      </c>
      <c r="C2868">
        <v>23</v>
      </c>
      <c r="D2868" t="s">
        <v>8</v>
      </c>
      <c r="E2868">
        <v>0.93</v>
      </c>
      <c r="F2868">
        <v>1.41</v>
      </c>
      <c r="G2868">
        <v>0.52</v>
      </c>
    </row>
    <row r="2869" spans="1:7" x14ac:dyDescent="0.25">
      <c r="A2869" t="s">
        <v>9</v>
      </c>
      <c r="B2869">
        <v>69802</v>
      </c>
      <c r="C2869">
        <v>9</v>
      </c>
      <c r="D2869" t="s">
        <v>24</v>
      </c>
      <c r="E2869">
        <v>0.57999999999999996</v>
      </c>
      <c r="F2869">
        <v>0.85</v>
      </c>
      <c r="G2869">
        <v>0.19</v>
      </c>
    </row>
    <row r="2870" spans="1:7" x14ac:dyDescent="0.25">
      <c r="A2870" t="s">
        <v>18</v>
      </c>
      <c r="B2870">
        <v>86832</v>
      </c>
      <c r="C2870">
        <v>18</v>
      </c>
      <c r="D2870" t="s">
        <v>8</v>
      </c>
      <c r="E2870">
        <v>0.6</v>
      </c>
      <c r="F2870">
        <v>0.77</v>
      </c>
      <c r="G2870">
        <v>0.38</v>
      </c>
    </row>
    <row r="2871" spans="1:7" x14ac:dyDescent="0.25">
      <c r="A2871" t="s">
        <v>18</v>
      </c>
      <c r="B2871">
        <v>143959</v>
      </c>
      <c r="C2871">
        <v>27</v>
      </c>
      <c r="D2871" t="s">
        <v>10</v>
      </c>
      <c r="E2871">
        <v>0.86</v>
      </c>
      <c r="F2871">
        <v>1</v>
      </c>
      <c r="G2871">
        <v>0.38</v>
      </c>
    </row>
    <row r="2872" spans="1:7" x14ac:dyDescent="0.25">
      <c r="A2872" t="s">
        <v>11</v>
      </c>
      <c r="B2872">
        <v>61709</v>
      </c>
      <c r="C2872">
        <v>22</v>
      </c>
      <c r="D2872" t="s">
        <v>12</v>
      </c>
      <c r="E2872">
        <v>0.62</v>
      </c>
      <c r="F2872">
        <v>1.39</v>
      </c>
      <c r="G2872">
        <v>0.71</v>
      </c>
    </row>
    <row r="2873" spans="1:7" x14ac:dyDescent="0.25">
      <c r="A2873" t="s">
        <v>22</v>
      </c>
      <c r="B2873">
        <v>43669</v>
      </c>
      <c r="C2873">
        <v>12</v>
      </c>
      <c r="D2873" t="s">
        <v>24</v>
      </c>
      <c r="E2873">
        <v>0.9</v>
      </c>
      <c r="F2873">
        <v>1.07</v>
      </c>
      <c r="G2873">
        <v>0.61</v>
      </c>
    </row>
    <row r="2874" spans="1:7" x14ac:dyDescent="0.25">
      <c r="A2874" t="s">
        <v>30</v>
      </c>
      <c r="B2874">
        <v>61142</v>
      </c>
      <c r="C2874">
        <v>18</v>
      </c>
      <c r="D2874" t="s">
        <v>24</v>
      </c>
      <c r="E2874">
        <v>0.03</v>
      </c>
      <c r="F2874">
        <v>1.03</v>
      </c>
      <c r="G2874">
        <v>0.56999999999999995</v>
      </c>
    </row>
    <row r="2875" spans="1:7" x14ac:dyDescent="0.25">
      <c r="A2875" t="s">
        <v>27</v>
      </c>
      <c r="B2875">
        <v>111396</v>
      </c>
      <c r="C2875">
        <v>9</v>
      </c>
      <c r="D2875" t="s">
        <v>24</v>
      </c>
      <c r="E2875">
        <v>0.63</v>
      </c>
      <c r="F2875">
        <v>1.35</v>
      </c>
      <c r="G2875">
        <v>0.91</v>
      </c>
    </row>
    <row r="2876" spans="1:7" x14ac:dyDescent="0.25">
      <c r="A2876" t="s">
        <v>13</v>
      </c>
      <c r="B2876">
        <v>50852</v>
      </c>
      <c r="C2876">
        <v>24</v>
      </c>
      <c r="D2876" t="s">
        <v>10</v>
      </c>
      <c r="E2876">
        <v>0.65</v>
      </c>
      <c r="F2876">
        <v>0.67</v>
      </c>
      <c r="G2876">
        <v>0.31</v>
      </c>
    </row>
    <row r="2877" spans="1:7" x14ac:dyDescent="0.25">
      <c r="A2877" t="s">
        <v>16</v>
      </c>
      <c r="B2877">
        <v>99191</v>
      </c>
      <c r="C2877">
        <v>17</v>
      </c>
      <c r="D2877" t="s">
        <v>8</v>
      </c>
      <c r="E2877">
        <v>0.28999999999999998</v>
      </c>
      <c r="F2877">
        <v>0.89</v>
      </c>
      <c r="G2877">
        <v>0.69</v>
      </c>
    </row>
    <row r="2878" spans="1:7" x14ac:dyDescent="0.25">
      <c r="A2878" t="s">
        <v>13</v>
      </c>
      <c r="B2878">
        <v>69537</v>
      </c>
      <c r="C2878">
        <v>25</v>
      </c>
      <c r="D2878" t="s">
        <v>8</v>
      </c>
      <c r="E2878">
        <v>0.96</v>
      </c>
      <c r="F2878">
        <v>0.87</v>
      </c>
      <c r="G2878">
        <v>0.4</v>
      </c>
    </row>
    <row r="2879" spans="1:7" x14ac:dyDescent="0.25">
      <c r="A2879" t="s">
        <v>27</v>
      </c>
      <c r="B2879">
        <v>65629</v>
      </c>
      <c r="C2879">
        <v>3</v>
      </c>
      <c r="D2879" t="s">
        <v>8</v>
      </c>
      <c r="E2879">
        <v>0.9</v>
      </c>
      <c r="F2879">
        <v>1.18</v>
      </c>
      <c r="G2879">
        <v>0.79</v>
      </c>
    </row>
    <row r="2880" spans="1:7" x14ac:dyDescent="0.25">
      <c r="A2880" t="s">
        <v>13</v>
      </c>
      <c r="B2880">
        <v>39597</v>
      </c>
      <c r="C2880">
        <v>29</v>
      </c>
      <c r="D2880" t="s">
        <v>8</v>
      </c>
      <c r="E2880">
        <v>0.53</v>
      </c>
      <c r="F2880">
        <v>1.1299999999999999</v>
      </c>
      <c r="G2880">
        <v>0.45</v>
      </c>
    </row>
    <row r="2881" spans="1:7" x14ac:dyDescent="0.25">
      <c r="A2881" t="s">
        <v>19</v>
      </c>
      <c r="B2881">
        <v>34096</v>
      </c>
      <c r="C2881">
        <v>4</v>
      </c>
      <c r="D2881" t="s">
        <v>8</v>
      </c>
      <c r="E2881">
        <v>0.64</v>
      </c>
      <c r="F2881">
        <v>0.83</v>
      </c>
      <c r="G2881">
        <v>0.76</v>
      </c>
    </row>
    <row r="2882" spans="1:7" x14ac:dyDescent="0.25">
      <c r="A2882" t="s">
        <v>27</v>
      </c>
      <c r="B2882">
        <v>63434</v>
      </c>
      <c r="C2882">
        <v>27</v>
      </c>
      <c r="D2882" t="s">
        <v>8</v>
      </c>
      <c r="E2882">
        <v>0.54</v>
      </c>
      <c r="F2882">
        <v>0.96</v>
      </c>
      <c r="G2882">
        <v>0.78</v>
      </c>
    </row>
    <row r="2883" spans="1:7" x14ac:dyDescent="0.25">
      <c r="A2883" t="s">
        <v>20</v>
      </c>
      <c r="B2883">
        <v>81358</v>
      </c>
      <c r="C2883">
        <v>29</v>
      </c>
      <c r="D2883" t="s">
        <v>24</v>
      </c>
      <c r="E2883">
        <v>0.53</v>
      </c>
      <c r="F2883">
        <v>0.73</v>
      </c>
      <c r="G2883">
        <v>0.35</v>
      </c>
    </row>
    <row r="2884" spans="1:7" x14ac:dyDescent="0.25">
      <c r="A2884" t="s">
        <v>30</v>
      </c>
      <c r="B2884">
        <v>80626</v>
      </c>
      <c r="C2884">
        <v>29</v>
      </c>
      <c r="D2884" t="s">
        <v>8</v>
      </c>
      <c r="E2884">
        <v>0.59</v>
      </c>
      <c r="F2884">
        <v>0.92</v>
      </c>
      <c r="G2884">
        <v>0.33</v>
      </c>
    </row>
    <row r="2885" spans="1:7" x14ac:dyDescent="0.25">
      <c r="A2885" t="s">
        <v>25</v>
      </c>
      <c r="B2885">
        <v>59638</v>
      </c>
      <c r="C2885">
        <v>22</v>
      </c>
      <c r="D2885" t="s">
        <v>10</v>
      </c>
      <c r="E2885">
        <v>0.62</v>
      </c>
      <c r="F2885">
        <v>0.9</v>
      </c>
      <c r="G2885">
        <v>0.74</v>
      </c>
    </row>
    <row r="2886" spans="1:7" x14ac:dyDescent="0.25">
      <c r="A2886" t="s">
        <v>18</v>
      </c>
      <c r="B2886">
        <v>30030</v>
      </c>
      <c r="C2886">
        <v>9</v>
      </c>
      <c r="D2886" t="s">
        <v>24</v>
      </c>
      <c r="E2886">
        <v>0.25</v>
      </c>
      <c r="F2886">
        <v>0.88</v>
      </c>
      <c r="G2886">
        <v>0.37</v>
      </c>
    </row>
    <row r="2887" spans="1:7" x14ac:dyDescent="0.25">
      <c r="A2887" t="s">
        <v>20</v>
      </c>
      <c r="B2887">
        <v>145156</v>
      </c>
      <c r="C2887">
        <v>27</v>
      </c>
      <c r="D2887" t="s">
        <v>24</v>
      </c>
      <c r="E2887">
        <v>0.15</v>
      </c>
      <c r="F2887">
        <v>0.54</v>
      </c>
      <c r="G2887">
        <v>0.47</v>
      </c>
    </row>
    <row r="2888" spans="1:7" x14ac:dyDescent="0.25">
      <c r="A2888" t="s">
        <v>15</v>
      </c>
      <c r="B2888">
        <v>88717</v>
      </c>
      <c r="C2888">
        <v>7</v>
      </c>
      <c r="D2888" t="s">
        <v>8</v>
      </c>
      <c r="E2888">
        <v>0.33</v>
      </c>
      <c r="F2888">
        <v>1.39</v>
      </c>
      <c r="G2888">
        <v>7.0000000000000007E-2</v>
      </c>
    </row>
    <row r="2889" spans="1:7" x14ac:dyDescent="0.25">
      <c r="A2889" t="s">
        <v>11</v>
      </c>
      <c r="B2889">
        <v>68746</v>
      </c>
      <c r="C2889">
        <v>1</v>
      </c>
      <c r="D2889" t="s">
        <v>10</v>
      </c>
      <c r="E2889">
        <v>0.24</v>
      </c>
      <c r="F2889">
        <v>1.18</v>
      </c>
      <c r="G2889">
        <v>0.72</v>
      </c>
    </row>
    <row r="2890" spans="1:7" x14ac:dyDescent="0.25">
      <c r="A2890" t="s">
        <v>20</v>
      </c>
      <c r="B2890">
        <v>83207</v>
      </c>
      <c r="C2890">
        <v>3</v>
      </c>
      <c r="D2890" t="s">
        <v>8</v>
      </c>
      <c r="E2890">
        <v>0.51</v>
      </c>
      <c r="F2890">
        <v>0.62</v>
      </c>
      <c r="G2890">
        <v>0.46</v>
      </c>
    </row>
    <row r="2891" spans="1:7" x14ac:dyDescent="0.25">
      <c r="A2891" t="s">
        <v>17</v>
      </c>
      <c r="B2891">
        <v>138109</v>
      </c>
      <c r="C2891">
        <v>18</v>
      </c>
      <c r="D2891" t="s">
        <v>8</v>
      </c>
      <c r="E2891">
        <v>0.37</v>
      </c>
      <c r="F2891">
        <v>1.02</v>
      </c>
      <c r="G2891">
        <v>0.09</v>
      </c>
    </row>
    <row r="2892" spans="1:7" x14ac:dyDescent="0.25">
      <c r="A2892" t="s">
        <v>9</v>
      </c>
      <c r="B2892">
        <v>86834</v>
      </c>
      <c r="C2892">
        <v>15</v>
      </c>
      <c r="D2892" t="s">
        <v>10</v>
      </c>
      <c r="E2892">
        <v>0.99</v>
      </c>
      <c r="F2892">
        <v>0.67</v>
      </c>
      <c r="G2892">
        <v>0.11</v>
      </c>
    </row>
    <row r="2893" spans="1:7" x14ac:dyDescent="0.25">
      <c r="A2893" t="s">
        <v>30</v>
      </c>
      <c r="B2893">
        <v>133988</v>
      </c>
      <c r="C2893">
        <v>7</v>
      </c>
      <c r="D2893" t="s">
        <v>8</v>
      </c>
      <c r="E2893">
        <v>0.18</v>
      </c>
      <c r="F2893">
        <v>0.84</v>
      </c>
      <c r="G2893">
        <v>0.37</v>
      </c>
    </row>
    <row r="2894" spans="1:7" x14ac:dyDescent="0.25">
      <c r="A2894" t="s">
        <v>7</v>
      </c>
      <c r="B2894">
        <v>145064</v>
      </c>
      <c r="C2894">
        <v>2</v>
      </c>
      <c r="D2894" t="s">
        <v>12</v>
      </c>
      <c r="E2894">
        <v>0.28000000000000003</v>
      </c>
      <c r="F2894">
        <v>1.28</v>
      </c>
      <c r="G2894">
        <v>0.78</v>
      </c>
    </row>
    <row r="2895" spans="1:7" x14ac:dyDescent="0.25">
      <c r="A2895" t="s">
        <v>7</v>
      </c>
      <c r="B2895">
        <v>106620</v>
      </c>
      <c r="C2895">
        <v>10</v>
      </c>
      <c r="D2895" t="s">
        <v>24</v>
      </c>
      <c r="E2895">
        <v>0.79</v>
      </c>
      <c r="F2895">
        <v>1.07</v>
      </c>
      <c r="G2895">
        <v>0.94</v>
      </c>
    </row>
    <row r="2896" spans="1:7" x14ac:dyDescent="0.25">
      <c r="A2896" t="s">
        <v>25</v>
      </c>
      <c r="B2896">
        <v>80942</v>
      </c>
      <c r="C2896">
        <v>18</v>
      </c>
      <c r="D2896" t="s">
        <v>8</v>
      </c>
      <c r="E2896">
        <v>0.36</v>
      </c>
      <c r="F2896">
        <v>0.72</v>
      </c>
      <c r="G2896">
        <v>0.75</v>
      </c>
    </row>
    <row r="2897" spans="1:7" x14ac:dyDescent="0.25">
      <c r="A2897" t="s">
        <v>19</v>
      </c>
      <c r="B2897">
        <v>133274</v>
      </c>
      <c r="C2897">
        <v>27</v>
      </c>
      <c r="D2897" t="s">
        <v>10</v>
      </c>
      <c r="E2897">
        <v>0.15</v>
      </c>
      <c r="F2897">
        <v>1</v>
      </c>
      <c r="G2897">
        <v>0.8</v>
      </c>
    </row>
    <row r="2898" spans="1:7" x14ac:dyDescent="0.25">
      <c r="A2898" t="s">
        <v>25</v>
      </c>
      <c r="B2898">
        <v>49826</v>
      </c>
      <c r="C2898">
        <v>9</v>
      </c>
      <c r="D2898" t="s">
        <v>8</v>
      </c>
      <c r="E2898">
        <v>0.35</v>
      </c>
      <c r="F2898">
        <v>0.99</v>
      </c>
      <c r="G2898">
        <v>0.85</v>
      </c>
    </row>
    <row r="2899" spans="1:7" x14ac:dyDescent="0.25">
      <c r="A2899" t="s">
        <v>25</v>
      </c>
      <c r="B2899">
        <v>97116</v>
      </c>
      <c r="C2899">
        <v>26</v>
      </c>
      <c r="D2899" t="s">
        <v>10</v>
      </c>
      <c r="E2899">
        <v>0.8</v>
      </c>
      <c r="F2899">
        <v>0.56000000000000005</v>
      </c>
      <c r="G2899">
        <v>0.8</v>
      </c>
    </row>
    <row r="2900" spans="1:7" x14ac:dyDescent="0.25">
      <c r="A2900" t="s">
        <v>22</v>
      </c>
      <c r="B2900">
        <v>136030</v>
      </c>
      <c r="C2900">
        <v>16</v>
      </c>
      <c r="D2900" t="s">
        <v>24</v>
      </c>
      <c r="E2900">
        <v>0.68</v>
      </c>
      <c r="F2900">
        <v>1.38</v>
      </c>
      <c r="G2900">
        <v>0.59</v>
      </c>
    </row>
    <row r="2901" spans="1:7" x14ac:dyDescent="0.25">
      <c r="A2901" t="s">
        <v>11</v>
      </c>
      <c r="B2901">
        <v>33388</v>
      </c>
      <c r="C2901">
        <v>3</v>
      </c>
      <c r="D2901" t="s">
        <v>10</v>
      </c>
      <c r="E2901">
        <v>0.48</v>
      </c>
      <c r="F2901">
        <v>0.79</v>
      </c>
      <c r="G2901">
        <v>0.89</v>
      </c>
    </row>
    <row r="2902" spans="1:7" x14ac:dyDescent="0.25">
      <c r="A2902" t="s">
        <v>13</v>
      </c>
      <c r="B2902">
        <v>58797</v>
      </c>
      <c r="C2902">
        <v>18</v>
      </c>
      <c r="D2902" t="s">
        <v>8</v>
      </c>
      <c r="E2902">
        <v>0.83</v>
      </c>
      <c r="F2902">
        <v>0.64</v>
      </c>
      <c r="G2902">
        <v>0.44</v>
      </c>
    </row>
    <row r="2903" spans="1:7" x14ac:dyDescent="0.25">
      <c r="A2903" t="s">
        <v>15</v>
      </c>
      <c r="B2903">
        <v>129508</v>
      </c>
      <c r="C2903">
        <v>7</v>
      </c>
      <c r="D2903" t="s">
        <v>12</v>
      </c>
      <c r="E2903">
        <v>0.26</v>
      </c>
      <c r="F2903">
        <v>1.1599999999999999</v>
      </c>
      <c r="G2903">
        <v>0.28999999999999998</v>
      </c>
    </row>
    <row r="2904" spans="1:7" x14ac:dyDescent="0.25">
      <c r="A2904" t="s">
        <v>28</v>
      </c>
      <c r="B2904">
        <v>54996</v>
      </c>
      <c r="C2904">
        <v>12</v>
      </c>
      <c r="D2904" t="s">
        <v>24</v>
      </c>
      <c r="E2904">
        <v>0.59</v>
      </c>
      <c r="F2904">
        <v>0.96</v>
      </c>
      <c r="G2904">
        <v>0.41</v>
      </c>
    </row>
    <row r="2905" spans="1:7" x14ac:dyDescent="0.25">
      <c r="A2905" t="s">
        <v>20</v>
      </c>
      <c r="B2905">
        <v>136165</v>
      </c>
      <c r="C2905">
        <v>26</v>
      </c>
      <c r="D2905" t="s">
        <v>10</v>
      </c>
      <c r="E2905">
        <v>0.15</v>
      </c>
      <c r="F2905">
        <v>0.62</v>
      </c>
      <c r="G2905">
        <v>0.64</v>
      </c>
    </row>
    <row r="2906" spans="1:7" x14ac:dyDescent="0.25">
      <c r="A2906" t="s">
        <v>29</v>
      </c>
      <c r="B2906">
        <v>83986</v>
      </c>
      <c r="C2906">
        <v>15</v>
      </c>
      <c r="D2906" t="s">
        <v>12</v>
      </c>
      <c r="E2906">
        <v>0.82</v>
      </c>
      <c r="F2906">
        <v>1.43</v>
      </c>
      <c r="G2906">
        <v>0.2</v>
      </c>
    </row>
    <row r="2907" spans="1:7" x14ac:dyDescent="0.25">
      <c r="A2907" t="s">
        <v>15</v>
      </c>
      <c r="B2907">
        <v>126681</v>
      </c>
      <c r="C2907">
        <v>18</v>
      </c>
      <c r="D2907" t="s">
        <v>12</v>
      </c>
      <c r="E2907">
        <v>0.32</v>
      </c>
      <c r="F2907">
        <v>0.96</v>
      </c>
      <c r="G2907">
        <v>0.21</v>
      </c>
    </row>
    <row r="2908" spans="1:7" x14ac:dyDescent="0.25">
      <c r="A2908" t="s">
        <v>30</v>
      </c>
      <c r="B2908">
        <v>148083</v>
      </c>
      <c r="C2908">
        <v>14</v>
      </c>
      <c r="D2908" t="s">
        <v>12</v>
      </c>
      <c r="E2908">
        <v>0.89</v>
      </c>
      <c r="F2908">
        <v>0.51</v>
      </c>
      <c r="G2908">
        <v>0.48</v>
      </c>
    </row>
    <row r="2909" spans="1:7" x14ac:dyDescent="0.25">
      <c r="A2909" t="s">
        <v>17</v>
      </c>
      <c r="B2909">
        <v>145915</v>
      </c>
      <c r="C2909">
        <v>13</v>
      </c>
      <c r="D2909" t="s">
        <v>24</v>
      </c>
      <c r="E2909">
        <v>0.84</v>
      </c>
      <c r="F2909">
        <v>0.59</v>
      </c>
      <c r="G2909">
        <v>7.0000000000000007E-2</v>
      </c>
    </row>
    <row r="2910" spans="1:7" x14ac:dyDescent="0.25">
      <c r="A2910" t="s">
        <v>27</v>
      </c>
      <c r="B2910">
        <v>45002</v>
      </c>
      <c r="C2910">
        <v>5</v>
      </c>
      <c r="D2910" t="s">
        <v>10</v>
      </c>
      <c r="E2910">
        <v>0.35</v>
      </c>
      <c r="F2910">
        <v>0.75</v>
      </c>
      <c r="G2910">
        <v>0.8</v>
      </c>
    </row>
    <row r="2911" spans="1:7" x14ac:dyDescent="0.25">
      <c r="A2911" t="s">
        <v>30</v>
      </c>
      <c r="B2911">
        <v>90587</v>
      </c>
      <c r="C2911">
        <v>6</v>
      </c>
      <c r="D2911" t="s">
        <v>12</v>
      </c>
      <c r="E2911">
        <v>0.33</v>
      </c>
      <c r="F2911">
        <v>1.2</v>
      </c>
      <c r="G2911">
        <v>0.35</v>
      </c>
    </row>
    <row r="2912" spans="1:7" x14ac:dyDescent="0.25">
      <c r="A2912" t="s">
        <v>11</v>
      </c>
      <c r="B2912">
        <v>117927</v>
      </c>
      <c r="C2912">
        <v>23</v>
      </c>
      <c r="D2912" t="s">
        <v>8</v>
      </c>
      <c r="E2912">
        <v>0.57999999999999996</v>
      </c>
      <c r="F2912">
        <v>0.67</v>
      </c>
      <c r="G2912">
        <v>0.87</v>
      </c>
    </row>
    <row r="2913" spans="1:7" x14ac:dyDescent="0.25">
      <c r="A2913" t="s">
        <v>23</v>
      </c>
      <c r="B2913">
        <v>111301</v>
      </c>
      <c r="C2913">
        <v>1</v>
      </c>
      <c r="D2913" t="s">
        <v>24</v>
      </c>
      <c r="E2913">
        <v>0.85</v>
      </c>
      <c r="F2913">
        <v>0.55000000000000004</v>
      </c>
      <c r="G2913">
        <v>0.49</v>
      </c>
    </row>
    <row r="2914" spans="1:7" x14ac:dyDescent="0.25">
      <c r="A2914" t="s">
        <v>9</v>
      </c>
      <c r="B2914">
        <v>138560</v>
      </c>
      <c r="C2914">
        <v>16</v>
      </c>
      <c r="D2914" t="s">
        <v>8</v>
      </c>
      <c r="E2914">
        <v>0.24</v>
      </c>
      <c r="F2914">
        <v>0.66</v>
      </c>
      <c r="G2914">
        <v>0.11</v>
      </c>
    </row>
    <row r="2915" spans="1:7" x14ac:dyDescent="0.25">
      <c r="A2915" t="s">
        <v>15</v>
      </c>
      <c r="B2915">
        <v>113092</v>
      </c>
      <c r="C2915">
        <v>23</v>
      </c>
      <c r="D2915" t="s">
        <v>12</v>
      </c>
      <c r="E2915">
        <v>0.41</v>
      </c>
      <c r="F2915">
        <v>1.01</v>
      </c>
      <c r="G2915">
        <v>0.26</v>
      </c>
    </row>
    <row r="2916" spans="1:7" x14ac:dyDescent="0.25">
      <c r="A2916" t="s">
        <v>26</v>
      </c>
      <c r="B2916">
        <v>41430</v>
      </c>
      <c r="C2916">
        <v>13</v>
      </c>
      <c r="D2916" t="s">
        <v>10</v>
      </c>
      <c r="E2916">
        <v>0.28000000000000003</v>
      </c>
      <c r="F2916">
        <v>0.69</v>
      </c>
      <c r="G2916">
        <v>0.16</v>
      </c>
    </row>
    <row r="2917" spans="1:7" x14ac:dyDescent="0.25">
      <c r="A2917" t="s">
        <v>19</v>
      </c>
      <c r="B2917">
        <v>39349</v>
      </c>
      <c r="C2917">
        <v>5</v>
      </c>
      <c r="D2917" t="s">
        <v>12</v>
      </c>
      <c r="E2917">
        <v>0.71</v>
      </c>
      <c r="F2917">
        <v>1.33</v>
      </c>
      <c r="G2917">
        <v>0.79</v>
      </c>
    </row>
    <row r="2918" spans="1:7" x14ac:dyDescent="0.25">
      <c r="A2918" t="s">
        <v>19</v>
      </c>
      <c r="B2918">
        <v>61658</v>
      </c>
      <c r="C2918">
        <v>10</v>
      </c>
      <c r="D2918" t="s">
        <v>8</v>
      </c>
      <c r="E2918">
        <v>0.41</v>
      </c>
      <c r="F2918">
        <v>0.54</v>
      </c>
      <c r="G2918">
        <v>0.71</v>
      </c>
    </row>
    <row r="2919" spans="1:7" x14ac:dyDescent="0.25">
      <c r="A2919" t="s">
        <v>20</v>
      </c>
      <c r="B2919">
        <v>39106</v>
      </c>
      <c r="C2919">
        <v>22</v>
      </c>
      <c r="D2919" t="s">
        <v>10</v>
      </c>
      <c r="E2919">
        <v>0.44</v>
      </c>
      <c r="F2919">
        <v>1.45</v>
      </c>
      <c r="G2919">
        <v>0.31</v>
      </c>
    </row>
    <row r="2920" spans="1:7" x14ac:dyDescent="0.25">
      <c r="A2920" t="s">
        <v>25</v>
      </c>
      <c r="B2920">
        <v>97792</v>
      </c>
      <c r="C2920">
        <v>16</v>
      </c>
      <c r="D2920" t="s">
        <v>10</v>
      </c>
      <c r="E2920">
        <v>0.1</v>
      </c>
      <c r="F2920">
        <v>1.28</v>
      </c>
      <c r="G2920">
        <v>0.81</v>
      </c>
    </row>
    <row r="2921" spans="1:7" x14ac:dyDescent="0.25">
      <c r="A2921" t="s">
        <v>9</v>
      </c>
      <c r="B2921">
        <v>39788</v>
      </c>
      <c r="C2921">
        <v>6</v>
      </c>
      <c r="D2921" t="s">
        <v>10</v>
      </c>
      <c r="E2921">
        <v>0.03</v>
      </c>
      <c r="F2921">
        <v>0.72</v>
      </c>
      <c r="G2921">
        <v>0.23</v>
      </c>
    </row>
    <row r="2922" spans="1:7" x14ac:dyDescent="0.25">
      <c r="A2922" t="s">
        <v>7</v>
      </c>
      <c r="B2922">
        <v>88215</v>
      </c>
      <c r="C2922">
        <v>5</v>
      </c>
      <c r="D2922" t="s">
        <v>10</v>
      </c>
      <c r="E2922">
        <v>0.04</v>
      </c>
      <c r="F2922">
        <v>0.78</v>
      </c>
      <c r="G2922">
        <v>0.74</v>
      </c>
    </row>
    <row r="2923" spans="1:7" x14ac:dyDescent="0.25">
      <c r="A2923" t="s">
        <v>13</v>
      </c>
      <c r="B2923">
        <v>87487</v>
      </c>
      <c r="C2923">
        <v>3</v>
      </c>
      <c r="D2923" t="s">
        <v>10</v>
      </c>
      <c r="E2923">
        <v>0.68</v>
      </c>
      <c r="F2923">
        <v>1.1200000000000001</v>
      </c>
      <c r="G2923">
        <v>0.34</v>
      </c>
    </row>
    <row r="2924" spans="1:7" x14ac:dyDescent="0.25">
      <c r="A2924" t="s">
        <v>16</v>
      </c>
      <c r="B2924">
        <v>85016</v>
      </c>
      <c r="C2924">
        <v>6</v>
      </c>
      <c r="D2924" t="s">
        <v>12</v>
      </c>
      <c r="E2924">
        <v>0.82</v>
      </c>
      <c r="F2924">
        <v>1.49</v>
      </c>
      <c r="G2924">
        <v>0.45</v>
      </c>
    </row>
    <row r="2925" spans="1:7" x14ac:dyDescent="0.25">
      <c r="A2925" t="s">
        <v>28</v>
      </c>
      <c r="B2925">
        <v>38701</v>
      </c>
      <c r="C2925">
        <v>3</v>
      </c>
      <c r="D2925" t="s">
        <v>12</v>
      </c>
      <c r="E2925">
        <v>0.9</v>
      </c>
      <c r="F2925">
        <v>1.0900000000000001</v>
      </c>
      <c r="G2925">
        <v>0.6</v>
      </c>
    </row>
    <row r="2926" spans="1:7" x14ac:dyDescent="0.25">
      <c r="A2926" t="s">
        <v>29</v>
      </c>
      <c r="B2926">
        <v>145571</v>
      </c>
      <c r="C2926">
        <v>4</v>
      </c>
      <c r="D2926" t="s">
        <v>12</v>
      </c>
      <c r="E2926">
        <v>0.23</v>
      </c>
      <c r="F2926">
        <v>0.56999999999999995</v>
      </c>
      <c r="G2926">
        <v>0.23</v>
      </c>
    </row>
    <row r="2927" spans="1:7" x14ac:dyDescent="0.25">
      <c r="A2927" t="s">
        <v>13</v>
      </c>
      <c r="B2927">
        <v>106733</v>
      </c>
      <c r="C2927">
        <v>4</v>
      </c>
      <c r="D2927" t="s">
        <v>12</v>
      </c>
      <c r="E2927">
        <v>0.21</v>
      </c>
      <c r="F2927">
        <v>0.6</v>
      </c>
      <c r="G2927">
        <v>0.41</v>
      </c>
    </row>
    <row r="2928" spans="1:7" x14ac:dyDescent="0.25">
      <c r="A2928" t="s">
        <v>15</v>
      </c>
      <c r="B2928">
        <v>128725</v>
      </c>
      <c r="C2928">
        <v>7</v>
      </c>
      <c r="D2928" t="s">
        <v>8</v>
      </c>
      <c r="E2928">
        <v>0.05</v>
      </c>
      <c r="F2928">
        <v>0.96</v>
      </c>
      <c r="G2928">
        <v>0.21</v>
      </c>
    </row>
    <row r="2929" spans="1:7" x14ac:dyDescent="0.25">
      <c r="A2929" t="s">
        <v>13</v>
      </c>
      <c r="B2929">
        <v>112669</v>
      </c>
      <c r="C2929">
        <v>29</v>
      </c>
      <c r="D2929" t="s">
        <v>12</v>
      </c>
      <c r="E2929">
        <v>0.64</v>
      </c>
      <c r="F2929">
        <v>0.63</v>
      </c>
      <c r="G2929">
        <v>0.31</v>
      </c>
    </row>
    <row r="2930" spans="1:7" x14ac:dyDescent="0.25">
      <c r="A2930" t="s">
        <v>16</v>
      </c>
      <c r="B2930">
        <v>79755</v>
      </c>
      <c r="C2930">
        <v>11</v>
      </c>
      <c r="D2930" t="s">
        <v>12</v>
      </c>
      <c r="E2930">
        <v>0.18</v>
      </c>
      <c r="F2930">
        <v>1.1399999999999999</v>
      </c>
      <c r="G2930">
        <v>0.38</v>
      </c>
    </row>
    <row r="2931" spans="1:7" x14ac:dyDescent="0.25">
      <c r="A2931" t="s">
        <v>18</v>
      </c>
      <c r="B2931">
        <v>80636</v>
      </c>
      <c r="C2931">
        <v>3</v>
      </c>
      <c r="D2931" t="s">
        <v>10</v>
      </c>
      <c r="E2931">
        <v>0.04</v>
      </c>
      <c r="F2931">
        <v>1.42</v>
      </c>
      <c r="G2931">
        <v>0.45</v>
      </c>
    </row>
    <row r="2932" spans="1:7" x14ac:dyDescent="0.25">
      <c r="A2932" t="s">
        <v>14</v>
      </c>
      <c r="B2932">
        <v>52437</v>
      </c>
      <c r="C2932">
        <v>22</v>
      </c>
      <c r="D2932" t="s">
        <v>8</v>
      </c>
      <c r="E2932">
        <v>0.67</v>
      </c>
      <c r="F2932">
        <v>1.18</v>
      </c>
      <c r="G2932">
        <v>0.56000000000000005</v>
      </c>
    </row>
    <row r="2933" spans="1:7" x14ac:dyDescent="0.25">
      <c r="A2933" t="s">
        <v>27</v>
      </c>
      <c r="B2933">
        <v>119128</v>
      </c>
      <c r="C2933">
        <v>25</v>
      </c>
      <c r="D2933" t="s">
        <v>8</v>
      </c>
      <c r="E2933">
        <v>0.61</v>
      </c>
      <c r="F2933">
        <v>1.5</v>
      </c>
      <c r="G2933">
        <v>0.74</v>
      </c>
    </row>
    <row r="2934" spans="1:7" x14ac:dyDescent="0.25">
      <c r="A2934" t="s">
        <v>20</v>
      </c>
      <c r="B2934">
        <v>36210</v>
      </c>
      <c r="C2934">
        <v>4</v>
      </c>
      <c r="D2934" t="s">
        <v>12</v>
      </c>
      <c r="E2934">
        <v>0.6</v>
      </c>
      <c r="F2934">
        <v>1.04</v>
      </c>
      <c r="G2934">
        <v>0.54</v>
      </c>
    </row>
    <row r="2935" spans="1:7" x14ac:dyDescent="0.25">
      <c r="A2935" t="s">
        <v>19</v>
      </c>
      <c r="B2935">
        <v>88880</v>
      </c>
      <c r="C2935">
        <v>10</v>
      </c>
      <c r="D2935" t="s">
        <v>10</v>
      </c>
      <c r="E2935">
        <v>0.73</v>
      </c>
      <c r="F2935">
        <v>1.18</v>
      </c>
      <c r="G2935">
        <v>0.95</v>
      </c>
    </row>
    <row r="2936" spans="1:7" x14ac:dyDescent="0.25">
      <c r="A2936" t="s">
        <v>16</v>
      </c>
      <c r="B2936">
        <v>72428</v>
      </c>
      <c r="C2936">
        <v>9</v>
      </c>
      <c r="D2936" t="s">
        <v>24</v>
      </c>
      <c r="E2936">
        <v>0.23</v>
      </c>
      <c r="F2936">
        <v>0.99</v>
      </c>
      <c r="G2936">
        <v>0.47</v>
      </c>
    </row>
    <row r="2937" spans="1:7" x14ac:dyDescent="0.25">
      <c r="A2937" t="s">
        <v>29</v>
      </c>
      <c r="B2937">
        <v>42199</v>
      </c>
      <c r="C2937">
        <v>0</v>
      </c>
      <c r="D2937" t="s">
        <v>24</v>
      </c>
      <c r="E2937">
        <v>0.84</v>
      </c>
      <c r="F2937">
        <v>0.99</v>
      </c>
      <c r="G2937">
        <v>0.26</v>
      </c>
    </row>
    <row r="2938" spans="1:7" x14ac:dyDescent="0.25">
      <c r="A2938" t="s">
        <v>13</v>
      </c>
      <c r="B2938">
        <v>95109</v>
      </c>
      <c r="C2938">
        <v>4</v>
      </c>
      <c r="D2938" t="s">
        <v>12</v>
      </c>
      <c r="E2938">
        <v>0.06</v>
      </c>
      <c r="F2938">
        <v>1.1599999999999999</v>
      </c>
      <c r="G2938">
        <v>0.61</v>
      </c>
    </row>
    <row r="2939" spans="1:7" x14ac:dyDescent="0.25">
      <c r="A2939" t="s">
        <v>30</v>
      </c>
      <c r="B2939">
        <v>30448</v>
      </c>
      <c r="C2939">
        <v>4</v>
      </c>
      <c r="D2939" t="s">
        <v>10</v>
      </c>
      <c r="E2939">
        <v>0.94</v>
      </c>
      <c r="F2939">
        <v>1.24</v>
      </c>
      <c r="G2939">
        <v>0.36</v>
      </c>
    </row>
    <row r="2940" spans="1:7" x14ac:dyDescent="0.25">
      <c r="A2940" t="s">
        <v>27</v>
      </c>
      <c r="B2940">
        <v>91638</v>
      </c>
      <c r="C2940">
        <v>28</v>
      </c>
      <c r="D2940" t="s">
        <v>10</v>
      </c>
      <c r="E2940">
        <v>0.89</v>
      </c>
      <c r="F2940">
        <v>0.61</v>
      </c>
      <c r="G2940">
        <v>0.77</v>
      </c>
    </row>
    <row r="2941" spans="1:7" x14ac:dyDescent="0.25">
      <c r="A2941" t="s">
        <v>19</v>
      </c>
      <c r="B2941">
        <v>79584</v>
      </c>
      <c r="C2941">
        <v>15</v>
      </c>
      <c r="D2941" t="s">
        <v>24</v>
      </c>
      <c r="E2941">
        <v>0.55000000000000004</v>
      </c>
      <c r="F2941">
        <v>0.84</v>
      </c>
      <c r="G2941">
        <v>0.71</v>
      </c>
    </row>
    <row r="2942" spans="1:7" x14ac:dyDescent="0.25">
      <c r="A2942" t="s">
        <v>11</v>
      </c>
      <c r="B2942">
        <v>134065</v>
      </c>
      <c r="C2942">
        <v>29</v>
      </c>
      <c r="D2942" t="s">
        <v>10</v>
      </c>
      <c r="E2942">
        <v>0.33</v>
      </c>
      <c r="F2942">
        <v>0.93</v>
      </c>
      <c r="G2942">
        <v>0.76</v>
      </c>
    </row>
    <row r="2943" spans="1:7" x14ac:dyDescent="0.25">
      <c r="A2943" t="s">
        <v>28</v>
      </c>
      <c r="B2943">
        <v>61474</v>
      </c>
      <c r="C2943">
        <v>23</v>
      </c>
      <c r="D2943" t="s">
        <v>12</v>
      </c>
      <c r="E2943">
        <v>0.7</v>
      </c>
      <c r="F2943">
        <v>0.56000000000000005</v>
      </c>
      <c r="G2943">
        <v>0.42</v>
      </c>
    </row>
    <row r="2944" spans="1:7" x14ac:dyDescent="0.25">
      <c r="A2944" t="s">
        <v>11</v>
      </c>
      <c r="B2944">
        <v>101864</v>
      </c>
      <c r="C2944">
        <v>14</v>
      </c>
      <c r="D2944" t="s">
        <v>12</v>
      </c>
      <c r="E2944">
        <v>0.87</v>
      </c>
      <c r="F2944">
        <v>1.41</v>
      </c>
      <c r="G2944">
        <v>0.83</v>
      </c>
    </row>
    <row r="2945" spans="1:7" x14ac:dyDescent="0.25">
      <c r="A2945" t="s">
        <v>27</v>
      </c>
      <c r="B2945">
        <v>40496</v>
      </c>
      <c r="C2945">
        <v>28</v>
      </c>
      <c r="D2945" t="s">
        <v>10</v>
      </c>
      <c r="E2945">
        <v>0.86</v>
      </c>
      <c r="F2945">
        <v>1.19</v>
      </c>
      <c r="G2945">
        <v>0.75</v>
      </c>
    </row>
    <row r="2946" spans="1:7" x14ac:dyDescent="0.25">
      <c r="A2946" t="s">
        <v>9</v>
      </c>
      <c r="B2946">
        <v>45285</v>
      </c>
      <c r="C2946">
        <v>9</v>
      </c>
      <c r="D2946" t="s">
        <v>12</v>
      </c>
      <c r="E2946">
        <v>0.65</v>
      </c>
      <c r="F2946">
        <v>0.99</v>
      </c>
      <c r="G2946">
        <v>0.26</v>
      </c>
    </row>
    <row r="2947" spans="1:7" x14ac:dyDescent="0.25">
      <c r="A2947" t="s">
        <v>25</v>
      </c>
      <c r="B2947">
        <v>53929</v>
      </c>
      <c r="C2947">
        <v>23</v>
      </c>
      <c r="D2947" t="s">
        <v>10</v>
      </c>
      <c r="E2947">
        <v>0.97</v>
      </c>
      <c r="F2947">
        <v>1.47</v>
      </c>
      <c r="G2947">
        <v>0.93</v>
      </c>
    </row>
    <row r="2948" spans="1:7" x14ac:dyDescent="0.25">
      <c r="A2948" t="s">
        <v>16</v>
      </c>
      <c r="B2948">
        <v>90993</v>
      </c>
      <c r="C2948">
        <v>17</v>
      </c>
      <c r="D2948" t="s">
        <v>8</v>
      </c>
      <c r="E2948">
        <v>0.65</v>
      </c>
      <c r="F2948">
        <v>0.97</v>
      </c>
      <c r="G2948">
        <v>0.54</v>
      </c>
    </row>
    <row r="2949" spans="1:7" x14ac:dyDescent="0.25">
      <c r="A2949" t="s">
        <v>25</v>
      </c>
      <c r="B2949">
        <v>115059</v>
      </c>
      <c r="C2949">
        <v>3</v>
      </c>
      <c r="D2949" t="s">
        <v>8</v>
      </c>
      <c r="E2949">
        <v>0.76</v>
      </c>
      <c r="F2949">
        <v>0.51</v>
      </c>
      <c r="G2949">
        <v>0.94</v>
      </c>
    </row>
    <row r="2950" spans="1:7" x14ac:dyDescent="0.25">
      <c r="A2950" t="s">
        <v>27</v>
      </c>
      <c r="B2950">
        <v>84853</v>
      </c>
      <c r="C2950">
        <v>25</v>
      </c>
      <c r="D2950" t="s">
        <v>24</v>
      </c>
      <c r="E2950">
        <v>0.47</v>
      </c>
      <c r="F2950">
        <v>0.73</v>
      </c>
      <c r="G2950">
        <v>0.78</v>
      </c>
    </row>
    <row r="2951" spans="1:7" x14ac:dyDescent="0.25">
      <c r="A2951" t="s">
        <v>20</v>
      </c>
      <c r="B2951">
        <v>84566</v>
      </c>
      <c r="C2951">
        <v>25</v>
      </c>
      <c r="D2951" t="s">
        <v>24</v>
      </c>
      <c r="E2951">
        <v>0.68</v>
      </c>
      <c r="F2951">
        <v>1.04</v>
      </c>
      <c r="G2951">
        <v>0.31</v>
      </c>
    </row>
    <row r="2952" spans="1:7" x14ac:dyDescent="0.25">
      <c r="A2952" t="s">
        <v>20</v>
      </c>
      <c r="B2952">
        <v>89930</v>
      </c>
      <c r="C2952">
        <v>19</v>
      </c>
      <c r="D2952" t="s">
        <v>24</v>
      </c>
      <c r="E2952">
        <v>0.12</v>
      </c>
      <c r="F2952">
        <v>1.35</v>
      </c>
      <c r="G2952">
        <v>0.64</v>
      </c>
    </row>
    <row r="2953" spans="1:7" x14ac:dyDescent="0.25">
      <c r="A2953" t="s">
        <v>9</v>
      </c>
      <c r="B2953">
        <v>75357</v>
      </c>
      <c r="C2953">
        <v>9</v>
      </c>
      <c r="D2953" t="s">
        <v>10</v>
      </c>
      <c r="E2953">
        <v>0.33</v>
      </c>
      <c r="F2953">
        <v>0.95</v>
      </c>
      <c r="G2953">
        <v>0.3</v>
      </c>
    </row>
    <row r="2954" spans="1:7" x14ac:dyDescent="0.25">
      <c r="A2954" t="s">
        <v>11</v>
      </c>
      <c r="B2954">
        <v>102730</v>
      </c>
      <c r="C2954">
        <v>21</v>
      </c>
      <c r="D2954" t="s">
        <v>10</v>
      </c>
      <c r="E2954">
        <v>0.38</v>
      </c>
      <c r="F2954">
        <v>0.74</v>
      </c>
      <c r="G2954">
        <v>0.7</v>
      </c>
    </row>
    <row r="2955" spans="1:7" x14ac:dyDescent="0.25">
      <c r="A2955" t="s">
        <v>19</v>
      </c>
      <c r="B2955">
        <v>73200</v>
      </c>
      <c r="C2955">
        <v>1</v>
      </c>
      <c r="D2955" t="s">
        <v>8</v>
      </c>
      <c r="E2955">
        <v>0.64</v>
      </c>
      <c r="F2955">
        <v>1.2</v>
      </c>
      <c r="G2955">
        <v>0.93</v>
      </c>
    </row>
    <row r="2956" spans="1:7" x14ac:dyDescent="0.25">
      <c r="A2956" t="s">
        <v>20</v>
      </c>
      <c r="B2956">
        <v>84887</v>
      </c>
      <c r="C2956">
        <v>26</v>
      </c>
      <c r="D2956" t="s">
        <v>24</v>
      </c>
      <c r="E2956">
        <v>0.32</v>
      </c>
      <c r="F2956">
        <v>0.92</v>
      </c>
      <c r="G2956">
        <v>0.67</v>
      </c>
    </row>
    <row r="2957" spans="1:7" x14ac:dyDescent="0.25">
      <c r="A2957" t="s">
        <v>29</v>
      </c>
      <c r="B2957">
        <v>34008</v>
      </c>
      <c r="C2957">
        <v>18</v>
      </c>
      <c r="D2957" t="s">
        <v>12</v>
      </c>
      <c r="E2957">
        <v>0.85</v>
      </c>
      <c r="F2957">
        <v>0.91</v>
      </c>
      <c r="G2957">
        <v>0.25</v>
      </c>
    </row>
    <row r="2958" spans="1:7" x14ac:dyDescent="0.25">
      <c r="A2958" t="s">
        <v>23</v>
      </c>
      <c r="B2958">
        <v>138321</v>
      </c>
      <c r="C2958">
        <v>8</v>
      </c>
      <c r="D2958" t="s">
        <v>10</v>
      </c>
      <c r="E2958">
        <v>0.54</v>
      </c>
      <c r="F2958">
        <v>1.04</v>
      </c>
      <c r="G2958">
        <v>0.39</v>
      </c>
    </row>
    <row r="2959" spans="1:7" x14ac:dyDescent="0.25">
      <c r="A2959" t="s">
        <v>23</v>
      </c>
      <c r="B2959">
        <v>105328</v>
      </c>
      <c r="C2959">
        <v>5</v>
      </c>
      <c r="D2959" t="s">
        <v>12</v>
      </c>
      <c r="E2959">
        <v>0.86</v>
      </c>
      <c r="F2959">
        <v>0.9</v>
      </c>
      <c r="G2959">
        <v>0.55000000000000004</v>
      </c>
    </row>
    <row r="2960" spans="1:7" x14ac:dyDescent="0.25">
      <c r="A2960" t="s">
        <v>17</v>
      </c>
      <c r="B2960">
        <v>105755</v>
      </c>
      <c r="C2960">
        <v>27</v>
      </c>
      <c r="D2960" t="s">
        <v>12</v>
      </c>
      <c r="E2960">
        <v>0.37</v>
      </c>
      <c r="F2960">
        <v>0.84</v>
      </c>
      <c r="G2960">
        <v>0.3</v>
      </c>
    </row>
    <row r="2961" spans="1:7" x14ac:dyDescent="0.25">
      <c r="A2961" t="s">
        <v>18</v>
      </c>
      <c r="B2961">
        <v>42430</v>
      </c>
      <c r="C2961">
        <v>28</v>
      </c>
      <c r="D2961" t="s">
        <v>8</v>
      </c>
      <c r="E2961">
        <v>0.77</v>
      </c>
      <c r="F2961">
        <v>0.65</v>
      </c>
      <c r="G2961">
        <v>0.69</v>
      </c>
    </row>
    <row r="2962" spans="1:7" x14ac:dyDescent="0.25">
      <c r="A2962" t="s">
        <v>16</v>
      </c>
      <c r="B2962">
        <v>67088</v>
      </c>
      <c r="C2962">
        <v>22</v>
      </c>
      <c r="D2962" t="s">
        <v>8</v>
      </c>
      <c r="E2962">
        <v>0.39</v>
      </c>
      <c r="F2962">
        <v>0.91</v>
      </c>
      <c r="G2962">
        <v>0.56999999999999995</v>
      </c>
    </row>
    <row r="2963" spans="1:7" x14ac:dyDescent="0.25">
      <c r="A2963" t="s">
        <v>16</v>
      </c>
      <c r="B2963">
        <v>31312</v>
      </c>
      <c r="C2963">
        <v>9</v>
      </c>
      <c r="D2963" t="s">
        <v>8</v>
      </c>
      <c r="E2963">
        <v>0.91</v>
      </c>
      <c r="F2963">
        <v>1.29</v>
      </c>
      <c r="G2963">
        <v>0.31</v>
      </c>
    </row>
    <row r="2964" spans="1:7" x14ac:dyDescent="0.25">
      <c r="A2964" t="s">
        <v>19</v>
      </c>
      <c r="B2964">
        <v>33914</v>
      </c>
      <c r="C2964">
        <v>10</v>
      </c>
      <c r="D2964" t="s">
        <v>24</v>
      </c>
      <c r="E2964">
        <v>0.87</v>
      </c>
      <c r="F2964">
        <v>1.48</v>
      </c>
      <c r="G2964">
        <v>0.82</v>
      </c>
    </row>
    <row r="2965" spans="1:7" x14ac:dyDescent="0.25">
      <c r="A2965" t="s">
        <v>22</v>
      </c>
      <c r="B2965">
        <v>74181</v>
      </c>
      <c r="C2965">
        <v>21</v>
      </c>
      <c r="D2965" t="s">
        <v>8</v>
      </c>
      <c r="E2965">
        <v>0.76</v>
      </c>
      <c r="F2965">
        <v>0.52</v>
      </c>
      <c r="G2965">
        <v>0.45</v>
      </c>
    </row>
    <row r="2966" spans="1:7" x14ac:dyDescent="0.25">
      <c r="A2966" t="s">
        <v>22</v>
      </c>
      <c r="B2966">
        <v>72734</v>
      </c>
      <c r="C2966">
        <v>1</v>
      </c>
      <c r="D2966" t="s">
        <v>10</v>
      </c>
      <c r="E2966">
        <v>0.31</v>
      </c>
      <c r="F2966">
        <v>0.5</v>
      </c>
      <c r="G2966">
        <v>0.43</v>
      </c>
    </row>
    <row r="2967" spans="1:7" x14ac:dyDescent="0.25">
      <c r="A2967" t="s">
        <v>20</v>
      </c>
      <c r="B2967">
        <v>59319</v>
      </c>
      <c r="C2967">
        <v>26</v>
      </c>
      <c r="D2967" t="s">
        <v>8</v>
      </c>
      <c r="E2967">
        <v>0.13</v>
      </c>
      <c r="F2967">
        <v>1.1000000000000001</v>
      </c>
      <c r="G2967">
        <v>0.68</v>
      </c>
    </row>
    <row r="2968" spans="1:7" x14ac:dyDescent="0.25">
      <c r="A2968" t="s">
        <v>26</v>
      </c>
      <c r="B2968">
        <v>108806</v>
      </c>
      <c r="C2968">
        <v>16</v>
      </c>
      <c r="D2968" t="s">
        <v>12</v>
      </c>
      <c r="E2968">
        <v>0.36</v>
      </c>
      <c r="F2968">
        <v>0.54</v>
      </c>
      <c r="G2968">
        <v>0.1</v>
      </c>
    </row>
    <row r="2969" spans="1:7" x14ac:dyDescent="0.25">
      <c r="A2969" t="s">
        <v>23</v>
      </c>
      <c r="B2969">
        <v>110296</v>
      </c>
      <c r="C2969">
        <v>28</v>
      </c>
      <c r="D2969" t="s">
        <v>24</v>
      </c>
      <c r="E2969">
        <v>0.94</v>
      </c>
      <c r="F2969">
        <v>0.52</v>
      </c>
      <c r="G2969">
        <v>0.6</v>
      </c>
    </row>
    <row r="2970" spans="1:7" x14ac:dyDescent="0.25">
      <c r="A2970" t="s">
        <v>11</v>
      </c>
      <c r="B2970">
        <v>140979</v>
      </c>
      <c r="C2970">
        <v>22</v>
      </c>
      <c r="D2970" t="s">
        <v>10</v>
      </c>
      <c r="E2970">
        <v>0.31</v>
      </c>
      <c r="F2970">
        <v>1.04</v>
      </c>
      <c r="G2970">
        <v>0.75</v>
      </c>
    </row>
    <row r="2971" spans="1:7" x14ac:dyDescent="0.25">
      <c r="A2971" t="s">
        <v>9</v>
      </c>
      <c r="B2971">
        <v>147083</v>
      </c>
      <c r="C2971">
        <v>9</v>
      </c>
      <c r="D2971" t="s">
        <v>10</v>
      </c>
      <c r="E2971">
        <v>0.54</v>
      </c>
      <c r="F2971">
        <v>1.4</v>
      </c>
      <c r="G2971">
        <v>0.2</v>
      </c>
    </row>
    <row r="2972" spans="1:7" x14ac:dyDescent="0.25">
      <c r="A2972" t="s">
        <v>13</v>
      </c>
      <c r="B2972">
        <v>120236</v>
      </c>
      <c r="C2972">
        <v>7</v>
      </c>
      <c r="D2972" t="s">
        <v>8</v>
      </c>
      <c r="E2972">
        <v>0.89</v>
      </c>
      <c r="F2972">
        <v>0.83</v>
      </c>
      <c r="G2972">
        <v>0.55000000000000004</v>
      </c>
    </row>
    <row r="2973" spans="1:7" x14ac:dyDescent="0.25">
      <c r="A2973" t="s">
        <v>22</v>
      </c>
      <c r="B2973">
        <v>89550</v>
      </c>
      <c r="C2973">
        <v>7</v>
      </c>
      <c r="D2973" t="s">
        <v>24</v>
      </c>
      <c r="E2973">
        <v>0.45</v>
      </c>
      <c r="F2973">
        <v>0.75</v>
      </c>
      <c r="G2973">
        <v>0.32</v>
      </c>
    </row>
    <row r="2974" spans="1:7" x14ac:dyDescent="0.25">
      <c r="A2974" t="s">
        <v>25</v>
      </c>
      <c r="B2974">
        <v>63867</v>
      </c>
      <c r="C2974">
        <v>27</v>
      </c>
      <c r="D2974" t="s">
        <v>24</v>
      </c>
      <c r="E2974">
        <v>0.75</v>
      </c>
      <c r="F2974">
        <v>1.1499999999999999</v>
      </c>
      <c r="G2974">
        <v>0.91</v>
      </c>
    </row>
    <row r="2975" spans="1:7" x14ac:dyDescent="0.25">
      <c r="A2975" t="s">
        <v>26</v>
      </c>
      <c r="B2975">
        <v>132922</v>
      </c>
      <c r="C2975">
        <v>3</v>
      </c>
      <c r="D2975" t="s">
        <v>24</v>
      </c>
      <c r="E2975">
        <v>0.81</v>
      </c>
      <c r="F2975">
        <v>1.39</v>
      </c>
      <c r="G2975">
        <v>0.28000000000000003</v>
      </c>
    </row>
    <row r="2976" spans="1:7" x14ac:dyDescent="0.25">
      <c r="A2976" t="s">
        <v>14</v>
      </c>
      <c r="B2976">
        <v>134242</v>
      </c>
      <c r="C2976">
        <v>0</v>
      </c>
      <c r="D2976" t="s">
        <v>12</v>
      </c>
      <c r="E2976">
        <v>0.89</v>
      </c>
      <c r="F2976">
        <v>0.65</v>
      </c>
      <c r="G2976">
        <v>0.6</v>
      </c>
    </row>
    <row r="2977" spans="1:7" x14ac:dyDescent="0.25">
      <c r="A2977" t="s">
        <v>20</v>
      </c>
      <c r="B2977">
        <v>72408</v>
      </c>
      <c r="C2977">
        <v>29</v>
      </c>
      <c r="D2977" t="s">
        <v>24</v>
      </c>
      <c r="E2977">
        <v>0.21</v>
      </c>
      <c r="F2977">
        <v>0.99</v>
      </c>
      <c r="G2977">
        <v>0.33</v>
      </c>
    </row>
    <row r="2978" spans="1:7" x14ac:dyDescent="0.25">
      <c r="A2978" t="s">
        <v>17</v>
      </c>
      <c r="B2978">
        <v>146199</v>
      </c>
      <c r="C2978">
        <v>26</v>
      </c>
      <c r="D2978" t="s">
        <v>8</v>
      </c>
      <c r="E2978">
        <v>0.28000000000000003</v>
      </c>
      <c r="F2978">
        <v>1.1599999999999999</v>
      </c>
      <c r="G2978">
        <v>0.2</v>
      </c>
    </row>
    <row r="2979" spans="1:7" x14ac:dyDescent="0.25">
      <c r="A2979" t="s">
        <v>28</v>
      </c>
      <c r="B2979">
        <v>122864</v>
      </c>
      <c r="C2979">
        <v>23</v>
      </c>
      <c r="D2979" t="s">
        <v>10</v>
      </c>
      <c r="E2979">
        <v>0.62</v>
      </c>
      <c r="F2979">
        <v>1.38</v>
      </c>
      <c r="G2979">
        <v>0.37</v>
      </c>
    </row>
    <row r="2980" spans="1:7" x14ac:dyDescent="0.25">
      <c r="A2980" t="s">
        <v>17</v>
      </c>
      <c r="B2980">
        <v>63791</v>
      </c>
      <c r="C2980">
        <v>21</v>
      </c>
      <c r="D2980" t="s">
        <v>24</v>
      </c>
      <c r="E2980">
        <v>0.19</v>
      </c>
      <c r="F2980">
        <v>0.65</v>
      </c>
      <c r="G2980">
        <v>0.1</v>
      </c>
    </row>
    <row r="2981" spans="1:7" x14ac:dyDescent="0.25">
      <c r="A2981" t="s">
        <v>19</v>
      </c>
      <c r="B2981">
        <v>70840</v>
      </c>
      <c r="C2981">
        <v>17</v>
      </c>
      <c r="D2981" t="s">
        <v>8</v>
      </c>
      <c r="E2981">
        <v>0.6</v>
      </c>
      <c r="F2981">
        <v>0.93</v>
      </c>
      <c r="G2981">
        <v>0.72</v>
      </c>
    </row>
    <row r="2982" spans="1:7" x14ac:dyDescent="0.25">
      <c r="A2982" t="s">
        <v>26</v>
      </c>
      <c r="B2982">
        <v>87796</v>
      </c>
      <c r="C2982">
        <v>27</v>
      </c>
      <c r="D2982" t="s">
        <v>12</v>
      </c>
      <c r="E2982">
        <v>0.7</v>
      </c>
      <c r="F2982">
        <v>1.0900000000000001</v>
      </c>
      <c r="G2982">
        <v>0.15</v>
      </c>
    </row>
    <row r="2983" spans="1:7" x14ac:dyDescent="0.25">
      <c r="A2983" t="s">
        <v>15</v>
      </c>
      <c r="B2983">
        <v>126747</v>
      </c>
      <c r="C2983">
        <v>12</v>
      </c>
      <c r="D2983" t="s">
        <v>24</v>
      </c>
      <c r="E2983">
        <v>0.11</v>
      </c>
      <c r="F2983">
        <v>1.32</v>
      </c>
      <c r="G2983">
        <v>0.12</v>
      </c>
    </row>
    <row r="2984" spans="1:7" x14ac:dyDescent="0.25">
      <c r="A2984" t="s">
        <v>27</v>
      </c>
      <c r="B2984">
        <v>126409</v>
      </c>
      <c r="C2984">
        <v>17</v>
      </c>
      <c r="D2984" t="s">
        <v>8</v>
      </c>
      <c r="E2984">
        <v>0.16</v>
      </c>
      <c r="F2984">
        <v>1.22</v>
      </c>
      <c r="G2984">
        <v>0.75</v>
      </c>
    </row>
    <row r="2985" spans="1:7" x14ac:dyDescent="0.25">
      <c r="A2985" t="s">
        <v>18</v>
      </c>
      <c r="B2985">
        <v>60740</v>
      </c>
      <c r="C2985">
        <v>16</v>
      </c>
      <c r="D2985" t="s">
        <v>10</v>
      </c>
      <c r="E2985">
        <v>0.53</v>
      </c>
      <c r="F2985">
        <v>1.43</v>
      </c>
      <c r="G2985">
        <v>0.32</v>
      </c>
    </row>
    <row r="2986" spans="1:7" x14ac:dyDescent="0.25">
      <c r="A2986" t="s">
        <v>9</v>
      </c>
      <c r="B2986">
        <v>108275</v>
      </c>
      <c r="C2986">
        <v>22</v>
      </c>
      <c r="D2986" t="s">
        <v>12</v>
      </c>
      <c r="E2986">
        <v>0.56000000000000005</v>
      </c>
      <c r="F2986">
        <v>0.87</v>
      </c>
      <c r="G2986">
        <v>0.1</v>
      </c>
    </row>
    <row r="2987" spans="1:7" x14ac:dyDescent="0.25">
      <c r="A2987" t="s">
        <v>25</v>
      </c>
      <c r="B2987">
        <v>32570</v>
      </c>
      <c r="C2987">
        <v>7</v>
      </c>
      <c r="D2987" t="s">
        <v>24</v>
      </c>
      <c r="E2987">
        <v>0.38</v>
      </c>
      <c r="F2987">
        <v>0.67</v>
      </c>
      <c r="G2987">
        <v>0.76</v>
      </c>
    </row>
    <row r="2988" spans="1:7" x14ac:dyDescent="0.25">
      <c r="A2988" t="s">
        <v>25</v>
      </c>
      <c r="B2988">
        <v>80258</v>
      </c>
      <c r="C2988">
        <v>12</v>
      </c>
      <c r="D2988" t="s">
        <v>24</v>
      </c>
      <c r="E2988">
        <v>0.2</v>
      </c>
      <c r="F2988">
        <v>0.91</v>
      </c>
      <c r="G2988">
        <v>0.88</v>
      </c>
    </row>
    <row r="2989" spans="1:7" x14ac:dyDescent="0.25">
      <c r="A2989" t="s">
        <v>22</v>
      </c>
      <c r="B2989">
        <v>34970</v>
      </c>
      <c r="C2989">
        <v>6</v>
      </c>
      <c r="D2989" t="s">
        <v>24</v>
      </c>
      <c r="E2989">
        <v>0.91</v>
      </c>
      <c r="F2989">
        <v>0.99</v>
      </c>
      <c r="G2989">
        <v>0.67</v>
      </c>
    </row>
    <row r="2990" spans="1:7" x14ac:dyDescent="0.25">
      <c r="A2990" t="s">
        <v>7</v>
      </c>
      <c r="B2990">
        <v>35973</v>
      </c>
      <c r="C2990">
        <v>3</v>
      </c>
      <c r="D2990" t="s">
        <v>12</v>
      </c>
      <c r="E2990">
        <v>0.5</v>
      </c>
      <c r="F2990">
        <v>1.45</v>
      </c>
      <c r="G2990">
        <v>0.84</v>
      </c>
    </row>
    <row r="2991" spans="1:7" x14ac:dyDescent="0.25">
      <c r="A2991" t="s">
        <v>18</v>
      </c>
      <c r="B2991">
        <v>101126</v>
      </c>
      <c r="C2991">
        <v>5</v>
      </c>
      <c r="D2991" t="s">
        <v>12</v>
      </c>
      <c r="E2991">
        <v>0.68</v>
      </c>
      <c r="F2991">
        <v>0.55000000000000004</v>
      </c>
      <c r="G2991">
        <v>0.4</v>
      </c>
    </row>
    <row r="2992" spans="1:7" x14ac:dyDescent="0.25">
      <c r="A2992" t="s">
        <v>22</v>
      </c>
      <c r="B2992">
        <v>123686</v>
      </c>
      <c r="C2992">
        <v>7</v>
      </c>
      <c r="D2992" t="s">
        <v>24</v>
      </c>
      <c r="E2992">
        <v>0.85</v>
      </c>
      <c r="F2992">
        <v>0.9</v>
      </c>
      <c r="G2992">
        <v>0.7</v>
      </c>
    </row>
    <row r="2993" spans="1:7" x14ac:dyDescent="0.25">
      <c r="A2993" t="s">
        <v>14</v>
      </c>
      <c r="B2993">
        <v>39421</v>
      </c>
      <c r="C2993">
        <v>10</v>
      </c>
      <c r="D2993" t="s">
        <v>8</v>
      </c>
      <c r="E2993">
        <v>0.85</v>
      </c>
      <c r="F2993">
        <v>0.91</v>
      </c>
      <c r="G2993">
        <v>0.52</v>
      </c>
    </row>
    <row r="2994" spans="1:7" x14ac:dyDescent="0.25">
      <c r="A2994" t="s">
        <v>27</v>
      </c>
      <c r="B2994">
        <v>119894</v>
      </c>
      <c r="C2994">
        <v>13</v>
      </c>
      <c r="D2994" t="s">
        <v>24</v>
      </c>
      <c r="E2994">
        <v>0.26</v>
      </c>
      <c r="F2994">
        <v>1.17</v>
      </c>
      <c r="G2994">
        <v>0.73</v>
      </c>
    </row>
    <row r="2995" spans="1:7" x14ac:dyDescent="0.25">
      <c r="A2995" t="s">
        <v>15</v>
      </c>
      <c r="B2995">
        <v>78448</v>
      </c>
      <c r="C2995">
        <v>25</v>
      </c>
      <c r="D2995" t="s">
        <v>12</v>
      </c>
      <c r="E2995">
        <v>0.27</v>
      </c>
      <c r="F2995">
        <v>0.57999999999999996</v>
      </c>
      <c r="G2995">
        <v>0.28000000000000003</v>
      </c>
    </row>
    <row r="2996" spans="1:7" x14ac:dyDescent="0.25">
      <c r="A2996" t="s">
        <v>16</v>
      </c>
      <c r="B2996">
        <v>86686</v>
      </c>
      <c r="C2996">
        <v>18</v>
      </c>
      <c r="D2996" t="s">
        <v>12</v>
      </c>
      <c r="E2996">
        <v>0.91</v>
      </c>
      <c r="F2996">
        <v>0.83</v>
      </c>
      <c r="G2996">
        <v>0.47</v>
      </c>
    </row>
    <row r="2997" spans="1:7" x14ac:dyDescent="0.25">
      <c r="A2997" t="s">
        <v>26</v>
      </c>
      <c r="B2997">
        <v>111319</v>
      </c>
      <c r="C2997">
        <v>6</v>
      </c>
      <c r="D2997" t="s">
        <v>24</v>
      </c>
      <c r="E2997">
        <v>0.24</v>
      </c>
      <c r="F2997">
        <v>1.18</v>
      </c>
      <c r="G2997">
        <v>0.2</v>
      </c>
    </row>
    <row r="2998" spans="1:7" x14ac:dyDescent="0.25">
      <c r="A2998" t="s">
        <v>20</v>
      </c>
      <c r="B2998">
        <v>44363</v>
      </c>
      <c r="C2998">
        <v>29</v>
      </c>
      <c r="D2998" t="s">
        <v>10</v>
      </c>
      <c r="E2998">
        <v>0.65</v>
      </c>
      <c r="F2998">
        <v>0.74</v>
      </c>
      <c r="G2998">
        <v>0.35</v>
      </c>
    </row>
    <row r="2999" spans="1:7" x14ac:dyDescent="0.25">
      <c r="A2999" t="s">
        <v>22</v>
      </c>
      <c r="B2999">
        <v>61325</v>
      </c>
      <c r="C2999">
        <v>23</v>
      </c>
      <c r="D2999" t="s">
        <v>8</v>
      </c>
      <c r="E2999">
        <v>0.64</v>
      </c>
      <c r="F2999">
        <v>0.94</v>
      </c>
      <c r="G2999">
        <v>0.39</v>
      </c>
    </row>
    <row r="3000" spans="1:7" x14ac:dyDescent="0.25">
      <c r="A3000" t="s">
        <v>23</v>
      </c>
      <c r="B3000">
        <v>110296</v>
      </c>
      <c r="C3000">
        <v>7</v>
      </c>
      <c r="D3000" t="s">
        <v>10</v>
      </c>
      <c r="E3000">
        <v>0.95</v>
      </c>
      <c r="F3000">
        <v>1.23</v>
      </c>
      <c r="G3000">
        <v>0.46</v>
      </c>
    </row>
    <row r="3001" spans="1:7" x14ac:dyDescent="0.25">
      <c r="A3001" t="s">
        <v>23</v>
      </c>
      <c r="B3001">
        <v>123909</v>
      </c>
      <c r="C3001">
        <v>25</v>
      </c>
      <c r="D3001" t="s">
        <v>10</v>
      </c>
      <c r="E3001">
        <v>0.69</v>
      </c>
      <c r="F3001">
        <v>0.56000000000000005</v>
      </c>
      <c r="G3001">
        <v>0.49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7132D5-6FB2-49F3-BB89-8BD68E410C8A}">
  <dimension ref="A1:H3001"/>
  <sheetViews>
    <sheetView workbookViewId="0">
      <selection activeCell="L40" sqref="L40"/>
    </sheetView>
  </sheetViews>
  <sheetFormatPr defaultRowHeight="15" x14ac:dyDescent="0.25"/>
  <sheetData>
    <row r="1" spans="1:8" x14ac:dyDescent="0.25">
      <c r="A1" t="s">
        <v>4</v>
      </c>
      <c r="B1" t="s">
        <v>5</v>
      </c>
      <c r="C1" t="s">
        <v>6</v>
      </c>
      <c r="G1" t="s">
        <v>33</v>
      </c>
      <c r="H1" t="s">
        <v>34</v>
      </c>
    </row>
    <row r="2" spans="1:8" x14ac:dyDescent="0.25">
      <c r="A2">
        <v>0</v>
      </c>
      <c r="B2">
        <v>0.61</v>
      </c>
      <c r="C2">
        <v>0.14000000000000001</v>
      </c>
      <c r="F2">
        <v>0</v>
      </c>
      <c r="G2">
        <f>AVERAGEIF($A:$A,$F2,B:B)</f>
        <v>1.0816666666666668</v>
      </c>
      <c r="H2">
        <f>AVERAGEIF($A:$A,$F2,C:C)</f>
        <v>0.42916666666666664</v>
      </c>
    </row>
    <row r="3" spans="1:8" x14ac:dyDescent="0.25">
      <c r="A3">
        <v>0</v>
      </c>
      <c r="B3">
        <v>0.74</v>
      </c>
      <c r="C3">
        <v>0.32</v>
      </c>
      <c r="F3">
        <v>0.01</v>
      </c>
      <c r="G3">
        <f t="shared" ref="G3:G66" si="0">AVERAGEIF($A:$A,$F3,B:B)</f>
        <v>1.048157894736842</v>
      </c>
      <c r="H3">
        <f t="shared" ref="H3:H66" si="1">AVERAGEIF($A:$A,$F3,C:C)</f>
        <v>0.54605263157894746</v>
      </c>
    </row>
    <row r="4" spans="1:8" x14ac:dyDescent="0.25">
      <c r="A4">
        <v>0</v>
      </c>
      <c r="B4">
        <v>0.84</v>
      </c>
      <c r="C4">
        <v>0.94</v>
      </c>
      <c r="F4">
        <v>0.02</v>
      </c>
      <c r="G4">
        <f t="shared" si="0"/>
        <v>0.97964285714285704</v>
      </c>
      <c r="H4">
        <f t="shared" si="1"/>
        <v>0.46785714285714292</v>
      </c>
    </row>
    <row r="5" spans="1:8" x14ac:dyDescent="0.25">
      <c r="A5">
        <v>0</v>
      </c>
      <c r="B5">
        <v>1.01</v>
      </c>
      <c r="C5">
        <v>0.06</v>
      </c>
      <c r="F5">
        <v>0.03</v>
      </c>
      <c r="G5">
        <f t="shared" si="0"/>
        <v>0.9624999999999998</v>
      </c>
      <c r="H5">
        <f t="shared" si="1"/>
        <v>0.57464285714285701</v>
      </c>
    </row>
    <row r="6" spans="1:8" x14ac:dyDescent="0.25">
      <c r="A6">
        <v>0</v>
      </c>
      <c r="B6">
        <v>1.05</v>
      </c>
      <c r="C6">
        <v>0.11</v>
      </c>
      <c r="F6">
        <v>0.04</v>
      </c>
      <c r="G6">
        <f t="shared" si="0"/>
        <v>1.0778571428571431</v>
      </c>
      <c r="H6">
        <f t="shared" si="1"/>
        <v>0.499642857142857</v>
      </c>
    </row>
    <row r="7" spans="1:8" x14ac:dyDescent="0.25">
      <c r="A7">
        <v>0</v>
      </c>
      <c r="B7">
        <v>1.1000000000000001</v>
      </c>
      <c r="C7">
        <v>0.48</v>
      </c>
      <c r="F7">
        <v>0.05</v>
      </c>
      <c r="G7">
        <f t="shared" si="0"/>
        <v>0.95346153846153858</v>
      </c>
      <c r="H7">
        <f t="shared" si="1"/>
        <v>0.44692307692307703</v>
      </c>
    </row>
    <row r="8" spans="1:8" x14ac:dyDescent="0.25">
      <c r="A8">
        <v>0</v>
      </c>
      <c r="B8">
        <v>1.1100000000000001</v>
      </c>
      <c r="C8">
        <v>0.55000000000000004</v>
      </c>
      <c r="F8">
        <v>0.06</v>
      </c>
      <c r="G8">
        <f t="shared" si="0"/>
        <v>0.97966666666666669</v>
      </c>
      <c r="H8">
        <f t="shared" si="1"/>
        <v>0.48099999999999998</v>
      </c>
    </row>
    <row r="9" spans="1:8" x14ac:dyDescent="0.25">
      <c r="A9">
        <v>0</v>
      </c>
      <c r="B9">
        <v>1.2</v>
      </c>
      <c r="C9">
        <v>0.52</v>
      </c>
      <c r="F9">
        <v>7.0000000000000007E-2</v>
      </c>
      <c r="G9">
        <f t="shared" si="0"/>
        <v>0.89300000000000013</v>
      </c>
      <c r="H9">
        <f t="shared" si="1"/>
        <v>0.4583333333333332</v>
      </c>
    </row>
    <row r="10" spans="1:8" x14ac:dyDescent="0.25">
      <c r="A10">
        <v>0</v>
      </c>
      <c r="B10">
        <v>1.21</v>
      </c>
      <c r="C10">
        <v>0.59</v>
      </c>
      <c r="F10">
        <v>0.08</v>
      </c>
      <c r="G10">
        <f t="shared" si="0"/>
        <v>0.93962962962962948</v>
      </c>
      <c r="H10">
        <f t="shared" si="1"/>
        <v>0.51777777777777789</v>
      </c>
    </row>
    <row r="11" spans="1:8" x14ac:dyDescent="0.25">
      <c r="A11">
        <v>0</v>
      </c>
      <c r="B11">
        <v>1.31</v>
      </c>
      <c r="C11">
        <v>0.74</v>
      </c>
      <c r="F11">
        <v>0.09</v>
      </c>
      <c r="G11">
        <f t="shared" si="0"/>
        <v>0.98111111111111104</v>
      </c>
      <c r="H11">
        <f t="shared" si="1"/>
        <v>0.46074074074074078</v>
      </c>
    </row>
    <row r="12" spans="1:8" x14ac:dyDescent="0.25">
      <c r="A12">
        <v>0</v>
      </c>
      <c r="B12">
        <v>1.37</v>
      </c>
      <c r="C12">
        <v>0.26</v>
      </c>
      <c r="F12">
        <v>0.1</v>
      </c>
      <c r="G12">
        <f t="shared" si="0"/>
        <v>0.99909090909090947</v>
      </c>
      <c r="H12">
        <f t="shared" si="1"/>
        <v>0.51030303030303026</v>
      </c>
    </row>
    <row r="13" spans="1:8" x14ac:dyDescent="0.25">
      <c r="A13">
        <v>0</v>
      </c>
      <c r="B13">
        <v>1.43</v>
      </c>
      <c r="C13">
        <v>0.44</v>
      </c>
      <c r="F13">
        <v>0.11</v>
      </c>
      <c r="G13">
        <f t="shared" si="0"/>
        <v>0.99740740740740741</v>
      </c>
      <c r="H13">
        <f t="shared" si="1"/>
        <v>0.47777777777777786</v>
      </c>
    </row>
    <row r="14" spans="1:8" x14ac:dyDescent="0.25">
      <c r="A14">
        <v>0.01</v>
      </c>
      <c r="B14">
        <v>0.51</v>
      </c>
      <c r="C14">
        <v>0.52</v>
      </c>
      <c r="F14">
        <v>0.12</v>
      </c>
      <c r="G14">
        <f t="shared" si="0"/>
        <v>0.95000000000000007</v>
      </c>
      <c r="H14">
        <f t="shared" si="1"/>
        <v>0.5375000000000002</v>
      </c>
    </row>
    <row r="15" spans="1:8" x14ac:dyDescent="0.25">
      <c r="A15">
        <v>0.01</v>
      </c>
      <c r="B15">
        <v>0.56000000000000005</v>
      </c>
      <c r="C15">
        <v>0.86</v>
      </c>
      <c r="F15">
        <v>0.13</v>
      </c>
      <c r="G15">
        <f t="shared" si="0"/>
        <v>1.04</v>
      </c>
      <c r="H15">
        <f t="shared" si="1"/>
        <v>0.53074074074074074</v>
      </c>
    </row>
    <row r="16" spans="1:8" x14ac:dyDescent="0.25">
      <c r="A16">
        <v>0.01</v>
      </c>
      <c r="B16">
        <v>0.6</v>
      </c>
      <c r="C16">
        <v>0.78</v>
      </c>
      <c r="F16">
        <v>0.14000000000000001</v>
      </c>
      <c r="G16">
        <f t="shared" si="0"/>
        <v>0.98740740740740751</v>
      </c>
      <c r="H16">
        <f t="shared" si="1"/>
        <v>0.50740740740740742</v>
      </c>
    </row>
    <row r="17" spans="1:8" x14ac:dyDescent="0.25">
      <c r="A17">
        <v>0.01</v>
      </c>
      <c r="B17">
        <v>0.68</v>
      </c>
      <c r="C17">
        <v>0.21</v>
      </c>
      <c r="F17">
        <v>0.15</v>
      </c>
      <c r="G17">
        <f t="shared" si="0"/>
        <v>0.96833333333333338</v>
      </c>
      <c r="H17">
        <f t="shared" si="1"/>
        <v>0.44875000000000004</v>
      </c>
    </row>
    <row r="18" spans="1:8" x14ac:dyDescent="0.25">
      <c r="A18">
        <v>0.01</v>
      </c>
      <c r="B18">
        <v>0.69</v>
      </c>
      <c r="C18">
        <v>0.34</v>
      </c>
      <c r="F18">
        <v>0.16</v>
      </c>
      <c r="G18">
        <f t="shared" si="0"/>
        <v>0.9511111111111108</v>
      </c>
      <c r="H18">
        <f t="shared" si="1"/>
        <v>0.53111111111111109</v>
      </c>
    </row>
    <row r="19" spans="1:8" x14ac:dyDescent="0.25">
      <c r="A19">
        <v>0.01</v>
      </c>
      <c r="B19">
        <v>0.72</v>
      </c>
      <c r="C19">
        <v>0.57999999999999996</v>
      </c>
      <c r="F19">
        <v>0.17</v>
      </c>
      <c r="G19">
        <f t="shared" si="0"/>
        <v>0.96312500000000001</v>
      </c>
      <c r="H19">
        <f t="shared" si="1"/>
        <v>0.54468749999999977</v>
      </c>
    </row>
    <row r="20" spans="1:8" x14ac:dyDescent="0.25">
      <c r="A20">
        <v>0.01</v>
      </c>
      <c r="B20">
        <v>0.72</v>
      </c>
      <c r="C20">
        <v>0.88</v>
      </c>
      <c r="F20">
        <v>0.18</v>
      </c>
      <c r="G20">
        <f t="shared" si="0"/>
        <v>1.0037500000000001</v>
      </c>
      <c r="H20">
        <f t="shared" si="1"/>
        <v>0.48375000000000001</v>
      </c>
    </row>
    <row r="21" spans="1:8" x14ac:dyDescent="0.25">
      <c r="A21">
        <v>0.01</v>
      </c>
      <c r="B21">
        <v>0.76</v>
      </c>
      <c r="C21">
        <v>0.49</v>
      </c>
      <c r="F21">
        <v>0.19</v>
      </c>
      <c r="G21">
        <f t="shared" si="0"/>
        <v>1.0247499999999996</v>
      </c>
      <c r="H21">
        <f t="shared" si="1"/>
        <v>0.47525000000000012</v>
      </c>
    </row>
    <row r="22" spans="1:8" x14ac:dyDescent="0.25">
      <c r="A22">
        <v>0.01</v>
      </c>
      <c r="B22">
        <v>0.76</v>
      </c>
      <c r="C22">
        <v>0.46</v>
      </c>
      <c r="F22">
        <v>0.2</v>
      </c>
      <c r="G22">
        <f t="shared" si="0"/>
        <v>0.94199999999999995</v>
      </c>
      <c r="H22">
        <f t="shared" si="1"/>
        <v>0.54433333333333345</v>
      </c>
    </row>
    <row r="23" spans="1:8" x14ac:dyDescent="0.25">
      <c r="A23">
        <v>0.01</v>
      </c>
      <c r="B23">
        <v>0.81</v>
      </c>
      <c r="C23">
        <v>0.72</v>
      </c>
      <c r="F23">
        <v>0.21</v>
      </c>
      <c r="G23">
        <f t="shared" si="0"/>
        <v>0.96</v>
      </c>
      <c r="H23">
        <f t="shared" si="1"/>
        <v>0.55880000000000007</v>
      </c>
    </row>
    <row r="24" spans="1:8" x14ac:dyDescent="0.25">
      <c r="A24">
        <v>0.01</v>
      </c>
      <c r="B24">
        <v>0.86</v>
      </c>
      <c r="C24">
        <v>0.54</v>
      </c>
      <c r="F24">
        <v>0.22</v>
      </c>
      <c r="G24">
        <f t="shared" si="0"/>
        <v>1.024444444444444</v>
      </c>
      <c r="H24">
        <f t="shared" si="1"/>
        <v>0.44888888888888878</v>
      </c>
    </row>
    <row r="25" spans="1:8" x14ac:dyDescent="0.25">
      <c r="A25">
        <v>0.01</v>
      </c>
      <c r="B25">
        <v>0.91</v>
      </c>
      <c r="C25">
        <v>0.11</v>
      </c>
      <c r="F25">
        <v>0.23</v>
      </c>
      <c r="G25">
        <f t="shared" si="0"/>
        <v>0.98631578947368437</v>
      </c>
      <c r="H25">
        <f t="shared" si="1"/>
        <v>0.37631578947368421</v>
      </c>
    </row>
    <row r="26" spans="1:8" x14ac:dyDescent="0.25">
      <c r="A26">
        <v>0.01</v>
      </c>
      <c r="B26">
        <v>0.91</v>
      </c>
      <c r="C26">
        <v>0.59</v>
      </c>
      <c r="F26">
        <v>0.24</v>
      </c>
      <c r="G26">
        <f t="shared" si="0"/>
        <v>0.98413793103448277</v>
      </c>
      <c r="H26">
        <f t="shared" si="1"/>
        <v>0.51620689655172414</v>
      </c>
    </row>
    <row r="27" spans="1:8" x14ac:dyDescent="0.25">
      <c r="A27">
        <v>0.01</v>
      </c>
      <c r="B27">
        <v>0.96</v>
      </c>
      <c r="C27">
        <v>0.06</v>
      </c>
      <c r="F27">
        <v>0.25</v>
      </c>
      <c r="G27">
        <f t="shared" si="0"/>
        <v>0.94607142857142856</v>
      </c>
      <c r="H27">
        <f t="shared" si="1"/>
        <v>0.48571428571428571</v>
      </c>
    </row>
    <row r="28" spans="1:8" x14ac:dyDescent="0.25">
      <c r="A28">
        <v>0.01</v>
      </c>
      <c r="B28">
        <v>0.98</v>
      </c>
      <c r="C28">
        <v>0.35</v>
      </c>
      <c r="F28">
        <v>0.26</v>
      </c>
      <c r="G28">
        <f t="shared" si="0"/>
        <v>0.99466666666666681</v>
      </c>
      <c r="H28">
        <f t="shared" si="1"/>
        <v>0.48233333333333334</v>
      </c>
    </row>
    <row r="29" spans="1:8" x14ac:dyDescent="0.25">
      <c r="A29">
        <v>0.01</v>
      </c>
      <c r="B29">
        <v>1.01</v>
      </c>
      <c r="C29">
        <v>0.8</v>
      </c>
      <c r="F29">
        <v>0.27</v>
      </c>
      <c r="G29">
        <f t="shared" si="0"/>
        <v>0.93799999999999994</v>
      </c>
      <c r="H29">
        <f t="shared" si="1"/>
        <v>0.51719999999999999</v>
      </c>
    </row>
    <row r="30" spans="1:8" x14ac:dyDescent="0.25">
      <c r="A30">
        <v>0.01</v>
      </c>
      <c r="B30">
        <v>1.03</v>
      </c>
      <c r="C30">
        <v>0.39</v>
      </c>
      <c r="F30">
        <v>0.28000000000000003</v>
      </c>
      <c r="G30">
        <f t="shared" si="0"/>
        <v>1.004375</v>
      </c>
      <c r="H30">
        <f t="shared" si="1"/>
        <v>0.50156250000000013</v>
      </c>
    </row>
    <row r="31" spans="1:8" x14ac:dyDescent="0.25">
      <c r="A31">
        <v>0.01</v>
      </c>
      <c r="B31">
        <v>1.03</v>
      </c>
      <c r="C31">
        <v>0.68</v>
      </c>
      <c r="F31">
        <v>0.28999999999999998</v>
      </c>
      <c r="G31">
        <f t="shared" si="0"/>
        <v>0.9396296296296297</v>
      </c>
      <c r="H31">
        <f t="shared" si="1"/>
        <v>0.36000000000000004</v>
      </c>
    </row>
    <row r="32" spans="1:8" x14ac:dyDescent="0.25">
      <c r="A32">
        <v>0.01</v>
      </c>
      <c r="B32">
        <v>1.05</v>
      </c>
      <c r="C32">
        <v>0.5</v>
      </c>
      <c r="F32">
        <v>0.3</v>
      </c>
      <c r="G32">
        <f t="shared" si="0"/>
        <v>0.96399999999999986</v>
      </c>
      <c r="H32">
        <f t="shared" si="1"/>
        <v>0.57633333333333348</v>
      </c>
    </row>
    <row r="33" spans="1:8" x14ac:dyDescent="0.25">
      <c r="A33">
        <v>0.01</v>
      </c>
      <c r="B33">
        <v>1.07</v>
      </c>
      <c r="C33">
        <v>0.55000000000000004</v>
      </c>
      <c r="F33">
        <v>0.31</v>
      </c>
      <c r="G33">
        <f t="shared" si="0"/>
        <v>0.97611111111111137</v>
      </c>
      <c r="H33">
        <f t="shared" si="1"/>
        <v>0.55166666666666653</v>
      </c>
    </row>
    <row r="34" spans="1:8" x14ac:dyDescent="0.25">
      <c r="A34">
        <v>0.01</v>
      </c>
      <c r="B34">
        <v>1.1000000000000001</v>
      </c>
      <c r="C34">
        <v>0.56000000000000005</v>
      </c>
      <c r="F34">
        <v>0.32</v>
      </c>
      <c r="G34">
        <f t="shared" si="0"/>
        <v>1.0367567567567568</v>
      </c>
      <c r="H34">
        <f t="shared" si="1"/>
        <v>0.49702702702702706</v>
      </c>
    </row>
    <row r="35" spans="1:8" x14ac:dyDescent="0.25">
      <c r="A35">
        <v>0.01</v>
      </c>
      <c r="B35">
        <v>1.1299999999999999</v>
      </c>
      <c r="C35">
        <v>0.55000000000000004</v>
      </c>
      <c r="F35">
        <v>0.33</v>
      </c>
      <c r="G35">
        <f t="shared" si="0"/>
        <v>1.022941176470588</v>
      </c>
      <c r="H35">
        <f t="shared" si="1"/>
        <v>0.57617647058823518</v>
      </c>
    </row>
    <row r="36" spans="1:8" x14ac:dyDescent="0.25">
      <c r="A36">
        <v>0.01</v>
      </c>
      <c r="B36">
        <v>1.1599999999999999</v>
      </c>
      <c r="C36">
        <v>0.79</v>
      </c>
      <c r="F36">
        <v>0.34</v>
      </c>
      <c r="G36">
        <f t="shared" si="0"/>
        <v>1.0021428571428572</v>
      </c>
      <c r="H36">
        <f t="shared" si="1"/>
        <v>0.41071428571428559</v>
      </c>
    </row>
    <row r="37" spans="1:8" x14ac:dyDescent="0.25">
      <c r="A37">
        <v>0.01</v>
      </c>
      <c r="B37">
        <v>1.2</v>
      </c>
      <c r="C37">
        <v>0.11</v>
      </c>
      <c r="F37">
        <v>0.35</v>
      </c>
      <c r="G37">
        <f t="shared" si="0"/>
        <v>1.036875</v>
      </c>
      <c r="H37">
        <f t="shared" si="1"/>
        <v>0.46218749999999997</v>
      </c>
    </row>
    <row r="38" spans="1:8" x14ac:dyDescent="0.25">
      <c r="A38">
        <v>0.01</v>
      </c>
      <c r="B38">
        <v>1.22</v>
      </c>
      <c r="C38">
        <v>0.52</v>
      </c>
      <c r="F38">
        <v>0.36</v>
      </c>
      <c r="G38">
        <f t="shared" si="0"/>
        <v>0.98277777777777786</v>
      </c>
      <c r="H38">
        <f t="shared" si="1"/>
        <v>0.57166666666666677</v>
      </c>
    </row>
    <row r="39" spans="1:8" x14ac:dyDescent="0.25">
      <c r="A39">
        <v>0.01</v>
      </c>
      <c r="B39">
        <v>1.23</v>
      </c>
      <c r="C39">
        <v>0.73</v>
      </c>
      <c r="F39">
        <v>0.37</v>
      </c>
      <c r="G39">
        <f t="shared" si="0"/>
        <v>1.0077777777777777</v>
      </c>
      <c r="H39">
        <f t="shared" si="1"/>
        <v>0.51388888888888884</v>
      </c>
    </row>
    <row r="40" spans="1:8" x14ac:dyDescent="0.25">
      <c r="A40">
        <v>0.01</v>
      </c>
      <c r="B40">
        <v>1.24</v>
      </c>
      <c r="C40">
        <v>0.59</v>
      </c>
      <c r="F40">
        <v>0.38</v>
      </c>
      <c r="G40">
        <f t="shared" si="0"/>
        <v>0.95133333333333325</v>
      </c>
      <c r="H40">
        <f t="shared" si="1"/>
        <v>0.52666666666666673</v>
      </c>
    </row>
    <row r="41" spans="1:8" x14ac:dyDescent="0.25">
      <c r="A41">
        <v>0.01</v>
      </c>
      <c r="B41">
        <v>1.24</v>
      </c>
      <c r="C41">
        <v>0.77</v>
      </c>
      <c r="F41">
        <v>0.39</v>
      </c>
      <c r="G41">
        <f t="shared" si="0"/>
        <v>0.96656249999999988</v>
      </c>
      <c r="H41">
        <f t="shared" si="1"/>
        <v>0.46749999999999986</v>
      </c>
    </row>
    <row r="42" spans="1:8" x14ac:dyDescent="0.25">
      <c r="A42">
        <v>0.01</v>
      </c>
      <c r="B42">
        <v>1.26</v>
      </c>
      <c r="C42">
        <v>0.55000000000000004</v>
      </c>
      <c r="F42">
        <v>0.4</v>
      </c>
      <c r="G42">
        <f t="shared" si="0"/>
        <v>1.0887999999999998</v>
      </c>
      <c r="H42">
        <f t="shared" si="1"/>
        <v>0.54680000000000006</v>
      </c>
    </row>
    <row r="43" spans="1:8" x14ac:dyDescent="0.25">
      <c r="A43">
        <v>0.01</v>
      </c>
      <c r="B43">
        <v>1.27</v>
      </c>
      <c r="C43">
        <v>0.55000000000000004</v>
      </c>
      <c r="F43">
        <v>0.41</v>
      </c>
      <c r="G43">
        <f t="shared" si="0"/>
        <v>0.90742857142857158</v>
      </c>
      <c r="H43">
        <f t="shared" si="1"/>
        <v>0.49942857142857155</v>
      </c>
    </row>
    <row r="44" spans="1:8" x14ac:dyDescent="0.25">
      <c r="A44">
        <v>0.01</v>
      </c>
      <c r="B44">
        <v>1.28</v>
      </c>
      <c r="C44">
        <v>0.82</v>
      </c>
      <c r="F44">
        <v>0.42</v>
      </c>
      <c r="G44">
        <f t="shared" si="0"/>
        <v>1.0531999999999999</v>
      </c>
      <c r="H44">
        <f t="shared" si="1"/>
        <v>0.44920000000000004</v>
      </c>
    </row>
    <row r="45" spans="1:8" x14ac:dyDescent="0.25">
      <c r="A45">
        <v>0.01</v>
      </c>
      <c r="B45">
        <v>1.28</v>
      </c>
      <c r="C45">
        <v>0.63</v>
      </c>
      <c r="F45">
        <v>0.43</v>
      </c>
      <c r="G45">
        <f t="shared" si="0"/>
        <v>0.96926829268292669</v>
      </c>
      <c r="H45">
        <f t="shared" si="1"/>
        <v>0.45999999999999996</v>
      </c>
    </row>
    <row r="46" spans="1:8" x14ac:dyDescent="0.25">
      <c r="A46">
        <v>0.01</v>
      </c>
      <c r="B46">
        <v>1.35</v>
      </c>
      <c r="C46">
        <v>0.23</v>
      </c>
      <c r="F46">
        <v>0.44</v>
      </c>
      <c r="G46">
        <f t="shared" si="0"/>
        <v>1.0999999999999999</v>
      </c>
      <c r="H46">
        <f t="shared" si="1"/>
        <v>0.473448275862069</v>
      </c>
    </row>
    <row r="47" spans="1:8" x14ac:dyDescent="0.25">
      <c r="A47">
        <v>0.01</v>
      </c>
      <c r="B47">
        <v>1.37</v>
      </c>
      <c r="C47">
        <v>0.81</v>
      </c>
      <c r="F47">
        <v>0.45</v>
      </c>
      <c r="G47">
        <f t="shared" si="0"/>
        <v>1.0521739130434782</v>
      </c>
      <c r="H47">
        <f t="shared" si="1"/>
        <v>0.51956521739130435</v>
      </c>
    </row>
    <row r="48" spans="1:8" x14ac:dyDescent="0.25">
      <c r="A48">
        <v>0.01</v>
      </c>
      <c r="B48">
        <v>1.41</v>
      </c>
      <c r="C48">
        <v>0.5</v>
      </c>
      <c r="F48">
        <v>0.46</v>
      </c>
      <c r="G48">
        <f t="shared" si="0"/>
        <v>1.0228205128205128</v>
      </c>
      <c r="H48">
        <f t="shared" si="1"/>
        <v>0.45974358974358975</v>
      </c>
    </row>
    <row r="49" spans="1:8" x14ac:dyDescent="0.25">
      <c r="A49">
        <v>0.01</v>
      </c>
      <c r="B49">
        <v>1.49</v>
      </c>
      <c r="C49">
        <v>0.56999999999999995</v>
      </c>
      <c r="F49">
        <v>0.47</v>
      </c>
      <c r="G49">
        <f t="shared" si="0"/>
        <v>0.9607894736842103</v>
      </c>
      <c r="H49">
        <f t="shared" si="1"/>
        <v>0.51526315789473698</v>
      </c>
    </row>
    <row r="50" spans="1:8" x14ac:dyDescent="0.25">
      <c r="A50">
        <v>0.01</v>
      </c>
      <c r="B50">
        <v>1.49</v>
      </c>
      <c r="C50">
        <v>0.37</v>
      </c>
      <c r="F50">
        <v>0.48</v>
      </c>
      <c r="G50">
        <f t="shared" si="0"/>
        <v>0.9643750000000002</v>
      </c>
      <c r="H50">
        <f t="shared" si="1"/>
        <v>0.49281249999999999</v>
      </c>
    </row>
    <row r="51" spans="1:8" x14ac:dyDescent="0.25">
      <c r="A51">
        <v>0.01</v>
      </c>
      <c r="B51">
        <v>1.49</v>
      </c>
      <c r="C51">
        <v>0.69</v>
      </c>
      <c r="F51">
        <v>0.49</v>
      </c>
      <c r="G51">
        <f t="shared" si="0"/>
        <v>1.0596153846153844</v>
      </c>
      <c r="H51">
        <f t="shared" si="1"/>
        <v>0.59230769230769231</v>
      </c>
    </row>
    <row r="52" spans="1:8" x14ac:dyDescent="0.25">
      <c r="A52">
        <v>0.02</v>
      </c>
      <c r="B52">
        <v>0.53</v>
      </c>
      <c r="C52">
        <v>0.56999999999999995</v>
      </c>
      <c r="F52">
        <v>0.5</v>
      </c>
      <c r="G52">
        <f t="shared" si="0"/>
        <v>0.95531250000000001</v>
      </c>
      <c r="H52">
        <f t="shared" si="1"/>
        <v>0.546875</v>
      </c>
    </row>
    <row r="53" spans="1:8" x14ac:dyDescent="0.25">
      <c r="A53">
        <v>0.02</v>
      </c>
      <c r="B53">
        <v>0.53</v>
      </c>
      <c r="C53">
        <v>0.17</v>
      </c>
      <c r="F53">
        <v>0.51</v>
      </c>
      <c r="G53">
        <f t="shared" si="0"/>
        <v>0.97906249999999995</v>
      </c>
      <c r="H53">
        <f t="shared" si="1"/>
        <v>0.48062500000000008</v>
      </c>
    </row>
    <row r="54" spans="1:8" x14ac:dyDescent="0.25">
      <c r="A54">
        <v>0.02</v>
      </c>
      <c r="B54">
        <v>0.56000000000000005</v>
      </c>
      <c r="C54">
        <v>0.08</v>
      </c>
      <c r="F54">
        <v>0.52</v>
      </c>
      <c r="G54">
        <f t="shared" si="0"/>
        <v>0.99343749999999997</v>
      </c>
      <c r="H54">
        <f t="shared" si="1"/>
        <v>0.45531250000000006</v>
      </c>
    </row>
    <row r="55" spans="1:8" x14ac:dyDescent="0.25">
      <c r="A55">
        <v>0.02</v>
      </c>
      <c r="B55">
        <v>0.62</v>
      </c>
      <c r="C55">
        <v>0.36</v>
      </c>
      <c r="F55">
        <v>0.53</v>
      </c>
      <c r="G55">
        <f t="shared" si="0"/>
        <v>0.96270270270270297</v>
      </c>
      <c r="H55">
        <f t="shared" si="1"/>
        <v>0.47810810810810805</v>
      </c>
    </row>
    <row r="56" spans="1:8" x14ac:dyDescent="0.25">
      <c r="A56">
        <v>0.02</v>
      </c>
      <c r="B56">
        <v>0.65</v>
      </c>
      <c r="C56">
        <v>0.14000000000000001</v>
      </c>
      <c r="F56">
        <v>0.54</v>
      </c>
      <c r="G56">
        <f t="shared" si="0"/>
        <v>1.0884848484848486</v>
      </c>
      <c r="H56">
        <f t="shared" si="1"/>
        <v>0.41818181818181815</v>
      </c>
    </row>
    <row r="57" spans="1:8" x14ac:dyDescent="0.25">
      <c r="A57">
        <v>0.02</v>
      </c>
      <c r="B57">
        <v>0.67</v>
      </c>
      <c r="C57">
        <v>0.2</v>
      </c>
      <c r="F57">
        <v>0.55000000000000004</v>
      </c>
      <c r="G57">
        <f t="shared" si="0"/>
        <v>0.98250000000000015</v>
      </c>
      <c r="H57">
        <f t="shared" si="1"/>
        <v>0.5724999999999999</v>
      </c>
    </row>
    <row r="58" spans="1:8" x14ac:dyDescent="0.25">
      <c r="A58">
        <v>0.02</v>
      </c>
      <c r="B58">
        <v>0.7</v>
      </c>
      <c r="C58">
        <v>0.8</v>
      </c>
      <c r="F58">
        <v>0.56000000000000005</v>
      </c>
      <c r="G58">
        <f t="shared" si="0"/>
        <v>0.96176470588235285</v>
      </c>
      <c r="H58">
        <f t="shared" si="1"/>
        <v>0.49323529411764705</v>
      </c>
    </row>
    <row r="59" spans="1:8" x14ac:dyDescent="0.25">
      <c r="A59">
        <v>0.02</v>
      </c>
      <c r="B59">
        <v>0.72</v>
      </c>
      <c r="C59">
        <v>0.2</v>
      </c>
      <c r="F59">
        <v>0.56999999999999995</v>
      </c>
      <c r="G59">
        <f t="shared" si="0"/>
        <v>1.1296296296296295</v>
      </c>
      <c r="H59">
        <f t="shared" si="1"/>
        <v>0.56148148148148147</v>
      </c>
    </row>
    <row r="60" spans="1:8" x14ac:dyDescent="0.25">
      <c r="A60">
        <v>0.02</v>
      </c>
      <c r="B60">
        <v>0.74</v>
      </c>
      <c r="C60">
        <v>0.62</v>
      </c>
      <c r="F60">
        <v>0.57999999999999996</v>
      </c>
      <c r="G60">
        <f t="shared" si="0"/>
        <v>0.96903225806451598</v>
      </c>
      <c r="H60">
        <f t="shared" si="1"/>
        <v>0.50354838709677419</v>
      </c>
    </row>
    <row r="61" spans="1:8" x14ac:dyDescent="0.25">
      <c r="A61">
        <v>0.02</v>
      </c>
      <c r="B61">
        <v>0.79</v>
      </c>
      <c r="C61">
        <v>0.81</v>
      </c>
      <c r="F61">
        <v>0.59</v>
      </c>
      <c r="G61">
        <f t="shared" si="0"/>
        <v>0.98071428571428554</v>
      </c>
      <c r="H61">
        <f t="shared" si="1"/>
        <v>0.49428571428571427</v>
      </c>
    </row>
    <row r="62" spans="1:8" x14ac:dyDescent="0.25">
      <c r="A62">
        <v>0.02</v>
      </c>
      <c r="B62">
        <v>0.81</v>
      </c>
      <c r="C62">
        <v>0.35</v>
      </c>
      <c r="F62">
        <v>0.6</v>
      </c>
      <c r="G62">
        <f t="shared" si="0"/>
        <v>1.0238709677419355</v>
      </c>
      <c r="H62">
        <f t="shared" si="1"/>
        <v>0.48387096774193555</v>
      </c>
    </row>
    <row r="63" spans="1:8" x14ac:dyDescent="0.25">
      <c r="A63">
        <v>0.02</v>
      </c>
      <c r="B63">
        <v>0.89</v>
      </c>
      <c r="C63">
        <v>0.38</v>
      </c>
      <c r="F63">
        <v>0.61</v>
      </c>
      <c r="G63">
        <f t="shared" si="0"/>
        <v>1.0525806451612902</v>
      </c>
      <c r="H63">
        <f t="shared" si="1"/>
        <v>0.53322580645161266</v>
      </c>
    </row>
    <row r="64" spans="1:8" x14ac:dyDescent="0.25">
      <c r="A64">
        <v>0.02</v>
      </c>
      <c r="B64">
        <v>0.92</v>
      </c>
      <c r="C64">
        <v>0.87</v>
      </c>
      <c r="F64">
        <v>0.62</v>
      </c>
      <c r="G64">
        <f t="shared" si="0"/>
        <v>1.0146875</v>
      </c>
      <c r="H64">
        <f t="shared" si="1"/>
        <v>0.44531250000000006</v>
      </c>
    </row>
    <row r="65" spans="1:8" x14ac:dyDescent="0.25">
      <c r="A65">
        <v>0.02</v>
      </c>
      <c r="B65">
        <v>0.97</v>
      </c>
      <c r="C65">
        <v>0.61</v>
      </c>
      <c r="F65">
        <v>0.63</v>
      </c>
      <c r="G65">
        <f t="shared" si="0"/>
        <v>1.0124137931034483</v>
      </c>
      <c r="H65">
        <f t="shared" si="1"/>
        <v>0.5237931034482759</v>
      </c>
    </row>
    <row r="66" spans="1:8" x14ac:dyDescent="0.25">
      <c r="A66">
        <v>0.02</v>
      </c>
      <c r="B66">
        <v>1.06</v>
      </c>
      <c r="C66">
        <v>0.44</v>
      </c>
      <c r="F66">
        <v>0.64</v>
      </c>
      <c r="G66">
        <f t="shared" si="0"/>
        <v>0.95447368421052636</v>
      </c>
      <c r="H66">
        <f t="shared" si="1"/>
        <v>0.46684210526315795</v>
      </c>
    </row>
    <row r="67" spans="1:8" x14ac:dyDescent="0.25">
      <c r="A67">
        <v>0.02</v>
      </c>
      <c r="B67">
        <v>1.08</v>
      </c>
      <c r="C67">
        <v>0.26</v>
      </c>
      <c r="F67">
        <v>0.65</v>
      </c>
      <c r="G67">
        <f t="shared" ref="G67:G102" si="2">AVERAGEIF($A:$A,$F67,B:B)</f>
        <v>0.99162790697674408</v>
      </c>
      <c r="H67">
        <f t="shared" ref="H67:H102" si="3">AVERAGEIF($A:$A,$F67,C:C)</f>
        <v>0.51790697674418606</v>
      </c>
    </row>
    <row r="68" spans="1:8" x14ac:dyDescent="0.25">
      <c r="A68">
        <v>0.02</v>
      </c>
      <c r="B68">
        <v>1.0900000000000001</v>
      </c>
      <c r="C68">
        <v>0.27</v>
      </c>
      <c r="F68">
        <v>0.66</v>
      </c>
      <c r="G68">
        <f t="shared" si="2"/>
        <v>0.96482758620689679</v>
      </c>
      <c r="H68">
        <f t="shared" si="3"/>
        <v>0.46000000000000008</v>
      </c>
    </row>
    <row r="69" spans="1:8" x14ac:dyDescent="0.25">
      <c r="A69">
        <v>0.02</v>
      </c>
      <c r="B69">
        <v>1.1100000000000001</v>
      </c>
      <c r="C69">
        <v>0.63</v>
      </c>
      <c r="F69">
        <v>0.67</v>
      </c>
      <c r="G69">
        <f t="shared" si="2"/>
        <v>1.019090909090909</v>
      </c>
      <c r="H69">
        <f t="shared" si="3"/>
        <v>0.50393939393939391</v>
      </c>
    </row>
    <row r="70" spans="1:8" x14ac:dyDescent="0.25">
      <c r="A70">
        <v>0.02</v>
      </c>
      <c r="B70">
        <v>1.1299999999999999</v>
      </c>
      <c r="C70">
        <v>0.54</v>
      </c>
      <c r="F70">
        <v>0.68</v>
      </c>
      <c r="G70">
        <f t="shared" si="2"/>
        <v>0.93513513513513502</v>
      </c>
      <c r="H70">
        <f t="shared" si="3"/>
        <v>0.49891891891891893</v>
      </c>
    </row>
    <row r="71" spans="1:8" x14ac:dyDescent="0.25">
      <c r="A71">
        <v>0.02</v>
      </c>
      <c r="B71">
        <v>1.17</v>
      </c>
      <c r="C71">
        <v>0.54</v>
      </c>
      <c r="F71">
        <v>0.69</v>
      </c>
      <c r="G71">
        <f t="shared" si="2"/>
        <v>1.05</v>
      </c>
      <c r="H71">
        <f t="shared" si="3"/>
        <v>0.5099999999999999</v>
      </c>
    </row>
    <row r="72" spans="1:8" x14ac:dyDescent="0.25">
      <c r="A72">
        <v>0.02</v>
      </c>
      <c r="B72">
        <v>1.24</v>
      </c>
      <c r="C72">
        <v>0.75</v>
      </c>
      <c r="F72">
        <v>0.7</v>
      </c>
      <c r="G72">
        <f t="shared" si="2"/>
        <v>0.85666666666666658</v>
      </c>
      <c r="H72">
        <f t="shared" si="3"/>
        <v>0.44874999999999998</v>
      </c>
    </row>
    <row r="73" spans="1:8" x14ac:dyDescent="0.25">
      <c r="A73">
        <v>0.02</v>
      </c>
      <c r="B73">
        <v>1.27</v>
      </c>
      <c r="C73">
        <v>0.73</v>
      </c>
      <c r="F73">
        <v>0.71</v>
      </c>
      <c r="G73">
        <f t="shared" si="2"/>
        <v>1.0833333333333333</v>
      </c>
      <c r="H73">
        <f t="shared" si="3"/>
        <v>0.5294444444444445</v>
      </c>
    </row>
    <row r="74" spans="1:8" x14ac:dyDescent="0.25">
      <c r="A74">
        <v>0.02</v>
      </c>
      <c r="B74">
        <v>1.27</v>
      </c>
      <c r="C74">
        <v>0.4</v>
      </c>
      <c r="F74">
        <v>0.72</v>
      </c>
      <c r="G74">
        <f t="shared" si="2"/>
        <v>0.99583333333333346</v>
      </c>
      <c r="H74">
        <f t="shared" si="3"/>
        <v>0.39083333333333337</v>
      </c>
    </row>
    <row r="75" spans="1:8" x14ac:dyDescent="0.25">
      <c r="A75">
        <v>0.02</v>
      </c>
      <c r="B75">
        <v>1.29</v>
      </c>
      <c r="C75">
        <v>0.3</v>
      </c>
      <c r="F75">
        <v>0.73</v>
      </c>
      <c r="G75">
        <f t="shared" si="2"/>
        <v>1.1225000000000001</v>
      </c>
      <c r="H75">
        <f t="shared" si="3"/>
        <v>0.54374999999999984</v>
      </c>
    </row>
    <row r="76" spans="1:8" x14ac:dyDescent="0.25">
      <c r="A76">
        <v>0.02</v>
      </c>
      <c r="B76">
        <v>1.34</v>
      </c>
      <c r="C76">
        <v>0.94</v>
      </c>
      <c r="F76">
        <v>0.74</v>
      </c>
      <c r="G76">
        <f t="shared" si="2"/>
        <v>0.95437500000000008</v>
      </c>
      <c r="H76">
        <f t="shared" si="3"/>
        <v>0.51406249999999998</v>
      </c>
    </row>
    <row r="77" spans="1:8" x14ac:dyDescent="0.25">
      <c r="A77">
        <v>0.02</v>
      </c>
      <c r="B77">
        <v>1.4</v>
      </c>
      <c r="C77">
        <v>0.38</v>
      </c>
      <c r="F77">
        <v>0.75</v>
      </c>
      <c r="G77">
        <f t="shared" si="2"/>
        <v>1.0725</v>
      </c>
      <c r="H77">
        <f t="shared" si="3"/>
        <v>0.52950000000000008</v>
      </c>
    </row>
    <row r="78" spans="1:8" x14ac:dyDescent="0.25">
      <c r="A78">
        <v>0.02</v>
      </c>
      <c r="B78">
        <v>1.43</v>
      </c>
      <c r="C78">
        <v>0.62</v>
      </c>
      <c r="F78">
        <v>0.76</v>
      </c>
      <c r="G78">
        <f t="shared" si="2"/>
        <v>0.96333333333333315</v>
      </c>
      <c r="H78">
        <f t="shared" si="3"/>
        <v>0.5377777777777778</v>
      </c>
    </row>
    <row r="79" spans="1:8" x14ac:dyDescent="0.25">
      <c r="A79">
        <v>0.02</v>
      </c>
      <c r="B79">
        <v>1.45</v>
      </c>
      <c r="C79">
        <v>0.14000000000000001</v>
      </c>
      <c r="F79">
        <v>0.77</v>
      </c>
      <c r="G79">
        <f t="shared" si="2"/>
        <v>1.0144444444444443</v>
      </c>
      <c r="H79">
        <f t="shared" si="3"/>
        <v>0.51249999999999996</v>
      </c>
    </row>
    <row r="80" spans="1:8" x14ac:dyDescent="0.25">
      <c r="A80">
        <v>0.03</v>
      </c>
      <c r="B80">
        <v>0.5</v>
      </c>
      <c r="C80">
        <v>0.77</v>
      </c>
      <c r="F80">
        <v>0.78</v>
      </c>
      <c r="G80">
        <f t="shared" si="2"/>
        <v>1.0665714285714287</v>
      </c>
      <c r="H80">
        <f t="shared" si="3"/>
        <v>0.56885714285714284</v>
      </c>
    </row>
    <row r="81" spans="1:8" x14ac:dyDescent="0.25">
      <c r="A81">
        <v>0.03</v>
      </c>
      <c r="B81">
        <v>0.54</v>
      </c>
      <c r="C81">
        <v>0.81</v>
      </c>
      <c r="F81">
        <v>0.79</v>
      </c>
      <c r="G81">
        <f t="shared" si="2"/>
        <v>0.9939393939393939</v>
      </c>
      <c r="H81">
        <f t="shared" si="3"/>
        <v>0.50909090909090904</v>
      </c>
    </row>
    <row r="82" spans="1:8" x14ac:dyDescent="0.25">
      <c r="A82">
        <v>0.03</v>
      </c>
      <c r="B82">
        <v>0.56999999999999995</v>
      </c>
      <c r="C82">
        <v>0.8</v>
      </c>
      <c r="F82">
        <v>0.8</v>
      </c>
      <c r="G82">
        <f t="shared" si="2"/>
        <v>0.98612903225806425</v>
      </c>
      <c r="H82">
        <f t="shared" si="3"/>
        <v>0.47322580645161288</v>
      </c>
    </row>
    <row r="83" spans="1:8" x14ac:dyDescent="0.25">
      <c r="A83">
        <v>0.03</v>
      </c>
      <c r="B83">
        <v>0.61</v>
      </c>
      <c r="C83">
        <v>0.16</v>
      </c>
      <c r="F83">
        <v>0.81</v>
      </c>
      <c r="G83">
        <f t="shared" si="2"/>
        <v>0.95961538461538454</v>
      </c>
      <c r="H83">
        <f t="shared" si="3"/>
        <v>0.55730769230769228</v>
      </c>
    </row>
    <row r="84" spans="1:8" x14ac:dyDescent="0.25">
      <c r="A84">
        <v>0.03</v>
      </c>
      <c r="B84">
        <v>0.66</v>
      </c>
      <c r="C84">
        <v>0.59</v>
      </c>
      <c r="F84">
        <v>0.82</v>
      </c>
      <c r="G84">
        <f t="shared" si="2"/>
        <v>1.0597058823529413</v>
      </c>
      <c r="H84">
        <f t="shared" si="3"/>
        <v>0.54352941176470582</v>
      </c>
    </row>
    <row r="85" spans="1:8" x14ac:dyDescent="0.25">
      <c r="A85">
        <v>0.03</v>
      </c>
      <c r="B85">
        <v>0.72</v>
      </c>
      <c r="C85">
        <v>0.45</v>
      </c>
      <c r="F85">
        <v>0.83</v>
      </c>
      <c r="G85">
        <f t="shared" si="2"/>
        <v>0.96285714285714286</v>
      </c>
      <c r="H85">
        <f t="shared" si="3"/>
        <v>0.49333333333333329</v>
      </c>
    </row>
    <row r="86" spans="1:8" x14ac:dyDescent="0.25">
      <c r="A86">
        <v>0.03</v>
      </c>
      <c r="B86">
        <v>0.72</v>
      </c>
      <c r="C86">
        <v>0.23</v>
      </c>
      <c r="F86">
        <v>0.84</v>
      </c>
      <c r="G86">
        <f t="shared" si="2"/>
        <v>0.90227272727272734</v>
      </c>
      <c r="H86">
        <f t="shared" si="3"/>
        <v>0.48181818181818181</v>
      </c>
    </row>
    <row r="87" spans="1:8" x14ac:dyDescent="0.25">
      <c r="A87">
        <v>0.03</v>
      </c>
      <c r="B87">
        <v>0.79</v>
      </c>
      <c r="C87">
        <v>0.44</v>
      </c>
      <c r="F87">
        <v>0.85</v>
      </c>
      <c r="G87">
        <f t="shared" si="2"/>
        <v>0.87531250000000016</v>
      </c>
      <c r="H87">
        <f t="shared" si="3"/>
        <v>0.50187499999999996</v>
      </c>
    </row>
    <row r="88" spans="1:8" x14ac:dyDescent="0.25">
      <c r="A88">
        <v>0.03</v>
      </c>
      <c r="B88">
        <v>0.82</v>
      </c>
      <c r="C88">
        <v>0.62</v>
      </c>
      <c r="F88">
        <v>0.86</v>
      </c>
      <c r="G88">
        <f t="shared" si="2"/>
        <v>0.96687499999999993</v>
      </c>
      <c r="H88">
        <f t="shared" si="3"/>
        <v>0.46375000000000005</v>
      </c>
    </row>
    <row r="89" spans="1:8" x14ac:dyDescent="0.25">
      <c r="A89">
        <v>0.03</v>
      </c>
      <c r="B89">
        <v>0.84</v>
      </c>
      <c r="C89">
        <v>0.69</v>
      </c>
      <c r="F89">
        <v>0.87</v>
      </c>
      <c r="G89">
        <f t="shared" si="2"/>
        <v>1.063333333333333</v>
      </c>
      <c r="H89">
        <f t="shared" si="3"/>
        <v>0.57527777777777755</v>
      </c>
    </row>
    <row r="90" spans="1:8" x14ac:dyDescent="0.25">
      <c r="A90">
        <v>0.03</v>
      </c>
      <c r="B90">
        <v>0.84</v>
      </c>
      <c r="C90">
        <v>0.85</v>
      </c>
      <c r="F90">
        <v>0.88</v>
      </c>
      <c r="G90">
        <f t="shared" si="2"/>
        <v>1.0657142857142856</v>
      </c>
      <c r="H90">
        <f t="shared" si="3"/>
        <v>0.46904761904761905</v>
      </c>
    </row>
    <row r="91" spans="1:8" x14ac:dyDescent="0.25">
      <c r="A91">
        <v>0.03</v>
      </c>
      <c r="B91">
        <v>0.86</v>
      </c>
      <c r="C91">
        <v>0.6</v>
      </c>
      <c r="F91">
        <v>0.89</v>
      </c>
      <c r="G91">
        <f t="shared" si="2"/>
        <v>0.95533333333333348</v>
      </c>
      <c r="H91">
        <f t="shared" si="3"/>
        <v>0.41466666666666679</v>
      </c>
    </row>
    <row r="92" spans="1:8" x14ac:dyDescent="0.25">
      <c r="A92">
        <v>0.03</v>
      </c>
      <c r="B92">
        <v>0.87</v>
      </c>
      <c r="C92">
        <v>0.71</v>
      </c>
      <c r="F92">
        <v>0.9</v>
      </c>
      <c r="G92">
        <f t="shared" si="2"/>
        <v>1.0057575757575759</v>
      </c>
      <c r="H92">
        <f t="shared" si="3"/>
        <v>0.55727272727272703</v>
      </c>
    </row>
    <row r="93" spans="1:8" x14ac:dyDescent="0.25">
      <c r="A93">
        <v>0.03</v>
      </c>
      <c r="B93">
        <v>0.9</v>
      </c>
      <c r="C93">
        <v>0.85</v>
      </c>
      <c r="F93">
        <v>0.91</v>
      </c>
      <c r="G93">
        <f t="shared" si="2"/>
        <v>0.95617647058823518</v>
      </c>
      <c r="H93">
        <f t="shared" si="3"/>
        <v>0.48235294117647054</v>
      </c>
    </row>
    <row r="94" spans="1:8" x14ac:dyDescent="0.25">
      <c r="A94">
        <v>0.03</v>
      </c>
      <c r="B94">
        <v>0.95</v>
      </c>
      <c r="C94">
        <v>0.52</v>
      </c>
      <c r="F94">
        <v>0.92</v>
      </c>
      <c r="G94">
        <f t="shared" si="2"/>
        <v>1.0191176470588235</v>
      </c>
      <c r="H94">
        <f t="shared" si="3"/>
        <v>0.53647058823529414</v>
      </c>
    </row>
    <row r="95" spans="1:8" x14ac:dyDescent="0.25">
      <c r="A95">
        <v>0.03</v>
      </c>
      <c r="B95">
        <v>1</v>
      </c>
      <c r="C95">
        <v>0.33</v>
      </c>
      <c r="F95">
        <v>0.93</v>
      </c>
      <c r="G95">
        <f t="shared" si="2"/>
        <v>0.96529411764705886</v>
      </c>
      <c r="H95">
        <f t="shared" si="3"/>
        <v>0.53117647058823536</v>
      </c>
    </row>
    <row r="96" spans="1:8" x14ac:dyDescent="0.25">
      <c r="A96">
        <v>0.03</v>
      </c>
      <c r="B96">
        <v>1.03</v>
      </c>
      <c r="C96">
        <v>0.56999999999999995</v>
      </c>
      <c r="F96">
        <v>0.94</v>
      </c>
      <c r="G96">
        <f t="shared" si="2"/>
        <v>1.1292592592592594</v>
      </c>
      <c r="H96">
        <f t="shared" si="3"/>
        <v>0.51703703703703707</v>
      </c>
    </row>
    <row r="97" spans="1:8" x14ac:dyDescent="0.25">
      <c r="A97">
        <v>0.03</v>
      </c>
      <c r="B97">
        <v>1.04</v>
      </c>
      <c r="C97">
        <v>0.93</v>
      </c>
      <c r="F97">
        <v>0.95</v>
      </c>
      <c r="G97">
        <f t="shared" si="2"/>
        <v>0.99068965517241392</v>
      </c>
      <c r="H97">
        <f t="shared" si="3"/>
        <v>0.52068965517241383</v>
      </c>
    </row>
    <row r="98" spans="1:8" x14ac:dyDescent="0.25">
      <c r="A98">
        <v>0.03</v>
      </c>
      <c r="B98">
        <v>1.08</v>
      </c>
      <c r="C98">
        <v>0.2</v>
      </c>
      <c r="F98">
        <v>0.96</v>
      </c>
      <c r="G98">
        <f t="shared" si="2"/>
        <v>0.92428571428571449</v>
      </c>
      <c r="H98">
        <f t="shared" si="3"/>
        <v>0.3828571428571429</v>
      </c>
    </row>
    <row r="99" spans="1:8" x14ac:dyDescent="0.25">
      <c r="A99">
        <v>0.03</v>
      </c>
      <c r="B99">
        <v>1.0900000000000001</v>
      </c>
      <c r="C99">
        <v>0.12</v>
      </c>
      <c r="F99">
        <v>0.97</v>
      </c>
      <c r="G99">
        <f t="shared" si="2"/>
        <v>1.0628571428571429</v>
      </c>
      <c r="H99">
        <f t="shared" si="3"/>
        <v>0.57607142857142857</v>
      </c>
    </row>
    <row r="100" spans="1:8" x14ac:dyDescent="0.25">
      <c r="A100">
        <v>0.03</v>
      </c>
      <c r="B100">
        <v>1.0900000000000001</v>
      </c>
      <c r="C100">
        <v>0.68</v>
      </c>
      <c r="F100">
        <v>0.98</v>
      </c>
      <c r="G100">
        <f t="shared" si="2"/>
        <v>0.96642857142857141</v>
      </c>
      <c r="H100">
        <f t="shared" si="3"/>
        <v>0.49964285714285717</v>
      </c>
    </row>
    <row r="101" spans="1:8" x14ac:dyDescent="0.25">
      <c r="A101">
        <v>0.03</v>
      </c>
      <c r="B101">
        <v>1.1399999999999999</v>
      </c>
      <c r="C101">
        <v>0.12</v>
      </c>
      <c r="F101">
        <v>0.99</v>
      </c>
      <c r="G101">
        <f t="shared" si="2"/>
        <v>1.0419999999999998</v>
      </c>
      <c r="H101">
        <f t="shared" si="3"/>
        <v>0.48759999999999992</v>
      </c>
    </row>
    <row r="102" spans="1:8" x14ac:dyDescent="0.25">
      <c r="A102">
        <v>0.03</v>
      </c>
      <c r="B102">
        <v>1.3</v>
      </c>
      <c r="C102">
        <v>0.46</v>
      </c>
      <c r="F102">
        <v>1</v>
      </c>
      <c r="G102">
        <f t="shared" si="2"/>
        <v>0.95642857142857152</v>
      </c>
      <c r="H102">
        <f t="shared" si="3"/>
        <v>0.53642857142857148</v>
      </c>
    </row>
    <row r="103" spans="1:8" x14ac:dyDescent="0.25">
      <c r="A103">
        <v>0.03</v>
      </c>
      <c r="B103">
        <v>1.32</v>
      </c>
      <c r="C103">
        <v>0.77</v>
      </c>
    </row>
    <row r="104" spans="1:8" x14ac:dyDescent="0.25">
      <c r="A104">
        <v>0.03</v>
      </c>
      <c r="B104">
        <v>1.33</v>
      </c>
      <c r="C104">
        <v>0.79</v>
      </c>
    </row>
    <row r="105" spans="1:8" x14ac:dyDescent="0.25">
      <c r="A105">
        <v>0.03</v>
      </c>
      <c r="B105">
        <v>1.4</v>
      </c>
      <c r="C105">
        <v>0.86</v>
      </c>
    </row>
    <row r="106" spans="1:8" x14ac:dyDescent="0.25">
      <c r="A106">
        <v>0.03</v>
      </c>
      <c r="B106">
        <v>1.47</v>
      </c>
      <c r="C106">
        <v>0.61</v>
      </c>
    </row>
    <row r="107" spans="1:8" x14ac:dyDescent="0.25">
      <c r="A107">
        <v>0.03</v>
      </c>
      <c r="B107">
        <v>1.47</v>
      </c>
      <c r="C107">
        <v>0.56000000000000005</v>
      </c>
    </row>
    <row r="108" spans="1:8" x14ac:dyDescent="0.25">
      <c r="A108">
        <v>0.04</v>
      </c>
      <c r="B108">
        <v>0.69</v>
      </c>
      <c r="C108">
        <v>0.52</v>
      </c>
    </row>
    <row r="109" spans="1:8" x14ac:dyDescent="0.25">
      <c r="A109">
        <v>0.04</v>
      </c>
      <c r="B109">
        <v>0.7</v>
      </c>
      <c r="C109">
        <v>0.56000000000000005</v>
      </c>
    </row>
    <row r="110" spans="1:8" x14ac:dyDescent="0.25">
      <c r="A110">
        <v>0.04</v>
      </c>
      <c r="B110">
        <v>0.72</v>
      </c>
      <c r="C110">
        <v>0.66</v>
      </c>
    </row>
    <row r="111" spans="1:8" x14ac:dyDescent="0.25">
      <c r="A111">
        <v>0.04</v>
      </c>
      <c r="B111">
        <v>0.78</v>
      </c>
      <c r="C111">
        <v>0.74</v>
      </c>
    </row>
    <row r="112" spans="1:8" x14ac:dyDescent="0.25">
      <c r="A112">
        <v>0.04</v>
      </c>
      <c r="B112">
        <v>0.79</v>
      </c>
      <c r="C112">
        <v>0.25</v>
      </c>
    </row>
    <row r="113" spans="1:3" x14ac:dyDescent="0.25">
      <c r="A113">
        <v>0.04</v>
      </c>
      <c r="B113">
        <v>0.82</v>
      </c>
      <c r="C113">
        <v>0.84</v>
      </c>
    </row>
    <row r="114" spans="1:3" x14ac:dyDescent="0.25">
      <c r="A114">
        <v>0.04</v>
      </c>
      <c r="B114">
        <v>0.84</v>
      </c>
      <c r="C114">
        <v>0.15</v>
      </c>
    </row>
    <row r="115" spans="1:3" x14ac:dyDescent="0.25">
      <c r="A115">
        <v>0.04</v>
      </c>
      <c r="B115">
        <v>0.93</v>
      </c>
      <c r="C115">
        <v>0.32</v>
      </c>
    </row>
    <row r="116" spans="1:3" x14ac:dyDescent="0.25">
      <c r="A116">
        <v>0.04</v>
      </c>
      <c r="B116">
        <v>0.96</v>
      </c>
      <c r="C116">
        <v>0.63</v>
      </c>
    </row>
    <row r="117" spans="1:3" x14ac:dyDescent="0.25">
      <c r="A117">
        <v>0.04</v>
      </c>
      <c r="B117">
        <v>0.98</v>
      </c>
      <c r="C117">
        <v>0.26</v>
      </c>
    </row>
    <row r="118" spans="1:3" x14ac:dyDescent="0.25">
      <c r="A118">
        <v>0.04</v>
      </c>
      <c r="B118">
        <v>0.99</v>
      </c>
      <c r="C118">
        <v>0.4</v>
      </c>
    </row>
    <row r="119" spans="1:3" x14ac:dyDescent="0.25">
      <c r="A119">
        <v>0.04</v>
      </c>
      <c r="B119">
        <v>1</v>
      </c>
      <c r="C119">
        <v>0.32</v>
      </c>
    </row>
    <row r="120" spans="1:3" x14ac:dyDescent="0.25">
      <c r="A120">
        <v>0.04</v>
      </c>
      <c r="B120">
        <v>1.1000000000000001</v>
      </c>
      <c r="C120">
        <v>0.93</v>
      </c>
    </row>
    <row r="121" spans="1:3" x14ac:dyDescent="0.25">
      <c r="A121">
        <v>0.04</v>
      </c>
      <c r="B121">
        <v>1.1000000000000001</v>
      </c>
      <c r="C121">
        <v>0.46</v>
      </c>
    </row>
    <row r="122" spans="1:3" x14ac:dyDescent="0.25">
      <c r="A122">
        <v>0.04</v>
      </c>
      <c r="B122">
        <v>1.1100000000000001</v>
      </c>
      <c r="C122">
        <v>0.62</v>
      </c>
    </row>
    <row r="123" spans="1:3" x14ac:dyDescent="0.25">
      <c r="A123">
        <v>0.04</v>
      </c>
      <c r="B123">
        <v>1.1100000000000001</v>
      </c>
      <c r="C123">
        <v>0.59</v>
      </c>
    </row>
    <row r="124" spans="1:3" x14ac:dyDescent="0.25">
      <c r="A124">
        <v>0.04</v>
      </c>
      <c r="B124">
        <v>1.1200000000000001</v>
      </c>
      <c r="C124">
        <v>0.89</v>
      </c>
    </row>
    <row r="125" spans="1:3" x14ac:dyDescent="0.25">
      <c r="A125">
        <v>0.04</v>
      </c>
      <c r="B125">
        <v>1.1599999999999999</v>
      </c>
      <c r="C125">
        <v>0.41</v>
      </c>
    </row>
    <row r="126" spans="1:3" x14ac:dyDescent="0.25">
      <c r="A126">
        <v>0.04</v>
      </c>
      <c r="B126">
        <v>1.17</v>
      </c>
      <c r="C126">
        <v>0.42</v>
      </c>
    </row>
    <row r="127" spans="1:3" x14ac:dyDescent="0.25">
      <c r="A127">
        <v>0.04</v>
      </c>
      <c r="B127">
        <v>1.19</v>
      </c>
      <c r="C127">
        <v>0.3</v>
      </c>
    </row>
    <row r="128" spans="1:3" x14ac:dyDescent="0.25">
      <c r="A128">
        <v>0.04</v>
      </c>
      <c r="B128">
        <v>1.26</v>
      </c>
      <c r="C128">
        <v>0.28999999999999998</v>
      </c>
    </row>
    <row r="129" spans="1:3" x14ac:dyDescent="0.25">
      <c r="A129">
        <v>0.04</v>
      </c>
      <c r="B129">
        <v>1.26</v>
      </c>
      <c r="C129">
        <v>0.62</v>
      </c>
    </row>
    <row r="130" spans="1:3" x14ac:dyDescent="0.25">
      <c r="A130">
        <v>0.04</v>
      </c>
      <c r="B130">
        <v>1.27</v>
      </c>
      <c r="C130">
        <v>0.53</v>
      </c>
    </row>
    <row r="131" spans="1:3" x14ac:dyDescent="0.25">
      <c r="A131">
        <v>0.04</v>
      </c>
      <c r="B131">
        <v>1.32</v>
      </c>
      <c r="C131">
        <v>0.92</v>
      </c>
    </row>
    <row r="132" spans="1:3" x14ac:dyDescent="0.25">
      <c r="A132">
        <v>0.04</v>
      </c>
      <c r="B132">
        <v>1.42</v>
      </c>
      <c r="C132">
        <v>0.45</v>
      </c>
    </row>
    <row r="133" spans="1:3" x14ac:dyDescent="0.25">
      <c r="A133">
        <v>0.04</v>
      </c>
      <c r="B133">
        <v>1.43</v>
      </c>
      <c r="C133">
        <v>0.1</v>
      </c>
    </row>
    <row r="134" spans="1:3" x14ac:dyDescent="0.25">
      <c r="A134">
        <v>0.04</v>
      </c>
      <c r="B134">
        <v>1.47</v>
      </c>
      <c r="C134">
        <v>0.7</v>
      </c>
    </row>
    <row r="135" spans="1:3" x14ac:dyDescent="0.25">
      <c r="A135">
        <v>0.04</v>
      </c>
      <c r="B135">
        <v>1.49</v>
      </c>
      <c r="C135">
        <v>0.11</v>
      </c>
    </row>
    <row r="136" spans="1:3" x14ac:dyDescent="0.25">
      <c r="A136">
        <v>0.05</v>
      </c>
      <c r="B136">
        <v>0.54</v>
      </c>
      <c r="C136">
        <v>0.71</v>
      </c>
    </row>
    <row r="137" spans="1:3" x14ac:dyDescent="0.25">
      <c r="A137">
        <v>0.05</v>
      </c>
      <c r="B137">
        <v>0.54</v>
      </c>
      <c r="C137">
        <v>0.86</v>
      </c>
    </row>
    <row r="138" spans="1:3" x14ac:dyDescent="0.25">
      <c r="A138">
        <v>0.05</v>
      </c>
      <c r="B138">
        <v>0.56000000000000005</v>
      </c>
      <c r="C138">
        <v>0.25</v>
      </c>
    </row>
    <row r="139" spans="1:3" x14ac:dyDescent="0.25">
      <c r="A139">
        <v>0.05</v>
      </c>
      <c r="B139">
        <v>0.56999999999999995</v>
      </c>
      <c r="C139">
        <v>0.15</v>
      </c>
    </row>
    <row r="140" spans="1:3" x14ac:dyDescent="0.25">
      <c r="A140">
        <v>0.05</v>
      </c>
      <c r="B140">
        <v>0.57999999999999996</v>
      </c>
      <c r="C140">
        <v>0.32</v>
      </c>
    </row>
    <row r="141" spans="1:3" x14ac:dyDescent="0.25">
      <c r="A141">
        <v>0.05</v>
      </c>
      <c r="B141">
        <v>0.57999999999999996</v>
      </c>
      <c r="C141">
        <v>0.57999999999999996</v>
      </c>
    </row>
    <row r="142" spans="1:3" x14ac:dyDescent="0.25">
      <c r="A142">
        <v>0.05</v>
      </c>
      <c r="B142">
        <v>0.61</v>
      </c>
      <c r="C142">
        <v>0.48</v>
      </c>
    </row>
    <row r="143" spans="1:3" x14ac:dyDescent="0.25">
      <c r="A143">
        <v>0.05</v>
      </c>
      <c r="B143">
        <v>0.66</v>
      </c>
      <c r="C143">
        <v>0.46</v>
      </c>
    </row>
    <row r="144" spans="1:3" x14ac:dyDescent="0.25">
      <c r="A144">
        <v>0.05</v>
      </c>
      <c r="B144">
        <v>0.68</v>
      </c>
      <c r="C144">
        <v>0.28999999999999998</v>
      </c>
    </row>
    <row r="145" spans="1:3" x14ac:dyDescent="0.25">
      <c r="A145">
        <v>0.05</v>
      </c>
      <c r="B145">
        <v>0.8</v>
      </c>
      <c r="C145">
        <v>0.19</v>
      </c>
    </row>
    <row r="146" spans="1:3" x14ac:dyDescent="0.25">
      <c r="A146">
        <v>0.05</v>
      </c>
      <c r="B146">
        <v>0.81</v>
      </c>
      <c r="C146">
        <v>0.87</v>
      </c>
    </row>
    <row r="147" spans="1:3" x14ac:dyDescent="0.25">
      <c r="A147">
        <v>0.05</v>
      </c>
      <c r="B147">
        <v>0.9</v>
      </c>
      <c r="C147">
        <v>0.4</v>
      </c>
    </row>
    <row r="148" spans="1:3" x14ac:dyDescent="0.25">
      <c r="A148">
        <v>0.05</v>
      </c>
      <c r="B148">
        <v>0.96</v>
      </c>
      <c r="C148">
        <v>0.21</v>
      </c>
    </row>
    <row r="149" spans="1:3" x14ac:dyDescent="0.25">
      <c r="A149">
        <v>0.05</v>
      </c>
      <c r="B149">
        <v>0.98</v>
      </c>
      <c r="C149">
        <v>0.28000000000000003</v>
      </c>
    </row>
    <row r="150" spans="1:3" x14ac:dyDescent="0.25">
      <c r="A150">
        <v>0.05</v>
      </c>
      <c r="B150">
        <v>1.07</v>
      </c>
      <c r="C150">
        <v>0.93</v>
      </c>
    </row>
    <row r="151" spans="1:3" x14ac:dyDescent="0.25">
      <c r="A151">
        <v>0.05</v>
      </c>
      <c r="B151">
        <v>1.1100000000000001</v>
      </c>
      <c r="C151">
        <v>0.08</v>
      </c>
    </row>
    <row r="152" spans="1:3" x14ac:dyDescent="0.25">
      <c r="A152">
        <v>0.05</v>
      </c>
      <c r="B152">
        <v>1.1599999999999999</v>
      </c>
      <c r="C152">
        <v>0.44</v>
      </c>
    </row>
    <row r="153" spans="1:3" x14ac:dyDescent="0.25">
      <c r="A153">
        <v>0.05</v>
      </c>
      <c r="B153">
        <v>1.21</v>
      </c>
      <c r="C153">
        <v>0.91</v>
      </c>
    </row>
    <row r="154" spans="1:3" x14ac:dyDescent="0.25">
      <c r="A154">
        <v>0.05</v>
      </c>
      <c r="B154">
        <v>1.21</v>
      </c>
      <c r="C154">
        <v>0.88</v>
      </c>
    </row>
    <row r="155" spans="1:3" x14ac:dyDescent="0.25">
      <c r="A155">
        <v>0.05</v>
      </c>
      <c r="B155">
        <v>1.22</v>
      </c>
      <c r="C155">
        <v>0.22</v>
      </c>
    </row>
    <row r="156" spans="1:3" x14ac:dyDescent="0.25">
      <c r="A156">
        <v>0.05</v>
      </c>
      <c r="B156">
        <v>1.24</v>
      </c>
      <c r="C156">
        <v>0.14000000000000001</v>
      </c>
    </row>
    <row r="157" spans="1:3" x14ac:dyDescent="0.25">
      <c r="A157">
        <v>0.05</v>
      </c>
      <c r="B157">
        <v>1.26</v>
      </c>
      <c r="C157">
        <v>0.46</v>
      </c>
    </row>
    <row r="158" spans="1:3" x14ac:dyDescent="0.25">
      <c r="A158">
        <v>0.05</v>
      </c>
      <c r="B158">
        <v>1.31</v>
      </c>
      <c r="C158">
        <v>0.33</v>
      </c>
    </row>
    <row r="159" spans="1:3" x14ac:dyDescent="0.25">
      <c r="A159">
        <v>0.05</v>
      </c>
      <c r="B159">
        <v>1.33</v>
      </c>
      <c r="C159">
        <v>0.26</v>
      </c>
    </row>
    <row r="160" spans="1:3" x14ac:dyDescent="0.25">
      <c r="A160">
        <v>0.05</v>
      </c>
      <c r="B160">
        <v>1.44</v>
      </c>
      <c r="C160">
        <v>0.51</v>
      </c>
    </row>
    <row r="161" spans="1:3" x14ac:dyDescent="0.25">
      <c r="A161">
        <v>0.05</v>
      </c>
      <c r="B161">
        <v>1.46</v>
      </c>
      <c r="C161">
        <v>0.41</v>
      </c>
    </row>
    <row r="162" spans="1:3" x14ac:dyDescent="0.25">
      <c r="A162">
        <v>0.06</v>
      </c>
      <c r="B162">
        <v>0.53</v>
      </c>
      <c r="C162">
        <v>0.15</v>
      </c>
    </row>
    <row r="163" spans="1:3" x14ac:dyDescent="0.25">
      <c r="A163">
        <v>0.06</v>
      </c>
      <c r="B163">
        <v>0.55000000000000004</v>
      </c>
      <c r="C163">
        <v>0.47</v>
      </c>
    </row>
    <row r="164" spans="1:3" x14ac:dyDescent="0.25">
      <c r="A164">
        <v>0.06</v>
      </c>
      <c r="B164">
        <v>0.56000000000000005</v>
      </c>
      <c r="C164">
        <v>0.45</v>
      </c>
    </row>
    <row r="165" spans="1:3" x14ac:dyDescent="0.25">
      <c r="A165">
        <v>0.06</v>
      </c>
      <c r="B165">
        <v>0.56999999999999995</v>
      </c>
      <c r="C165">
        <v>0.2</v>
      </c>
    </row>
    <row r="166" spans="1:3" x14ac:dyDescent="0.25">
      <c r="A166">
        <v>0.06</v>
      </c>
      <c r="B166">
        <v>0.61</v>
      </c>
      <c r="C166">
        <v>0.61</v>
      </c>
    </row>
    <row r="167" spans="1:3" x14ac:dyDescent="0.25">
      <c r="A167">
        <v>0.06</v>
      </c>
      <c r="B167">
        <v>0.64</v>
      </c>
      <c r="C167">
        <v>0.48</v>
      </c>
    </row>
    <row r="168" spans="1:3" x14ac:dyDescent="0.25">
      <c r="A168">
        <v>0.06</v>
      </c>
      <c r="B168">
        <v>0.68</v>
      </c>
      <c r="C168">
        <v>0.89</v>
      </c>
    </row>
    <row r="169" spans="1:3" x14ac:dyDescent="0.25">
      <c r="A169">
        <v>0.06</v>
      </c>
      <c r="B169">
        <v>0.68</v>
      </c>
      <c r="C169">
        <v>0.08</v>
      </c>
    </row>
    <row r="170" spans="1:3" x14ac:dyDescent="0.25">
      <c r="A170">
        <v>0.06</v>
      </c>
      <c r="B170">
        <v>0.68</v>
      </c>
      <c r="C170">
        <v>0.43</v>
      </c>
    </row>
    <row r="171" spans="1:3" x14ac:dyDescent="0.25">
      <c r="A171">
        <v>0.06</v>
      </c>
      <c r="B171">
        <v>0.77</v>
      </c>
      <c r="C171">
        <v>0.92</v>
      </c>
    </row>
    <row r="172" spans="1:3" x14ac:dyDescent="0.25">
      <c r="A172">
        <v>0.06</v>
      </c>
      <c r="B172">
        <v>0.79</v>
      </c>
      <c r="C172">
        <v>0.34</v>
      </c>
    </row>
    <row r="173" spans="1:3" x14ac:dyDescent="0.25">
      <c r="A173">
        <v>0.06</v>
      </c>
      <c r="B173">
        <v>0.9</v>
      </c>
      <c r="C173">
        <v>0.8</v>
      </c>
    </row>
    <row r="174" spans="1:3" x14ac:dyDescent="0.25">
      <c r="A174">
        <v>0.06</v>
      </c>
      <c r="B174">
        <v>0.92</v>
      </c>
      <c r="C174">
        <v>0.38</v>
      </c>
    </row>
    <row r="175" spans="1:3" x14ac:dyDescent="0.25">
      <c r="A175">
        <v>0.06</v>
      </c>
      <c r="B175">
        <v>0.94</v>
      </c>
      <c r="C175">
        <v>0.41</v>
      </c>
    </row>
    <row r="176" spans="1:3" x14ac:dyDescent="0.25">
      <c r="A176">
        <v>0.06</v>
      </c>
      <c r="B176">
        <v>1.01</v>
      </c>
      <c r="C176">
        <v>0.33</v>
      </c>
    </row>
    <row r="177" spans="1:3" x14ac:dyDescent="0.25">
      <c r="A177">
        <v>0.06</v>
      </c>
      <c r="B177">
        <v>1.01</v>
      </c>
      <c r="C177">
        <v>0.34</v>
      </c>
    </row>
    <row r="178" spans="1:3" x14ac:dyDescent="0.25">
      <c r="A178">
        <v>0.06</v>
      </c>
      <c r="B178">
        <v>1.07</v>
      </c>
      <c r="C178">
        <v>0.92</v>
      </c>
    </row>
    <row r="179" spans="1:3" x14ac:dyDescent="0.25">
      <c r="A179">
        <v>0.06</v>
      </c>
      <c r="B179">
        <v>1.1000000000000001</v>
      </c>
      <c r="C179">
        <v>0.27</v>
      </c>
    </row>
    <row r="180" spans="1:3" x14ac:dyDescent="0.25">
      <c r="A180">
        <v>0.06</v>
      </c>
      <c r="B180">
        <v>1.1200000000000001</v>
      </c>
      <c r="C180">
        <v>0.76</v>
      </c>
    </row>
    <row r="181" spans="1:3" x14ac:dyDescent="0.25">
      <c r="A181">
        <v>0.06</v>
      </c>
      <c r="B181">
        <v>1.1599999999999999</v>
      </c>
      <c r="C181">
        <v>0.61</v>
      </c>
    </row>
    <row r="182" spans="1:3" x14ac:dyDescent="0.25">
      <c r="A182">
        <v>0.06</v>
      </c>
      <c r="B182">
        <v>1.17</v>
      </c>
      <c r="C182">
        <v>0.53</v>
      </c>
    </row>
    <row r="183" spans="1:3" x14ac:dyDescent="0.25">
      <c r="A183">
        <v>0.06</v>
      </c>
      <c r="B183">
        <v>1.19</v>
      </c>
      <c r="C183">
        <v>0.32</v>
      </c>
    </row>
    <row r="184" spans="1:3" x14ac:dyDescent="0.25">
      <c r="A184">
        <v>0.06</v>
      </c>
      <c r="B184">
        <v>1.22</v>
      </c>
      <c r="C184">
        <v>0.86</v>
      </c>
    </row>
    <row r="185" spans="1:3" x14ac:dyDescent="0.25">
      <c r="A185">
        <v>0.06</v>
      </c>
      <c r="B185">
        <v>1.23</v>
      </c>
      <c r="C185">
        <v>0.43</v>
      </c>
    </row>
    <row r="186" spans="1:3" x14ac:dyDescent="0.25">
      <c r="A186">
        <v>0.06</v>
      </c>
      <c r="B186">
        <v>1.27</v>
      </c>
      <c r="C186">
        <v>0.23</v>
      </c>
    </row>
    <row r="187" spans="1:3" x14ac:dyDescent="0.25">
      <c r="A187">
        <v>0.06</v>
      </c>
      <c r="B187">
        <v>1.31</v>
      </c>
      <c r="C187">
        <v>0.67</v>
      </c>
    </row>
    <row r="188" spans="1:3" x14ac:dyDescent="0.25">
      <c r="A188">
        <v>0.06</v>
      </c>
      <c r="B188">
        <v>1.37</v>
      </c>
      <c r="C188">
        <v>0.13</v>
      </c>
    </row>
    <row r="189" spans="1:3" x14ac:dyDescent="0.25">
      <c r="A189">
        <v>0.06</v>
      </c>
      <c r="B189">
        <v>1.41</v>
      </c>
      <c r="C189">
        <v>0.84</v>
      </c>
    </row>
    <row r="190" spans="1:3" x14ac:dyDescent="0.25">
      <c r="A190">
        <v>0.06</v>
      </c>
      <c r="B190">
        <v>1.46</v>
      </c>
      <c r="C190">
        <v>0.31</v>
      </c>
    </row>
    <row r="191" spans="1:3" x14ac:dyDescent="0.25">
      <c r="A191">
        <v>0.06</v>
      </c>
      <c r="B191">
        <v>1.47</v>
      </c>
      <c r="C191">
        <v>0.27</v>
      </c>
    </row>
    <row r="192" spans="1:3" x14ac:dyDescent="0.25">
      <c r="A192">
        <v>7.0000000000000007E-2</v>
      </c>
      <c r="B192">
        <v>0.51</v>
      </c>
      <c r="C192">
        <v>0.09</v>
      </c>
    </row>
    <row r="193" spans="1:3" x14ac:dyDescent="0.25">
      <c r="A193">
        <v>7.0000000000000007E-2</v>
      </c>
      <c r="B193">
        <v>0.54</v>
      </c>
      <c r="C193">
        <v>0.22</v>
      </c>
    </row>
    <row r="194" spans="1:3" x14ac:dyDescent="0.25">
      <c r="A194">
        <v>7.0000000000000007E-2</v>
      </c>
      <c r="B194">
        <v>0.56000000000000005</v>
      </c>
      <c r="C194">
        <v>0.35</v>
      </c>
    </row>
    <row r="195" spans="1:3" x14ac:dyDescent="0.25">
      <c r="A195">
        <v>7.0000000000000007E-2</v>
      </c>
      <c r="B195">
        <v>0.57999999999999996</v>
      </c>
      <c r="C195">
        <v>0.08</v>
      </c>
    </row>
    <row r="196" spans="1:3" x14ac:dyDescent="0.25">
      <c r="A196">
        <v>7.0000000000000007E-2</v>
      </c>
      <c r="B196">
        <v>0.6</v>
      </c>
      <c r="C196">
        <v>0.47</v>
      </c>
    </row>
    <row r="197" spans="1:3" x14ac:dyDescent="0.25">
      <c r="A197">
        <v>7.0000000000000007E-2</v>
      </c>
      <c r="B197">
        <v>0.61</v>
      </c>
      <c r="C197">
        <v>0.86</v>
      </c>
    </row>
    <row r="198" spans="1:3" x14ac:dyDescent="0.25">
      <c r="A198">
        <v>7.0000000000000007E-2</v>
      </c>
      <c r="B198">
        <v>0.67</v>
      </c>
      <c r="C198">
        <v>0.42</v>
      </c>
    </row>
    <row r="199" spans="1:3" x14ac:dyDescent="0.25">
      <c r="A199">
        <v>7.0000000000000007E-2</v>
      </c>
      <c r="B199">
        <v>0.67</v>
      </c>
      <c r="C199">
        <v>0.31</v>
      </c>
    </row>
    <row r="200" spans="1:3" x14ac:dyDescent="0.25">
      <c r="A200">
        <v>7.0000000000000007E-2</v>
      </c>
      <c r="B200">
        <v>0.68</v>
      </c>
      <c r="C200">
        <v>0.93</v>
      </c>
    </row>
    <row r="201" spans="1:3" x14ac:dyDescent="0.25">
      <c r="A201">
        <v>7.0000000000000007E-2</v>
      </c>
      <c r="B201">
        <v>0.68</v>
      </c>
      <c r="C201">
        <v>0.41</v>
      </c>
    </row>
    <row r="202" spans="1:3" x14ac:dyDescent="0.25">
      <c r="A202">
        <v>7.0000000000000007E-2</v>
      </c>
      <c r="B202">
        <v>0.7</v>
      </c>
      <c r="C202">
        <v>0.72</v>
      </c>
    </row>
    <row r="203" spans="1:3" x14ac:dyDescent="0.25">
      <c r="A203">
        <v>7.0000000000000007E-2</v>
      </c>
      <c r="B203">
        <v>0.72</v>
      </c>
      <c r="C203">
        <v>0.93</v>
      </c>
    </row>
    <row r="204" spans="1:3" x14ac:dyDescent="0.25">
      <c r="A204">
        <v>7.0000000000000007E-2</v>
      </c>
      <c r="B204">
        <v>0.73</v>
      </c>
      <c r="C204">
        <v>0.52</v>
      </c>
    </row>
    <row r="205" spans="1:3" x14ac:dyDescent="0.25">
      <c r="A205">
        <v>7.0000000000000007E-2</v>
      </c>
      <c r="B205">
        <v>0.78</v>
      </c>
      <c r="C205">
        <v>0.71</v>
      </c>
    </row>
    <row r="206" spans="1:3" x14ac:dyDescent="0.25">
      <c r="A206">
        <v>7.0000000000000007E-2</v>
      </c>
      <c r="B206">
        <v>0.82</v>
      </c>
      <c r="C206">
        <v>0.12</v>
      </c>
    </row>
    <row r="207" spans="1:3" x14ac:dyDescent="0.25">
      <c r="A207">
        <v>7.0000000000000007E-2</v>
      </c>
      <c r="B207">
        <v>0.88</v>
      </c>
      <c r="C207">
        <v>0.26</v>
      </c>
    </row>
    <row r="208" spans="1:3" x14ac:dyDescent="0.25">
      <c r="A208">
        <v>7.0000000000000007E-2</v>
      </c>
      <c r="B208">
        <v>0.89</v>
      </c>
      <c r="C208">
        <v>0.26</v>
      </c>
    </row>
    <row r="209" spans="1:3" x14ac:dyDescent="0.25">
      <c r="A209">
        <v>7.0000000000000007E-2</v>
      </c>
      <c r="B209">
        <v>0.98</v>
      </c>
      <c r="C209">
        <v>0.49</v>
      </c>
    </row>
    <row r="210" spans="1:3" x14ac:dyDescent="0.25">
      <c r="A210">
        <v>7.0000000000000007E-2</v>
      </c>
      <c r="B210">
        <v>0.98</v>
      </c>
      <c r="C210">
        <v>0.67</v>
      </c>
    </row>
    <row r="211" spans="1:3" x14ac:dyDescent="0.25">
      <c r="A211">
        <v>7.0000000000000007E-2</v>
      </c>
      <c r="B211">
        <v>1.04</v>
      </c>
      <c r="C211">
        <v>0.66</v>
      </c>
    </row>
    <row r="212" spans="1:3" x14ac:dyDescent="0.25">
      <c r="A212">
        <v>7.0000000000000007E-2</v>
      </c>
      <c r="B212">
        <v>1.1000000000000001</v>
      </c>
      <c r="C212">
        <v>0.28999999999999998</v>
      </c>
    </row>
    <row r="213" spans="1:3" x14ac:dyDescent="0.25">
      <c r="A213">
        <v>7.0000000000000007E-2</v>
      </c>
      <c r="B213">
        <v>1.1100000000000001</v>
      </c>
      <c r="C213">
        <v>0.32</v>
      </c>
    </row>
    <row r="214" spans="1:3" x14ac:dyDescent="0.25">
      <c r="A214">
        <v>7.0000000000000007E-2</v>
      </c>
      <c r="B214">
        <v>1.1200000000000001</v>
      </c>
      <c r="C214">
        <v>0.94</v>
      </c>
    </row>
    <row r="215" spans="1:3" x14ac:dyDescent="0.25">
      <c r="A215">
        <v>7.0000000000000007E-2</v>
      </c>
      <c r="B215">
        <v>1.1399999999999999</v>
      </c>
      <c r="C215">
        <v>0.61</v>
      </c>
    </row>
    <row r="216" spans="1:3" x14ac:dyDescent="0.25">
      <c r="A216">
        <v>7.0000000000000007E-2</v>
      </c>
      <c r="B216">
        <v>1.2</v>
      </c>
      <c r="C216">
        <v>0.47</v>
      </c>
    </row>
    <row r="217" spans="1:3" x14ac:dyDescent="0.25">
      <c r="A217">
        <v>7.0000000000000007E-2</v>
      </c>
      <c r="B217">
        <v>1.24</v>
      </c>
      <c r="C217">
        <v>0.52</v>
      </c>
    </row>
    <row r="218" spans="1:3" x14ac:dyDescent="0.25">
      <c r="A218">
        <v>7.0000000000000007E-2</v>
      </c>
      <c r="B218">
        <v>1.25</v>
      </c>
      <c r="C218">
        <v>0.81</v>
      </c>
    </row>
    <row r="219" spans="1:3" x14ac:dyDescent="0.25">
      <c r="A219">
        <v>7.0000000000000007E-2</v>
      </c>
      <c r="B219">
        <v>1.3</v>
      </c>
      <c r="C219">
        <v>0.11</v>
      </c>
    </row>
    <row r="220" spans="1:3" x14ac:dyDescent="0.25">
      <c r="A220">
        <v>7.0000000000000007E-2</v>
      </c>
      <c r="B220">
        <v>1.33</v>
      </c>
      <c r="C220">
        <v>0.09</v>
      </c>
    </row>
    <row r="221" spans="1:3" x14ac:dyDescent="0.25">
      <c r="A221">
        <v>7.0000000000000007E-2</v>
      </c>
      <c r="B221">
        <v>1.38</v>
      </c>
      <c r="C221">
        <v>0.11</v>
      </c>
    </row>
    <row r="222" spans="1:3" x14ac:dyDescent="0.25">
      <c r="A222">
        <v>0.08</v>
      </c>
      <c r="B222">
        <v>0.51</v>
      </c>
      <c r="C222">
        <v>0.85</v>
      </c>
    </row>
    <row r="223" spans="1:3" x14ac:dyDescent="0.25">
      <c r="A223">
        <v>0.08</v>
      </c>
      <c r="B223">
        <v>0.51</v>
      </c>
      <c r="C223">
        <v>0.15</v>
      </c>
    </row>
    <row r="224" spans="1:3" x14ac:dyDescent="0.25">
      <c r="A224">
        <v>0.08</v>
      </c>
      <c r="B224">
        <v>0.52</v>
      </c>
      <c r="C224">
        <v>0.37</v>
      </c>
    </row>
    <row r="225" spans="1:3" x14ac:dyDescent="0.25">
      <c r="A225">
        <v>0.08</v>
      </c>
      <c r="B225">
        <v>0.53</v>
      </c>
      <c r="C225">
        <v>0.28999999999999998</v>
      </c>
    </row>
    <row r="226" spans="1:3" x14ac:dyDescent="0.25">
      <c r="A226">
        <v>0.08</v>
      </c>
      <c r="B226">
        <v>0.55000000000000004</v>
      </c>
      <c r="C226">
        <v>0.16</v>
      </c>
    </row>
    <row r="227" spans="1:3" x14ac:dyDescent="0.25">
      <c r="A227">
        <v>0.08</v>
      </c>
      <c r="B227">
        <v>0.66</v>
      </c>
      <c r="C227">
        <v>0.27</v>
      </c>
    </row>
    <row r="228" spans="1:3" x14ac:dyDescent="0.25">
      <c r="A228">
        <v>0.08</v>
      </c>
      <c r="B228">
        <v>0.75</v>
      </c>
      <c r="C228">
        <v>0.57999999999999996</v>
      </c>
    </row>
    <row r="229" spans="1:3" x14ac:dyDescent="0.25">
      <c r="A229">
        <v>0.08</v>
      </c>
      <c r="B229">
        <v>0.76</v>
      </c>
      <c r="C229">
        <v>0.05</v>
      </c>
    </row>
    <row r="230" spans="1:3" x14ac:dyDescent="0.25">
      <c r="A230">
        <v>0.08</v>
      </c>
      <c r="B230">
        <v>0.76</v>
      </c>
      <c r="C230">
        <v>0.59</v>
      </c>
    </row>
    <row r="231" spans="1:3" x14ac:dyDescent="0.25">
      <c r="A231">
        <v>0.08</v>
      </c>
      <c r="B231">
        <v>0.8</v>
      </c>
      <c r="C231">
        <v>0.51</v>
      </c>
    </row>
    <row r="232" spans="1:3" x14ac:dyDescent="0.25">
      <c r="A232">
        <v>0.08</v>
      </c>
      <c r="B232">
        <v>0.86</v>
      </c>
      <c r="C232">
        <v>0.5</v>
      </c>
    </row>
    <row r="233" spans="1:3" x14ac:dyDescent="0.25">
      <c r="A233">
        <v>0.08</v>
      </c>
      <c r="B233">
        <v>0.88</v>
      </c>
      <c r="C233">
        <v>0.28000000000000003</v>
      </c>
    </row>
    <row r="234" spans="1:3" x14ac:dyDescent="0.25">
      <c r="A234">
        <v>0.08</v>
      </c>
      <c r="B234">
        <v>0.9</v>
      </c>
      <c r="C234">
        <v>0.14000000000000001</v>
      </c>
    </row>
    <row r="235" spans="1:3" x14ac:dyDescent="0.25">
      <c r="A235">
        <v>0.08</v>
      </c>
      <c r="B235">
        <v>0.95</v>
      </c>
      <c r="C235">
        <v>0.56999999999999995</v>
      </c>
    </row>
    <row r="236" spans="1:3" x14ac:dyDescent="0.25">
      <c r="A236">
        <v>0.08</v>
      </c>
      <c r="B236">
        <v>0.96</v>
      </c>
      <c r="C236">
        <v>0.95</v>
      </c>
    </row>
    <row r="237" spans="1:3" x14ac:dyDescent="0.25">
      <c r="A237">
        <v>0.08</v>
      </c>
      <c r="B237">
        <v>1</v>
      </c>
      <c r="C237">
        <v>0.56999999999999995</v>
      </c>
    </row>
    <row r="238" spans="1:3" x14ac:dyDescent="0.25">
      <c r="A238">
        <v>0.08</v>
      </c>
      <c r="B238">
        <v>1.03</v>
      </c>
      <c r="C238">
        <v>0.9</v>
      </c>
    </row>
    <row r="239" spans="1:3" x14ac:dyDescent="0.25">
      <c r="A239">
        <v>0.08</v>
      </c>
      <c r="B239">
        <v>1.1000000000000001</v>
      </c>
      <c r="C239">
        <v>0.49</v>
      </c>
    </row>
    <row r="240" spans="1:3" x14ac:dyDescent="0.25">
      <c r="A240">
        <v>0.08</v>
      </c>
      <c r="B240">
        <v>1.1399999999999999</v>
      </c>
      <c r="C240">
        <v>0.9</v>
      </c>
    </row>
    <row r="241" spans="1:3" x14ac:dyDescent="0.25">
      <c r="A241">
        <v>0.08</v>
      </c>
      <c r="B241">
        <v>1.18</v>
      </c>
      <c r="C241">
        <v>0.67</v>
      </c>
    </row>
    <row r="242" spans="1:3" x14ac:dyDescent="0.25">
      <c r="A242">
        <v>0.08</v>
      </c>
      <c r="B242">
        <v>1.2</v>
      </c>
      <c r="C242">
        <v>0.65</v>
      </c>
    </row>
    <row r="243" spans="1:3" x14ac:dyDescent="0.25">
      <c r="A243">
        <v>0.08</v>
      </c>
      <c r="B243">
        <v>1.21</v>
      </c>
      <c r="C243">
        <v>0.28000000000000003</v>
      </c>
    </row>
    <row r="244" spans="1:3" x14ac:dyDescent="0.25">
      <c r="A244">
        <v>0.08</v>
      </c>
      <c r="B244">
        <v>1.29</v>
      </c>
      <c r="C244">
        <v>0.63</v>
      </c>
    </row>
    <row r="245" spans="1:3" x14ac:dyDescent="0.25">
      <c r="A245">
        <v>0.08</v>
      </c>
      <c r="B245">
        <v>1.29</v>
      </c>
      <c r="C245">
        <v>0.66</v>
      </c>
    </row>
    <row r="246" spans="1:3" x14ac:dyDescent="0.25">
      <c r="A246">
        <v>0.08</v>
      </c>
      <c r="B246">
        <v>1.34</v>
      </c>
      <c r="C246">
        <v>0.81</v>
      </c>
    </row>
    <row r="247" spans="1:3" x14ac:dyDescent="0.25">
      <c r="A247">
        <v>0.08</v>
      </c>
      <c r="B247">
        <v>1.34</v>
      </c>
      <c r="C247">
        <v>0.69</v>
      </c>
    </row>
    <row r="248" spans="1:3" x14ac:dyDescent="0.25">
      <c r="A248">
        <v>0.08</v>
      </c>
      <c r="B248">
        <v>1.35</v>
      </c>
      <c r="C248">
        <v>0.47</v>
      </c>
    </row>
    <row r="249" spans="1:3" x14ac:dyDescent="0.25">
      <c r="A249">
        <v>0.09</v>
      </c>
      <c r="B249">
        <v>0.54</v>
      </c>
      <c r="C249">
        <v>0.56999999999999995</v>
      </c>
    </row>
    <row r="250" spans="1:3" x14ac:dyDescent="0.25">
      <c r="A250">
        <v>0.09</v>
      </c>
      <c r="B250">
        <v>0.56000000000000005</v>
      </c>
      <c r="C250">
        <v>0.14000000000000001</v>
      </c>
    </row>
    <row r="251" spans="1:3" x14ac:dyDescent="0.25">
      <c r="A251">
        <v>0.09</v>
      </c>
      <c r="B251">
        <v>0.61</v>
      </c>
      <c r="C251">
        <v>0.66</v>
      </c>
    </row>
    <row r="252" spans="1:3" x14ac:dyDescent="0.25">
      <c r="A252">
        <v>0.09</v>
      </c>
      <c r="B252">
        <v>0.61</v>
      </c>
      <c r="C252">
        <v>0.28999999999999998</v>
      </c>
    </row>
    <row r="253" spans="1:3" x14ac:dyDescent="0.25">
      <c r="A253">
        <v>0.09</v>
      </c>
      <c r="B253">
        <v>0.63</v>
      </c>
      <c r="C253">
        <v>0.15</v>
      </c>
    </row>
    <row r="254" spans="1:3" x14ac:dyDescent="0.25">
      <c r="A254">
        <v>0.09</v>
      </c>
      <c r="B254">
        <v>0.66</v>
      </c>
      <c r="C254">
        <v>0.54</v>
      </c>
    </row>
    <row r="255" spans="1:3" x14ac:dyDescent="0.25">
      <c r="A255">
        <v>0.09</v>
      </c>
      <c r="B255">
        <v>0.67</v>
      </c>
      <c r="C255">
        <v>0.79</v>
      </c>
    </row>
    <row r="256" spans="1:3" x14ac:dyDescent="0.25">
      <c r="A256">
        <v>0.09</v>
      </c>
      <c r="B256">
        <v>0.78</v>
      </c>
      <c r="C256">
        <v>0.77</v>
      </c>
    </row>
    <row r="257" spans="1:3" x14ac:dyDescent="0.25">
      <c r="A257">
        <v>0.09</v>
      </c>
      <c r="B257">
        <v>0.82</v>
      </c>
      <c r="C257">
        <v>0.68</v>
      </c>
    </row>
    <row r="258" spans="1:3" x14ac:dyDescent="0.25">
      <c r="A258">
        <v>0.09</v>
      </c>
      <c r="B258">
        <v>0.82</v>
      </c>
      <c r="C258">
        <v>0.55000000000000004</v>
      </c>
    </row>
    <row r="259" spans="1:3" x14ac:dyDescent="0.25">
      <c r="A259">
        <v>0.09</v>
      </c>
      <c r="B259">
        <v>0.84</v>
      </c>
      <c r="C259">
        <v>0.12</v>
      </c>
    </row>
    <row r="260" spans="1:3" x14ac:dyDescent="0.25">
      <c r="A260">
        <v>0.09</v>
      </c>
      <c r="B260">
        <v>0.89</v>
      </c>
      <c r="C260">
        <v>0.2</v>
      </c>
    </row>
    <row r="261" spans="1:3" x14ac:dyDescent="0.25">
      <c r="A261">
        <v>0.09</v>
      </c>
      <c r="B261">
        <v>0.96</v>
      </c>
      <c r="C261">
        <v>0.7</v>
      </c>
    </row>
    <row r="262" spans="1:3" x14ac:dyDescent="0.25">
      <c r="A262">
        <v>0.09</v>
      </c>
      <c r="B262">
        <v>0.99</v>
      </c>
      <c r="C262">
        <v>0.55000000000000004</v>
      </c>
    </row>
    <row r="263" spans="1:3" x14ac:dyDescent="0.25">
      <c r="A263">
        <v>0.09</v>
      </c>
      <c r="B263">
        <v>1.08</v>
      </c>
      <c r="C263">
        <v>0.06</v>
      </c>
    </row>
    <row r="264" spans="1:3" x14ac:dyDescent="0.25">
      <c r="A264">
        <v>0.09</v>
      </c>
      <c r="B264">
        <v>1.1000000000000001</v>
      </c>
      <c r="C264">
        <v>0.19</v>
      </c>
    </row>
    <row r="265" spans="1:3" x14ac:dyDescent="0.25">
      <c r="A265">
        <v>0.09</v>
      </c>
      <c r="B265">
        <v>1.1100000000000001</v>
      </c>
      <c r="C265">
        <v>0.54</v>
      </c>
    </row>
    <row r="266" spans="1:3" x14ac:dyDescent="0.25">
      <c r="A266">
        <v>0.09</v>
      </c>
      <c r="B266">
        <v>1.1299999999999999</v>
      </c>
      <c r="C266">
        <v>0.82</v>
      </c>
    </row>
    <row r="267" spans="1:3" x14ac:dyDescent="0.25">
      <c r="A267">
        <v>0.09</v>
      </c>
      <c r="B267">
        <v>1.1299999999999999</v>
      </c>
      <c r="C267">
        <v>0.83</v>
      </c>
    </row>
    <row r="268" spans="1:3" x14ac:dyDescent="0.25">
      <c r="A268">
        <v>0.09</v>
      </c>
      <c r="B268">
        <v>1.1399999999999999</v>
      </c>
      <c r="C268">
        <v>0.2</v>
      </c>
    </row>
    <row r="269" spans="1:3" x14ac:dyDescent="0.25">
      <c r="A269">
        <v>0.09</v>
      </c>
      <c r="B269">
        <v>1.1499999999999999</v>
      </c>
      <c r="C269">
        <v>0.56000000000000005</v>
      </c>
    </row>
    <row r="270" spans="1:3" x14ac:dyDescent="0.25">
      <c r="A270">
        <v>0.09</v>
      </c>
      <c r="B270">
        <v>1.34</v>
      </c>
      <c r="C270">
        <v>0.64</v>
      </c>
    </row>
    <row r="271" spans="1:3" x14ac:dyDescent="0.25">
      <c r="A271">
        <v>0.09</v>
      </c>
      <c r="B271">
        <v>1.36</v>
      </c>
      <c r="C271">
        <v>0.9</v>
      </c>
    </row>
    <row r="272" spans="1:3" x14ac:dyDescent="0.25">
      <c r="A272">
        <v>0.09</v>
      </c>
      <c r="B272">
        <v>1.36</v>
      </c>
      <c r="C272">
        <v>0.54</v>
      </c>
    </row>
    <row r="273" spans="1:3" x14ac:dyDescent="0.25">
      <c r="A273">
        <v>0.09</v>
      </c>
      <c r="B273">
        <v>1.37</v>
      </c>
      <c r="C273">
        <v>0.12</v>
      </c>
    </row>
    <row r="274" spans="1:3" x14ac:dyDescent="0.25">
      <c r="A274">
        <v>0.09</v>
      </c>
      <c r="B274">
        <v>1.41</v>
      </c>
      <c r="C274">
        <v>0.12</v>
      </c>
    </row>
    <row r="275" spans="1:3" x14ac:dyDescent="0.25">
      <c r="A275">
        <v>0.09</v>
      </c>
      <c r="B275">
        <v>1.43</v>
      </c>
      <c r="C275">
        <v>0.21</v>
      </c>
    </row>
    <row r="276" spans="1:3" x14ac:dyDescent="0.25">
      <c r="A276">
        <v>0.1</v>
      </c>
      <c r="B276">
        <v>0.5</v>
      </c>
      <c r="C276">
        <v>0.7</v>
      </c>
    </row>
    <row r="277" spans="1:3" x14ac:dyDescent="0.25">
      <c r="A277">
        <v>0.1</v>
      </c>
      <c r="B277">
        <v>0.59</v>
      </c>
      <c r="C277">
        <v>0.23</v>
      </c>
    </row>
    <row r="278" spans="1:3" x14ac:dyDescent="0.25">
      <c r="A278">
        <v>0.1</v>
      </c>
      <c r="B278">
        <v>0.6</v>
      </c>
      <c r="C278">
        <v>0.77</v>
      </c>
    </row>
    <row r="279" spans="1:3" x14ac:dyDescent="0.25">
      <c r="A279">
        <v>0.1</v>
      </c>
      <c r="B279">
        <v>0.61</v>
      </c>
      <c r="C279">
        <v>0.25</v>
      </c>
    </row>
    <row r="280" spans="1:3" x14ac:dyDescent="0.25">
      <c r="A280">
        <v>0.1</v>
      </c>
      <c r="B280">
        <v>0.66</v>
      </c>
      <c r="C280">
        <v>0.33</v>
      </c>
    </row>
    <row r="281" spans="1:3" x14ac:dyDescent="0.25">
      <c r="A281">
        <v>0.1</v>
      </c>
      <c r="B281">
        <v>0.66</v>
      </c>
      <c r="C281">
        <v>0.92</v>
      </c>
    </row>
    <row r="282" spans="1:3" x14ac:dyDescent="0.25">
      <c r="A282">
        <v>0.1</v>
      </c>
      <c r="B282">
        <v>0.74</v>
      </c>
      <c r="C282">
        <v>0.88</v>
      </c>
    </row>
    <row r="283" spans="1:3" x14ac:dyDescent="0.25">
      <c r="A283">
        <v>0.1</v>
      </c>
      <c r="B283">
        <v>0.74</v>
      </c>
      <c r="C283">
        <v>0.14000000000000001</v>
      </c>
    </row>
    <row r="284" spans="1:3" x14ac:dyDescent="0.25">
      <c r="A284">
        <v>0.1</v>
      </c>
      <c r="B284">
        <v>0.75</v>
      </c>
      <c r="C284">
        <v>0.41</v>
      </c>
    </row>
    <row r="285" spans="1:3" x14ac:dyDescent="0.25">
      <c r="A285">
        <v>0.1</v>
      </c>
      <c r="B285">
        <v>0.78</v>
      </c>
      <c r="C285">
        <v>0.12</v>
      </c>
    </row>
    <row r="286" spans="1:3" x14ac:dyDescent="0.25">
      <c r="A286">
        <v>0.1</v>
      </c>
      <c r="B286">
        <v>0.83</v>
      </c>
      <c r="C286">
        <v>0.35</v>
      </c>
    </row>
    <row r="287" spans="1:3" x14ac:dyDescent="0.25">
      <c r="A287">
        <v>0.1</v>
      </c>
      <c r="B287">
        <v>0.88</v>
      </c>
      <c r="C287">
        <v>0.94</v>
      </c>
    </row>
    <row r="288" spans="1:3" x14ac:dyDescent="0.25">
      <c r="A288">
        <v>0.1</v>
      </c>
      <c r="B288">
        <v>0.88</v>
      </c>
      <c r="C288">
        <v>0.3</v>
      </c>
    </row>
    <row r="289" spans="1:3" x14ac:dyDescent="0.25">
      <c r="A289">
        <v>0.1</v>
      </c>
      <c r="B289">
        <v>0.9</v>
      </c>
      <c r="C289">
        <v>0.69</v>
      </c>
    </row>
    <row r="290" spans="1:3" x14ac:dyDescent="0.25">
      <c r="A290">
        <v>0.1</v>
      </c>
      <c r="B290">
        <v>0.99</v>
      </c>
      <c r="C290">
        <v>0.17</v>
      </c>
    </row>
    <row r="291" spans="1:3" x14ac:dyDescent="0.25">
      <c r="A291">
        <v>0.1</v>
      </c>
      <c r="B291">
        <v>1</v>
      </c>
      <c r="C291">
        <v>0.81</v>
      </c>
    </row>
    <row r="292" spans="1:3" x14ac:dyDescent="0.25">
      <c r="A292">
        <v>0.1</v>
      </c>
      <c r="B292">
        <v>1.02</v>
      </c>
      <c r="C292">
        <v>0.88</v>
      </c>
    </row>
    <row r="293" spans="1:3" x14ac:dyDescent="0.25">
      <c r="A293">
        <v>0.1</v>
      </c>
      <c r="B293">
        <v>1.02</v>
      </c>
      <c r="C293">
        <v>0.19</v>
      </c>
    </row>
    <row r="294" spans="1:3" x14ac:dyDescent="0.25">
      <c r="A294">
        <v>0.1</v>
      </c>
      <c r="B294">
        <v>1.06</v>
      </c>
      <c r="C294">
        <v>0.35</v>
      </c>
    </row>
    <row r="295" spans="1:3" x14ac:dyDescent="0.25">
      <c r="A295">
        <v>0.1</v>
      </c>
      <c r="B295">
        <v>1.07</v>
      </c>
      <c r="C295">
        <v>0.8</v>
      </c>
    </row>
    <row r="296" spans="1:3" x14ac:dyDescent="0.25">
      <c r="A296">
        <v>0.1</v>
      </c>
      <c r="B296">
        <v>1.1000000000000001</v>
      </c>
      <c r="C296">
        <v>0.42</v>
      </c>
    </row>
    <row r="297" spans="1:3" x14ac:dyDescent="0.25">
      <c r="A297">
        <v>0.1</v>
      </c>
      <c r="B297">
        <v>1.1399999999999999</v>
      </c>
      <c r="C297">
        <v>0.1</v>
      </c>
    </row>
    <row r="298" spans="1:3" x14ac:dyDescent="0.25">
      <c r="A298">
        <v>0.1</v>
      </c>
      <c r="B298">
        <v>1.1399999999999999</v>
      </c>
      <c r="C298">
        <v>0.36</v>
      </c>
    </row>
    <row r="299" spans="1:3" x14ac:dyDescent="0.25">
      <c r="A299">
        <v>0.1</v>
      </c>
      <c r="B299">
        <v>1.17</v>
      </c>
      <c r="C299">
        <v>0.05</v>
      </c>
    </row>
    <row r="300" spans="1:3" x14ac:dyDescent="0.25">
      <c r="A300">
        <v>0.1</v>
      </c>
      <c r="B300">
        <v>1.2</v>
      </c>
      <c r="C300">
        <v>0.79</v>
      </c>
    </row>
    <row r="301" spans="1:3" x14ac:dyDescent="0.25">
      <c r="A301">
        <v>0.1</v>
      </c>
      <c r="B301">
        <v>1.28</v>
      </c>
      <c r="C301">
        <v>0.81</v>
      </c>
    </row>
    <row r="302" spans="1:3" x14ac:dyDescent="0.25">
      <c r="A302">
        <v>0.1</v>
      </c>
      <c r="B302">
        <v>1.32</v>
      </c>
      <c r="C302">
        <v>0.35</v>
      </c>
    </row>
    <row r="303" spans="1:3" x14ac:dyDescent="0.25">
      <c r="A303">
        <v>0.1</v>
      </c>
      <c r="B303">
        <v>1.32</v>
      </c>
      <c r="C303">
        <v>0.78</v>
      </c>
    </row>
    <row r="304" spans="1:3" x14ac:dyDescent="0.25">
      <c r="A304">
        <v>0.1</v>
      </c>
      <c r="B304">
        <v>1.34</v>
      </c>
      <c r="C304">
        <v>0.63</v>
      </c>
    </row>
    <row r="305" spans="1:3" x14ac:dyDescent="0.25">
      <c r="A305">
        <v>0.1</v>
      </c>
      <c r="B305">
        <v>1.35</v>
      </c>
      <c r="C305">
        <v>0.42</v>
      </c>
    </row>
    <row r="306" spans="1:3" x14ac:dyDescent="0.25">
      <c r="A306">
        <v>0.1</v>
      </c>
      <c r="B306">
        <v>1.44</v>
      </c>
      <c r="C306">
        <v>0.87</v>
      </c>
    </row>
    <row r="307" spans="1:3" x14ac:dyDescent="0.25">
      <c r="A307">
        <v>0.1</v>
      </c>
      <c r="B307">
        <v>1.44</v>
      </c>
      <c r="C307">
        <v>0.41</v>
      </c>
    </row>
    <row r="308" spans="1:3" x14ac:dyDescent="0.25">
      <c r="A308">
        <v>0.1</v>
      </c>
      <c r="B308">
        <v>1.45</v>
      </c>
      <c r="C308">
        <v>0.62</v>
      </c>
    </row>
    <row r="309" spans="1:3" x14ac:dyDescent="0.25">
      <c r="A309">
        <v>0.11</v>
      </c>
      <c r="B309">
        <v>0.5</v>
      </c>
      <c r="C309">
        <v>0.56000000000000005</v>
      </c>
    </row>
    <row r="310" spans="1:3" x14ac:dyDescent="0.25">
      <c r="A310">
        <v>0.11</v>
      </c>
      <c r="B310">
        <v>0.55000000000000004</v>
      </c>
      <c r="C310">
        <v>0.39</v>
      </c>
    </row>
    <row r="311" spans="1:3" x14ac:dyDescent="0.25">
      <c r="A311">
        <v>0.11</v>
      </c>
      <c r="B311">
        <v>0.57999999999999996</v>
      </c>
      <c r="C311">
        <v>0.06</v>
      </c>
    </row>
    <row r="312" spans="1:3" x14ac:dyDescent="0.25">
      <c r="A312">
        <v>0.11</v>
      </c>
      <c r="B312">
        <v>0.64</v>
      </c>
      <c r="C312">
        <v>0.12</v>
      </c>
    </row>
    <row r="313" spans="1:3" x14ac:dyDescent="0.25">
      <c r="A313">
        <v>0.11</v>
      </c>
      <c r="B313">
        <v>0.64</v>
      </c>
      <c r="C313">
        <v>0.65</v>
      </c>
    </row>
    <row r="314" spans="1:3" x14ac:dyDescent="0.25">
      <c r="A314">
        <v>0.11</v>
      </c>
      <c r="B314">
        <v>0.71</v>
      </c>
      <c r="C314">
        <v>0.37</v>
      </c>
    </row>
    <row r="315" spans="1:3" x14ac:dyDescent="0.25">
      <c r="A315">
        <v>0.11</v>
      </c>
      <c r="B315">
        <v>0.71</v>
      </c>
      <c r="C315">
        <v>0.64</v>
      </c>
    </row>
    <row r="316" spans="1:3" x14ac:dyDescent="0.25">
      <c r="A316">
        <v>0.11</v>
      </c>
      <c r="B316">
        <v>0.79</v>
      </c>
      <c r="C316">
        <v>0.42</v>
      </c>
    </row>
    <row r="317" spans="1:3" x14ac:dyDescent="0.25">
      <c r="A317">
        <v>0.11</v>
      </c>
      <c r="B317">
        <v>0.83</v>
      </c>
      <c r="C317">
        <v>0.4</v>
      </c>
    </row>
    <row r="318" spans="1:3" x14ac:dyDescent="0.25">
      <c r="A318">
        <v>0.11</v>
      </c>
      <c r="B318">
        <v>0.99</v>
      </c>
      <c r="C318">
        <v>0.48</v>
      </c>
    </row>
    <row r="319" spans="1:3" x14ac:dyDescent="0.25">
      <c r="A319">
        <v>0.11</v>
      </c>
      <c r="B319">
        <v>1</v>
      </c>
      <c r="C319">
        <v>0.57999999999999996</v>
      </c>
    </row>
    <row r="320" spans="1:3" x14ac:dyDescent="0.25">
      <c r="A320">
        <v>0.11</v>
      </c>
      <c r="B320">
        <v>1.01</v>
      </c>
      <c r="C320">
        <v>0.18</v>
      </c>
    </row>
    <row r="321" spans="1:3" x14ac:dyDescent="0.25">
      <c r="A321">
        <v>0.11</v>
      </c>
      <c r="B321">
        <v>1.03</v>
      </c>
      <c r="C321">
        <v>0.64</v>
      </c>
    </row>
    <row r="322" spans="1:3" x14ac:dyDescent="0.25">
      <c r="A322">
        <v>0.11</v>
      </c>
      <c r="B322">
        <v>1.05</v>
      </c>
      <c r="C322">
        <v>0.36</v>
      </c>
    </row>
    <row r="323" spans="1:3" x14ac:dyDescent="0.25">
      <c r="A323">
        <v>0.11</v>
      </c>
      <c r="B323">
        <v>1.06</v>
      </c>
      <c r="C323">
        <v>0.82</v>
      </c>
    </row>
    <row r="324" spans="1:3" x14ac:dyDescent="0.25">
      <c r="A324">
        <v>0.11</v>
      </c>
      <c r="B324">
        <v>1.08</v>
      </c>
      <c r="C324">
        <v>7.0000000000000007E-2</v>
      </c>
    </row>
    <row r="325" spans="1:3" x14ac:dyDescent="0.25">
      <c r="A325">
        <v>0.11</v>
      </c>
      <c r="B325">
        <v>1.0900000000000001</v>
      </c>
      <c r="C325">
        <v>0.56999999999999995</v>
      </c>
    </row>
    <row r="326" spans="1:3" x14ac:dyDescent="0.25">
      <c r="A326">
        <v>0.11</v>
      </c>
      <c r="B326">
        <v>1.1399999999999999</v>
      </c>
      <c r="C326">
        <v>0.5</v>
      </c>
    </row>
    <row r="327" spans="1:3" x14ac:dyDescent="0.25">
      <c r="A327">
        <v>0.11</v>
      </c>
      <c r="B327">
        <v>1.1399999999999999</v>
      </c>
      <c r="C327">
        <v>0.73</v>
      </c>
    </row>
    <row r="328" spans="1:3" x14ac:dyDescent="0.25">
      <c r="A328">
        <v>0.11</v>
      </c>
      <c r="B328">
        <v>1.18</v>
      </c>
      <c r="C328">
        <v>0.35</v>
      </c>
    </row>
    <row r="329" spans="1:3" x14ac:dyDescent="0.25">
      <c r="A329">
        <v>0.11</v>
      </c>
      <c r="B329">
        <v>1.21</v>
      </c>
      <c r="C329">
        <v>0.39</v>
      </c>
    </row>
    <row r="330" spans="1:3" x14ac:dyDescent="0.25">
      <c r="A330">
        <v>0.11</v>
      </c>
      <c r="B330">
        <v>1.23</v>
      </c>
      <c r="C330">
        <v>0.32</v>
      </c>
    </row>
    <row r="331" spans="1:3" x14ac:dyDescent="0.25">
      <c r="A331">
        <v>0.11</v>
      </c>
      <c r="B331">
        <v>1.32</v>
      </c>
      <c r="C331">
        <v>0.12</v>
      </c>
    </row>
    <row r="332" spans="1:3" x14ac:dyDescent="0.25">
      <c r="A332">
        <v>0.11</v>
      </c>
      <c r="B332">
        <v>1.33</v>
      </c>
      <c r="C332">
        <v>0.89</v>
      </c>
    </row>
    <row r="333" spans="1:3" x14ac:dyDescent="0.25">
      <c r="A333">
        <v>0.11</v>
      </c>
      <c r="B333">
        <v>1.33</v>
      </c>
      <c r="C333">
        <v>0.89</v>
      </c>
    </row>
    <row r="334" spans="1:3" x14ac:dyDescent="0.25">
      <c r="A334">
        <v>0.11</v>
      </c>
      <c r="B334">
        <v>1.37</v>
      </c>
      <c r="C334">
        <v>0.51</v>
      </c>
    </row>
    <row r="335" spans="1:3" x14ac:dyDescent="0.25">
      <c r="A335">
        <v>0.11</v>
      </c>
      <c r="B335">
        <v>1.42</v>
      </c>
      <c r="C335">
        <v>0.89</v>
      </c>
    </row>
    <row r="336" spans="1:3" x14ac:dyDescent="0.25">
      <c r="A336">
        <v>0.12</v>
      </c>
      <c r="B336">
        <v>0.5</v>
      </c>
      <c r="C336">
        <v>0.88</v>
      </c>
    </row>
    <row r="337" spans="1:3" x14ac:dyDescent="0.25">
      <c r="A337">
        <v>0.12</v>
      </c>
      <c r="B337">
        <v>0.53</v>
      </c>
      <c r="C337">
        <v>0.42</v>
      </c>
    </row>
    <row r="338" spans="1:3" x14ac:dyDescent="0.25">
      <c r="A338">
        <v>0.12</v>
      </c>
      <c r="B338">
        <v>0.62</v>
      </c>
      <c r="C338">
        <v>0.67</v>
      </c>
    </row>
    <row r="339" spans="1:3" x14ac:dyDescent="0.25">
      <c r="A339">
        <v>0.12</v>
      </c>
      <c r="B339">
        <v>0.63</v>
      </c>
      <c r="C339">
        <v>0.91</v>
      </c>
    </row>
    <row r="340" spans="1:3" x14ac:dyDescent="0.25">
      <c r="A340">
        <v>0.12</v>
      </c>
      <c r="B340">
        <v>0.65</v>
      </c>
      <c r="C340">
        <v>0.37</v>
      </c>
    </row>
    <row r="341" spans="1:3" x14ac:dyDescent="0.25">
      <c r="A341">
        <v>0.12</v>
      </c>
      <c r="B341">
        <v>0.67</v>
      </c>
      <c r="C341">
        <v>0.7</v>
      </c>
    </row>
    <row r="342" spans="1:3" x14ac:dyDescent="0.25">
      <c r="A342">
        <v>0.12</v>
      </c>
      <c r="B342">
        <v>0.68</v>
      </c>
      <c r="C342">
        <v>0.28999999999999998</v>
      </c>
    </row>
    <row r="343" spans="1:3" x14ac:dyDescent="0.25">
      <c r="A343">
        <v>0.12</v>
      </c>
      <c r="B343">
        <v>0.7</v>
      </c>
      <c r="C343">
        <v>0.65</v>
      </c>
    </row>
    <row r="344" spans="1:3" x14ac:dyDescent="0.25">
      <c r="A344">
        <v>0.12</v>
      </c>
      <c r="B344">
        <v>0.75</v>
      </c>
      <c r="C344">
        <v>0.63</v>
      </c>
    </row>
    <row r="345" spans="1:3" x14ac:dyDescent="0.25">
      <c r="A345">
        <v>0.12</v>
      </c>
      <c r="B345">
        <v>0.8</v>
      </c>
      <c r="C345">
        <v>0.94</v>
      </c>
    </row>
    <row r="346" spans="1:3" x14ac:dyDescent="0.25">
      <c r="A346">
        <v>0.12</v>
      </c>
      <c r="B346">
        <v>0.83</v>
      </c>
      <c r="C346">
        <v>0.9</v>
      </c>
    </row>
    <row r="347" spans="1:3" x14ac:dyDescent="0.25">
      <c r="A347">
        <v>0.12</v>
      </c>
      <c r="B347">
        <v>0.83</v>
      </c>
      <c r="C347">
        <v>0.23</v>
      </c>
    </row>
    <row r="348" spans="1:3" x14ac:dyDescent="0.25">
      <c r="A348">
        <v>0.12</v>
      </c>
      <c r="B348">
        <v>0.83</v>
      </c>
      <c r="C348">
        <v>0.17</v>
      </c>
    </row>
    <row r="349" spans="1:3" x14ac:dyDescent="0.25">
      <c r="A349">
        <v>0.12</v>
      </c>
      <c r="B349">
        <v>0.95</v>
      </c>
      <c r="C349">
        <v>0.47</v>
      </c>
    </row>
    <row r="350" spans="1:3" x14ac:dyDescent="0.25">
      <c r="A350">
        <v>0.12</v>
      </c>
      <c r="B350">
        <v>0.98</v>
      </c>
      <c r="C350">
        <v>0.48</v>
      </c>
    </row>
    <row r="351" spans="1:3" x14ac:dyDescent="0.25">
      <c r="A351">
        <v>0.12</v>
      </c>
      <c r="B351">
        <v>0.99</v>
      </c>
      <c r="C351">
        <v>0.21</v>
      </c>
    </row>
    <row r="352" spans="1:3" x14ac:dyDescent="0.25">
      <c r="A352">
        <v>0.12</v>
      </c>
      <c r="B352">
        <v>0.99</v>
      </c>
      <c r="C352">
        <v>0.73</v>
      </c>
    </row>
    <row r="353" spans="1:3" x14ac:dyDescent="0.25">
      <c r="A353">
        <v>0.12</v>
      </c>
      <c r="B353">
        <v>1.04</v>
      </c>
      <c r="C353">
        <v>0.59</v>
      </c>
    </row>
    <row r="354" spans="1:3" x14ac:dyDescent="0.25">
      <c r="A354">
        <v>0.12</v>
      </c>
      <c r="B354">
        <v>1.08</v>
      </c>
      <c r="C354">
        <v>0.28000000000000003</v>
      </c>
    </row>
    <row r="355" spans="1:3" x14ac:dyDescent="0.25">
      <c r="A355">
        <v>0.12</v>
      </c>
      <c r="B355">
        <v>1.1200000000000001</v>
      </c>
      <c r="C355">
        <v>0.28000000000000003</v>
      </c>
    </row>
    <row r="356" spans="1:3" x14ac:dyDescent="0.25">
      <c r="A356">
        <v>0.12</v>
      </c>
      <c r="B356">
        <v>1.1299999999999999</v>
      </c>
      <c r="C356">
        <v>0.66</v>
      </c>
    </row>
    <row r="357" spans="1:3" x14ac:dyDescent="0.25">
      <c r="A357">
        <v>0.12</v>
      </c>
      <c r="B357">
        <v>1.25</v>
      </c>
      <c r="C357">
        <v>0.38</v>
      </c>
    </row>
    <row r="358" spans="1:3" x14ac:dyDescent="0.25">
      <c r="A358">
        <v>0.12</v>
      </c>
      <c r="B358">
        <v>1.26</v>
      </c>
      <c r="C358">
        <v>0.93</v>
      </c>
    </row>
    <row r="359" spans="1:3" x14ac:dyDescent="0.25">
      <c r="A359">
        <v>0.12</v>
      </c>
      <c r="B359">
        <v>1.27</v>
      </c>
      <c r="C359">
        <v>7.0000000000000007E-2</v>
      </c>
    </row>
    <row r="360" spans="1:3" x14ac:dyDescent="0.25">
      <c r="A360">
        <v>0.12</v>
      </c>
      <c r="B360">
        <v>1.29</v>
      </c>
      <c r="C360">
        <v>0.57999999999999996</v>
      </c>
    </row>
    <row r="361" spans="1:3" x14ac:dyDescent="0.25">
      <c r="A361">
        <v>0.12</v>
      </c>
      <c r="B361">
        <v>1.35</v>
      </c>
      <c r="C361">
        <v>0.64</v>
      </c>
    </row>
    <row r="362" spans="1:3" x14ac:dyDescent="0.25">
      <c r="A362">
        <v>0.12</v>
      </c>
      <c r="B362">
        <v>1.42</v>
      </c>
      <c r="C362">
        <v>0.56999999999999995</v>
      </c>
    </row>
    <row r="363" spans="1:3" x14ac:dyDescent="0.25">
      <c r="A363">
        <v>0.12</v>
      </c>
      <c r="B363">
        <v>1.46</v>
      </c>
      <c r="C363">
        <v>0.42</v>
      </c>
    </row>
    <row r="364" spans="1:3" x14ac:dyDescent="0.25">
      <c r="A364">
        <v>0.13</v>
      </c>
      <c r="B364">
        <v>0.55000000000000004</v>
      </c>
      <c r="C364">
        <v>0.61</v>
      </c>
    </row>
    <row r="365" spans="1:3" x14ac:dyDescent="0.25">
      <c r="A365">
        <v>0.13</v>
      </c>
      <c r="B365">
        <v>0.59</v>
      </c>
      <c r="C365">
        <v>0.54</v>
      </c>
    </row>
    <row r="366" spans="1:3" x14ac:dyDescent="0.25">
      <c r="A366">
        <v>0.13</v>
      </c>
      <c r="B366">
        <v>0.6</v>
      </c>
      <c r="C366">
        <v>0.59</v>
      </c>
    </row>
    <row r="367" spans="1:3" x14ac:dyDescent="0.25">
      <c r="A367">
        <v>0.13</v>
      </c>
      <c r="B367">
        <v>0.62</v>
      </c>
      <c r="C367">
        <v>0.17</v>
      </c>
    </row>
    <row r="368" spans="1:3" x14ac:dyDescent="0.25">
      <c r="A368">
        <v>0.13</v>
      </c>
      <c r="B368">
        <v>0.67</v>
      </c>
      <c r="C368">
        <v>0.27</v>
      </c>
    </row>
    <row r="369" spans="1:3" x14ac:dyDescent="0.25">
      <c r="A369">
        <v>0.13</v>
      </c>
      <c r="B369">
        <v>0.67</v>
      </c>
      <c r="C369">
        <v>0.87</v>
      </c>
    </row>
    <row r="370" spans="1:3" x14ac:dyDescent="0.25">
      <c r="A370">
        <v>0.13</v>
      </c>
      <c r="B370">
        <v>0.74</v>
      </c>
      <c r="C370">
        <v>0.56999999999999995</v>
      </c>
    </row>
    <row r="371" spans="1:3" x14ac:dyDescent="0.25">
      <c r="A371">
        <v>0.13</v>
      </c>
      <c r="B371">
        <v>0.74</v>
      </c>
      <c r="C371">
        <v>0.71</v>
      </c>
    </row>
    <row r="372" spans="1:3" x14ac:dyDescent="0.25">
      <c r="A372">
        <v>0.13</v>
      </c>
      <c r="B372">
        <v>0.8</v>
      </c>
      <c r="C372">
        <v>0.53</v>
      </c>
    </row>
    <row r="373" spans="1:3" x14ac:dyDescent="0.25">
      <c r="A373">
        <v>0.13</v>
      </c>
      <c r="B373">
        <v>0.96</v>
      </c>
      <c r="C373">
        <v>0.77</v>
      </c>
    </row>
    <row r="374" spans="1:3" x14ac:dyDescent="0.25">
      <c r="A374">
        <v>0.13</v>
      </c>
      <c r="B374">
        <v>0.98</v>
      </c>
      <c r="C374">
        <v>0.61</v>
      </c>
    </row>
    <row r="375" spans="1:3" x14ac:dyDescent="0.25">
      <c r="A375">
        <v>0.13</v>
      </c>
      <c r="B375">
        <v>1.01</v>
      </c>
      <c r="C375">
        <v>0.76</v>
      </c>
    </row>
    <row r="376" spans="1:3" x14ac:dyDescent="0.25">
      <c r="A376">
        <v>0.13</v>
      </c>
      <c r="B376">
        <v>1.02</v>
      </c>
      <c r="C376">
        <v>0.39</v>
      </c>
    </row>
    <row r="377" spans="1:3" x14ac:dyDescent="0.25">
      <c r="A377">
        <v>0.13</v>
      </c>
      <c r="B377">
        <v>1.03</v>
      </c>
      <c r="C377">
        <v>0.56999999999999995</v>
      </c>
    </row>
    <row r="378" spans="1:3" x14ac:dyDescent="0.25">
      <c r="A378">
        <v>0.13</v>
      </c>
      <c r="B378">
        <v>1.0900000000000001</v>
      </c>
      <c r="C378">
        <v>0.21</v>
      </c>
    </row>
    <row r="379" spans="1:3" x14ac:dyDescent="0.25">
      <c r="A379">
        <v>0.13</v>
      </c>
      <c r="B379">
        <v>1.1000000000000001</v>
      </c>
      <c r="C379">
        <v>0.68</v>
      </c>
    </row>
    <row r="380" spans="1:3" x14ac:dyDescent="0.25">
      <c r="A380">
        <v>0.13</v>
      </c>
      <c r="B380">
        <v>1.1399999999999999</v>
      </c>
      <c r="C380">
        <v>0.62</v>
      </c>
    </row>
    <row r="381" spans="1:3" x14ac:dyDescent="0.25">
      <c r="A381">
        <v>0.13</v>
      </c>
      <c r="B381">
        <v>1.29</v>
      </c>
      <c r="C381">
        <v>0.31</v>
      </c>
    </row>
    <row r="382" spans="1:3" x14ac:dyDescent="0.25">
      <c r="A382">
        <v>0.13</v>
      </c>
      <c r="B382">
        <v>1.29</v>
      </c>
      <c r="C382">
        <v>0.7</v>
      </c>
    </row>
    <row r="383" spans="1:3" x14ac:dyDescent="0.25">
      <c r="A383">
        <v>0.13</v>
      </c>
      <c r="B383">
        <v>1.3</v>
      </c>
      <c r="C383">
        <v>0.18</v>
      </c>
    </row>
    <row r="384" spans="1:3" x14ac:dyDescent="0.25">
      <c r="A384">
        <v>0.13</v>
      </c>
      <c r="B384">
        <v>1.35</v>
      </c>
      <c r="C384">
        <v>0.54</v>
      </c>
    </row>
    <row r="385" spans="1:3" x14ac:dyDescent="0.25">
      <c r="A385">
        <v>0.13</v>
      </c>
      <c r="B385">
        <v>1.39</v>
      </c>
      <c r="C385">
        <v>0.89</v>
      </c>
    </row>
    <row r="386" spans="1:3" x14ac:dyDescent="0.25">
      <c r="A386">
        <v>0.13</v>
      </c>
      <c r="B386">
        <v>1.39</v>
      </c>
      <c r="C386">
        <v>0.88</v>
      </c>
    </row>
    <row r="387" spans="1:3" x14ac:dyDescent="0.25">
      <c r="A387">
        <v>0.13</v>
      </c>
      <c r="B387">
        <v>1.41</v>
      </c>
      <c r="C387">
        <v>0.53</v>
      </c>
    </row>
    <row r="388" spans="1:3" x14ac:dyDescent="0.25">
      <c r="A388">
        <v>0.13</v>
      </c>
      <c r="B388">
        <v>1.44</v>
      </c>
      <c r="C388">
        <v>0.24</v>
      </c>
    </row>
    <row r="389" spans="1:3" x14ac:dyDescent="0.25">
      <c r="A389">
        <v>0.13</v>
      </c>
      <c r="B389">
        <v>1.45</v>
      </c>
      <c r="C389">
        <v>0.52</v>
      </c>
    </row>
    <row r="390" spans="1:3" x14ac:dyDescent="0.25">
      <c r="A390">
        <v>0.13</v>
      </c>
      <c r="B390">
        <v>1.46</v>
      </c>
      <c r="C390">
        <v>7.0000000000000007E-2</v>
      </c>
    </row>
    <row r="391" spans="1:3" x14ac:dyDescent="0.25">
      <c r="A391">
        <v>0.14000000000000001</v>
      </c>
      <c r="B391">
        <v>0.51</v>
      </c>
      <c r="C391">
        <v>0.52</v>
      </c>
    </row>
    <row r="392" spans="1:3" x14ac:dyDescent="0.25">
      <c r="A392">
        <v>0.14000000000000001</v>
      </c>
      <c r="B392">
        <v>0.52</v>
      </c>
      <c r="C392">
        <v>0.27</v>
      </c>
    </row>
    <row r="393" spans="1:3" x14ac:dyDescent="0.25">
      <c r="A393">
        <v>0.14000000000000001</v>
      </c>
      <c r="B393">
        <v>0.52</v>
      </c>
      <c r="C393">
        <v>0.42</v>
      </c>
    </row>
    <row r="394" spans="1:3" x14ac:dyDescent="0.25">
      <c r="A394">
        <v>0.14000000000000001</v>
      </c>
      <c r="B394">
        <v>0.54</v>
      </c>
      <c r="C394">
        <v>0.7</v>
      </c>
    </row>
    <row r="395" spans="1:3" x14ac:dyDescent="0.25">
      <c r="A395">
        <v>0.14000000000000001</v>
      </c>
      <c r="B395">
        <v>0.6</v>
      </c>
      <c r="C395">
        <v>0.19</v>
      </c>
    </row>
    <row r="396" spans="1:3" x14ac:dyDescent="0.25">
      <c r="A396">
        <v>0.14000000000000001</v>
      </c>
      <c r="B396">
        <v>0.62</v>
      </c>
      <c r="C396">
        <v>0.12</v>
      </c>
    </row>
    <row r="397" spans="1:3" x14ac:dyDescent="0.25">
      <c r="A397">
        <v>0.14000000000000001</v>
      </c>
      <c r="B397">
        <v>0.75</v>
      </c>
      <c r="C397">
        <v>0.65</v>
      </c>
    </row>
    <row r="398" spans="1:3" x14ac:dyDescent="0.25">
      <c r="A398">
        <v>0.14000000000000001</v>
      </c>
      <c r="B398">
        <v>0.77</v>
      </c>
      <c r="C398">
        <v>0.77</v>
      </c>
    </row>
    <row r="399" spans="1:3" x14ac:dyDescent="0.25">
      <c r="A399">
        <v>0.14000000000000001</v>
      </c>
      <c r="B399">
        <v>0.84</v>
      </c>
      <c r="C399">
        <v>0.25</v>
      </c>
    </row>
    <row r="400" spans="1:3" x14ac:dyDescent="0.25">
      <c r="A400">
        <v>0.14000000000000001</v>
      </c>
      <c r="B400">
        <v>0.85</v>
      </c>
      <c r="C400">
        <v>0.8</v>
      </c>
    </row>
    <row r="401" spans="1:3" x14ac:dyDescent="0.25">
      <c r="A401">
        <v>0.14000000000000001</v>
      </c>
      <c r="B401">
        <v>0.86</v>
      </c>
      <c r="C401">
        <v>0.49</v>
      </c>
    </row>
    <row r="402" spans="1:3" x14ac:dyDescent="0.25">
      <c r="A402">
        <v>0.14000000000000001</v>
      </c>
      <c r="B402">
        <v>0.86</v>
      </c>
      <c r="C402">
        <v>0.33</v>
      </c>
    </row>
    <row r="403" spans="1:3" x14ac:dyDescent="0.25">
      <c r="A403">
        <v>0.14000000000000001</v>
      </c>
      <c r="B403">
        <v>0.9</v>
      </c>
      <c r="C403">
        <v>0.06</v>
      </c>
    </row>
    <row r="404" spans="1:3" x14ac:dyDescent="0.25">
      <c r="A404">
        <v>0.14000000000000001</v>
      </c>
      <c r="B404">
        <v>0.94</v>
      </c>
      <c r="C404">
        <v>0.36</v>
      </c>
    </row>
    <row r="405" spans="1:3" x14ac:dyDescent="0.25">
      <c r="A405">
        <v>0.14000000000000001</v>
      </c>
      <c r="B405">
        <v>0.97</v>
      </c>
      <c r="C405">
        <v>0.13</v>
      </c>
    </row>
    <row r="406" spans="1:3" x14ac:dyDescent="0.25">
      <c r="A406">
        <v>0.14000000000000001</v>
      </c>
      <c r="B406">
        <v>1.01</v>
      </c>
      <c r="C406">
        <v>0.72</v>
      </c>
    </row>
    <row r="407" spans="1:3" x14ac:dyDescent="0.25">
      <c r="A407">
        <v>0.14000000000000001</v>
      </c>
      <c r="B407">
        <v>1.1599999999999999</v>
      </c>
      <c r="C407">
        <v>0.87</v>
      </c>
    </row>
    <row r="408" spans="1:3" x14ac:dyDescent="0.25">
      <c r="A408">
        <v>0.14000000000000001</v>
      </c>
      <c r="B408">
        <v>1.22</v>
      </c>
      <c r="C408">
        <v>0.84</v>
      </c>
    </row>
    <row r="409" spans="1:3" x14ac:dyDescent="0.25">
      <c r="A409">
        <v>0.14000000000000001</v>
      </c>
      <c r="B409">
        <v>1.25</v>
      </c>
      <c r="C409">
        <v>0.13</v>
      </c>
    </row>
    <row r="410" spans="1:3" x14ac:dyDescent="0.25">
      <c r="A410">
        <v>0.14000000000000001</v>
      </c>
      <c r="B410">
        <v>1.26</v>
      </c>
      <c r="C410">
        <v>0.36</v>
      </c>
    </row>
    <row r="411" spans="1:3" x14ac:dyDescent="0.25">
      <c r="A411">
        <v>0.14000000000000001</v>
      </c>
      <c r="B411">
        <v>1.3</v>
      </c>
      <c r="C411">
        <v>0.48</v>
      </c>
    </row>
    <row r="412" spans="1:3" x14ac:dyDescent="0.25">
      <c r="A412">
        <v>0.14000000000000001</v>
      </c>
      <c r="B412">
        <v>1.34</v>
      </c>
      <c r="C412">
        <v>0.49</v>
      </c>
    </row>
    <row r="413" spans="1:3" x14ac:dyDescent="0.25">
      <c r="A413">
        <v>0.14000000000000001</v>
      </c>
      <c r="B413">
        <v>1.36</v>
      </c>
      <c r="C413">
        <v>0.5</v>
      </c>
    </row>
    <row r="414" spans="1:3" x14ac:dyDescent="0.25">
      <c r="A414">
        <v>0.14000000000000001</v>
      </c>
      <c r="B414">
        <v>1.38</v>
      </c>
      <c r="C414">
        <v>0.63</v>
      </c>
    </row>
    <row r="415" spans="1:3" x14ac:dyDescent="0.25">
      <c r="A415">
        <v>0.14000000000000001</v>
      </c>
      <c r="B415">
        <v>1.44</v>
      </c>
      <c r="C415">
        <v>0.79</v>
      </c>
    </row>
    <row r="416" spans="1:3" x14ac:dyDescent="0.25">
      <c r="A416">
        <v>0.14000000000000001</v>
      </c>
      <c r="B416">
        <v>1.44</v>
      </c>
      <c r="C416">
        <v>0.9</v>
      </c>
    </row>
    <row r="417" spans="1:3" x14ac:dyDescent="0.25">
      <c r="A417">
        <v>0.14000000000000001</v>
      </c>
      <c r="B417">
        <v>1.45</v>
      </c>
      <c r="C417">
        <v>0.93</v>
      </c>
    </row>
    <row r="418" spans="1:3" x14ac:dyDescent="0.25">
      <c r="A418">
        <v>0.15</v>
      </c>
      <c r="B418">
        <v>0.53</v>
      </c>
      <c r="C418">
        <v>0.24</v>
      </c>
    </row>
    <row r="419" spans="1:3" x14ac:dyDescent="0.25">
      <c r="A419">
        <v>0.15</v>
      </c>
      <c r="B419">
        <v>0.54</v>
      </c>
      <c r="C419">
        <v>0.47</v>
      </c>
    </row>
    <row r="420" spans="1:3" x14ac:dyDescent="0.25">
      <c r="A420">
        <v>0.15</v>
      </c>
      <c r="B420">
        <v>0.57999999999999996</v>
      </c>
      <c r="C420">
        <v>0.49</v>
      </c>
    </row>
    <row r="421" spans="1:3" x14ac:dyDescent="0.25">
      <c r="A421">
        <v>0.15</v>
      </c>
      <c r="B421">
        <v>0.62</v>
      </c>
      <c r="C421">
        <v>0.64</v>
      </c>
    </row>
    <row r="422" spans="1:3" x14ac:dyDescent="0.25">
      <c r="A422">
        <v>0.15</v>
      </c>
      <c r="B422">
        <v>0.64</v>
      </c>
      <c r="C422">
        <v>0.18</v>
      </c>
    </row>
    <row r="423" spans="1:3" x14ac:dyDescent="0.25">
      <c r="A423">
        <v>0.15</v>
      </c>
      <c r="B423">
        <v>0.76</v>
      </c>
      <c r="C423">
        <v>0.14000000000000001</v>
      </c>
    </row>
    <row r="424" spans="1:3" x14ac:dyDescent="0.25">
      <c r="A424">
        <v>0.15</v>
      </c>
      <c r="B424">
        <v>0.77</v>
      </c>
      <c r="C424">
        <v>0.11</v>
      </c>
    </row>
    <row r="425" spans="1:3" x14ac:dyDescent="0.25">
      <c r="A425">
        <v>0.15</v>
      </c>
      <c r="B425">
        <v>0.79</v>
      </c>
      <c r="C425">
        <v>0.15</v>
      </c>
    </row>
    <row r="426" spans="1:3" x14ac:dyDescent="0.25">
      <c r="A426">
        <v>0.15</v>
      </c>
      <c r="B426">
        <v>0.83</v>
      </c>
      <c r="C426">
        <v>0.73</v>
      </c>
    </row>
    <row r="427" spans="1:3" x14ac:dyDescent="0.25">
      <c r="A427">
        <v>0.15</v>
      </c>
      <c r="B427">
        <v>0.84</v>
      </c>
      <c r="C427">
        <v>0.32</v>
      </c>
    </row>
    <row r="428" spans="1:3" x14ac:dyDescent="0.25">
      <c r="A428">
        <v>0.15</v>
      </c>
      <c r="B428">
        <v>0.9</v>
      </c>
      <c r="C428">
        <v>0.14000000000000001</v>
      </c>
    </row>
    <row r="429" spans="1:3" x14ac:dyDescent="0.25">
      <c r="A429">
        <v>0.15</v>
      </c>
      <c r="B429">
        <v>0.93</v>
      </c>
      <c r="C429">
        <v>0.4</v>
      </c>
    </row>
    <row r="430" spans="1:3" x14ac:dyDescent="0.25">
      <c r="A430">
        <v>0.15</v>
      </c>
      <c r="B430">
        <v>0.95</v>
      </c>
      <c r="C430">
        <v>0.54</v>
      </c>
    </row>
    <row r="431" spans="1:3" x14ac:dyDescent="0.25">
      <c r="A431">
        <v>0.15</v>
      </c>
      <c r="B431">
        <v>0.98</v>
      </c>
      <c r="C431">
        <v>0.52</v>
      </c>
    </row>
    <row r="432" spans="1:3" x14ac:dyDescent="0.25">
      <c r="A432">
        <v>0.15</v>
      </c>
      <c r="B432">
        <v>1</v>
      </c>
      <c r="C432">
        <v>0.8</v>
      </c>
    </row>
    <row r="433" spans="1:3" x14ac:dyDescent="0.25">
      <c r="A433">
        <v>0.15</v>
      </c>
      <c r="B433">
        <v>1.1100000000000001</v>
      </c>
      <c r="C433">
        <v>0.5</v>
      </c>
    </row>
    <row r="434" spans="1:3" x14ac:dyDescent="0.25">
      <c r="A434">
        <v>0.15</v>
      </c>
      <c r="B434">
        <v>1.23</v>
      </c>
      <c r="C434">
        <v>0.3</v>
      </c>
    </row>
    <row r="435" spans="1:3" x14ac:dyDescent="0.25">
      <c r="A435">
        <v>0.15</v>
      </c>
      <c r="B435">
        <v>1.24</v>
      </c>
      <c r="C435">
        <v>0.8</v>
      </c>
    </row>
    <row r="436" spans="1:3" x14ac:dyDescent="0.25">
      <c r="A436">
        <v>0.15</v>
      </c>
      <c r="B436">
        <v>1.26</v>
      </c>
      <c r="C436">
        <v>0.59</v>
      </c>
    </row>
    <row r="437" spans="1:3" x14ac:dyDescent="0.25">
      <c r="A437">
        <v>0.15</v>
      </c>
      <c r="B437">
        <v>1.28</v>
      </c>
      <c r="C437">
        <v>0.16</v>
      </c>
    </row>
    <row r="438" spans="1:3" x14ac:dyDescent="0.25">
      <c r="A438">
        <v>0.15</v>
      </c>
      <c r="B438">
        <v>1.3</v>
      </c>
      <c r="C438">
        <v>0.81</v>
      </c>
    </row>
    <row r="439" spans="1:3" x14ac:dyDescent="0.25">
      <c r="A439">
        <v>0.15</v>
      </c>
      <c r="B439">
        <v>1.36</v>
      </c>
      <c r="C439">
        <v>0.92</v>
      </c>
    </row>
    <row r="440" spans="1:3" x14ac:dyDescent="0.25">
      <c r="A440">
        <v>0.15</v>
      </c>
      <c r="B440">
        <v>1.39</v>
      </c>
      <c r="C440">
        <v>0.41</v>
      </c>
    </row>
    <row r="441" spans="1:3" x14ac:dyDescent="0.25">
      <c r="A441">
        <v>0.15</v>
      </c>
      <c r="B441">
        <v>1.41</v>
      </c>
      <c r="C441">
        <v>0.41</v>
      </c>
    </row>
    <row r="442" spans="1:3" x14ac:dyDescent="0.25">
      <c r="A442">
        <v>0.16</v>
      </c>
      <c r="B442">
        <v>0.56000000000000005</v>
      </c>
      <c r="C442">
        <v>0.73</v>
      </c>
    </row>
    <row r="443" spans="1:3" x14ac:dyDescent="0.25">
      <c r="A443">
        <v>0.16</v>
      </c>
      <c r="B443">
        <v>0.56999999999999995</v>
      </c>
      <c r="C443">
        <v>0.56000000000000005</v>
      </c>
    </row>
    <row r="444" spans="1:3" x14ac:dyDescent="0.25">
      <c r="A444">
        <v>0.16</v>
      </c>
      <c r="B444">
        <v>0.56999999999999995</v>
      </c>
      <c r="C444">
        <v>0.9</v>
      </c>
    </row>
    <row r="445" spans="1:3" x14ac:dyDescent="0.25">
      <c r="A445">
        <v>0.16</v>
      </c>
      <c r="B445">
        <v>0.64</v>
      </c>
      <c r="C445">
        <v>0.54</v>
      </c>
    </row>
    <row r="446" spans="1:3" x14ac:dyDescent="0.25">
      <c r="A446">
        <v>0.16</v>
      </c>
      <c r="B446">
        <v>0.67</v>
      </c>
      <c r="C446">
        <v>0.24</v>
      </c>
    </row>
    <row r="447" spans="1:3" x14ac:dyDescent="0.25">
      <c r="A447">
        <v>0.16</v>
      </c>
      <c r="B447">
        <v>0.69</v>
      </c>
      <c r="C447">
        <v>0.93</v>
      </c>
    </row>
    <row r="448" spans="1:3" x14ac:dyDescent="0.25">
      <c r="A448">
        <v>0.16</v>
      </c>
      <c r="B448">
        <v>0.72</v>
      </c>
      <c r="C448">
        <v>0.43</v>
      </c>
    </row>
    <row r="449" spans="1:3" x14ac:dyDescent="0.25">
      <c r="A449">
        <v>0.16</v>
      </c>
      <c r="B449">
        <v>0.75</v>
      </c>
      <c r="C449">
        <v>0.66</v>
      </c>
    </row>
    <row r="450" spans="1:3" x14ac:dyDescent="0.25">
      <c r="A450">
        <v>0.16</v>
      </c>
      <c r="B450">
        <v>0.83</v>
      </c>
      <c r="C450">
        <v>0.31</v>
      </c>
    </row>
    <row r="451" spans="1:3" x14ac:dyDescent="0.25">
      <c r="A451">
        <v>0.16</v>
      </c>
      <c r="B451">
        <v>0.85</v>
      </c>
      <c r="C451">
        <v>0.63</v>
      </c>
    </row>
    <row r="452" spans="1:3" x14ac:dyDescent="0.25">
      <c r="A452">
        <v>0.16</v>
      </c>
      <c r="B452">
        <v>0.87</v>
      </c>
      <c r="C452">
        <v>0.64</v>
      </c>
    </row>
    <row r="453" spans="1:3" x14ac:dyDescent="0.25">
      <c r="A453">
        <v>0.16</v>
      </c>
      <c r="B453">
        <v>0.88</v>
      </c>
      <c r="C453">
        <v>0.49</v>
      </c>
    </row>
    <row r="454" spans="1:3" x14ac:dyDescent="0.25">
      <c r="A454">
        <v>0.16</v>
      </c>
      <c r="B454">
        <v>0.9</v>
      </c>
      <c r="C454">
        <v>0.52</v>
      </c>
    </row>
    <row r="455" spans="1:3" x14ac:dyDescent="0.25">
      <c r="A455">
        <v>0.16</v>
      </c>
      <c r="B455">
        <v>0.93</v>
      </c>
      <c r="C455">
        <v>0.15</v>
      </c>
    </row>
    <row r="456" spans="1:3" x14ac:dyDescent="0.25">
      <c r="A456">
        <v>0.16</v>
      </c>
      <c r="B456">
        <v>0.96</v>
      </c>
      <c r="C456">
        <v>0.54</v>
      </c>
    </row>
    <row r="457" spans="1:3" x14ac:dyDescent="0.25">
      <c r="A457">
        <v>0.16</v>
      </c>
      <c r="B457">
        <v>1</v>
      </c>
      <c r="C457">
        <v>0.67</v>
      </c>
    </row>
    <row r="458" spans="1:3" x14ac:dyDescent="0.25">
      <c r="A458">
        <v>0.16</v>
      </c>
      <c r="B458">
        <v>1.0900000000000001</v>
      </c>
      <c r="C458">
        <v>0.66</v>
      </c>
    </row>
    <row r="459" spans="1:3" x14ac:dyDescent="0.25">
      <c r="A459">
        <v>0.16</v>
      </c>
      <c r="B459">
        <v>1.1000000000000001</v>
      </c>
      <c r="C459">
        <v>0.36</v>
      </c>
    </row>
    <row r="460" spans="1:3" x14ac:dyDescent="0.25">
      <c r="A460">
        <v>0.16</v>
      </c>
      <c r="B460">
        <v>1.1000000000000001</v>
      </c>
      <c r="C460">
        <v>0.4</v>
      </c>
    </row>
    <row r="461" spans="1:3" x14ac:dyDescent="0.25">
      <c r="A461">
        <v>0.16</v>
      </c>
      <c r="B461">
        <v>1.1299999999999999</v>
      </c>
      <c r="C461">
        <v>0.51</v>
      </c>
    </row>
    <row r="462" spans="1:3" x14ac:dyDescent="0.25">
      <c r="A462">
        <v>0.16</v>
      </c>
      <c r="B462">
        <v>1.1399999999999999</v>
      </c>
      <c r="C462">
        <v>0.54</v>
      </c>
    </row>
    <row r="463" spans="1:3" x14ac:dyDescent="0.25">
      <c r="A463">
        <v>0.16</v>
      </c>
      <c r="B463">
        <v>1.17</v>
      </c>
      <c r="C463">
        <v>0.2</v>
      </c>
    </row>
    <row r="464" spans="1:3" x14ac:dyDescent="0.25">
      <c r="A464">
        <v>0.16</v>
      </c>
      <c r="B464">
        <v>1.22</v>
      </c>
      <c r="C464">
        <v>0.75</v>
      </c>
    </row>
    <row r="465" spans="1:3" x14ac:dyDescent="0.25">
      <c r="A465">
        <v>0.16</v>
      </c>
      <c r="B465">
        <v>1.29</v>
      </c>
      <c r="C465">
        <v>0.87</v>
      </c>
    </row>
    <row r="466" spans="1:3" x14ac:dyDescent="0.25">
      <c r="A466">
        <v>0.16</v>
      </c>
      <c r="B466">
        <v>1.29</v>
      </c>
      <c r="C466">
        <v>0.3</v>
      </c>
    </row>
    <row r="467" spans="1:3" x14ac:dyDescent="0.25">
      <c r="A467">
        <v>0.16</v>
      </c>
      <c r="B467">
        <v>1.38</v>
      </c>
      <c r="C467">
        <v>0.65</v>
      </c>
    </row>
    <row r="468" spans="1:3" x14ac:dyDescent="0.25">
      <c r="A468">
        <v>0.16</v>
      </c>
      <c r="B468">
        <v>1.38</v>
      </c>
      <c r="C468">
        <v>0.16</v>
      </c>
    </row>
    <row r="469" spans="1:3" x14ac:dyDescent="0.25">
      <c r="A469">
        <v>0.17</v>
      </c>
      <c r="B469">
        <v>0.52</v>
      </c>
      <c r="C469">
        <v>0.1</v>
      </c>
    </row>
    <row r="470" spans="1:3" x14ac:dyDescent="0.25">
      <c r="A470">
        <v>0.17</v>
      </c>
      <c r="B470">
        <v>0.53</v>
      </c>
      <c r="C470">
        <v>0.43</v>
      </c>
    </row>
    <row r="471" spans="1:3" x14ac:dyDescent="0.25">
      <c r="A471">
        <v>0.17</v>
      </c>
      <c r="B471">
        <v>0.56000000000000005</v>
      </c>
      <c r="C471">
        <v>0.77</v>
      </c>
    </row>
    <row r="472" spans="1:3" x14ac:dyDescent="0.25">
      <c r="A472">
        <v>0.17</v>
      </c>
      <c r="B472">
        <v>0.56999999999999995</v>
      </c>
      <c r="C472">
        <v>0.38</v>
      </c>
    </row>
    <row r="473" spans="1:3" x14ac:dyDescent="0.25">
      <c r="A473">
        <v>0.17</v>
      </c>
      <c r="B473">
        <v>0.6</v>
      </c>
      <c r="C473">
        <v>0.55000000000000004</v>
      </c>
    </row>
    <row r="474" spans="1:3" x14ac:dyDescent="0.25">
      <c r="A474">
        <v>0.17</v>
      </c>
      <c r="B474">
        <v>0.64</v>
      </c>
      <c r="C474">
        <v>0.84</v>
      </c>
    </row>
    <row r="475" spans="1:3" x14ac:dyDescent="0.25">
      <c r="A475">
        <v>0.17</v>
      </c>
      <c r="B475">
        <v>0.65</v>
      </c>
      <c r="C475">
        <v>0.89</v>
      </c>
    </row>
    <row r="476" spans="1:3" x14ac:dyDescent="0.25">
      <c r="A476">
        <v>0.17</v>
      </c>
      <c r="B476">
        <v>0.69</v>
      </c>
      <c r="C476">
        <v>0.93</v>
      </c>
    </row>
    <row r="477" spans="1:3" x14ac:dyDescent="0.25">
      <c r="A477">
        <v>0.17</v>
      </c>
      <c r="B477">
        <v>0.74</v>
      </c>
      <c r="C477">
        <v>0.89</v>
      </c>
    </row>
    <row r="478" spans="1:3" x14ac:dyDescent="0.25">
      <c r="A478">
        <v>0.17</v>
      </c>
      <c r="B478">
        <v>0.78</v>
      </c>
      <c r="C478">
        <v>0.51</v>
      </c>
    </row>
    <row r="479" spans="1:3" x14ac:dyDescent="0.25">
      <c r="A479">
        <v>0.17</v>
      </c>
      <c r="B479">
        <v>0.83</v>
      </c>
      <c r="C479">
        <v>7.0000000000000007E-2</v>
      </c>
    </row>
    <row r="480" spans="1:3" x14ac:dyDescent="0.25">
      <c r="A480">
        <v>0.17</v>
      </c>
      <c r="B480">
        <v>0.84</v>
      </c>
      <c r="C480">
        <v>0.46</v>
      </c>
    </row>
    <row r="481" spans="1:3" x14ac:dyDescent="0.25">
      <c r="A481">
        <v>0.17</v>
      </c>
      <c r="B481">
        <v>0.85</v>
      </c>
      <c r="C481">
        <v>0.15</v>
      </c>
    </row>
    <row r="482" spans="1:3" x14ac:dyDescent="0.25">
      <c r="A482">
        <v>0.17</v>
      </c>
      <c r="B482">
        <v>0.85</v>
      </c>
      <c r="C482">
        <v>0.89</v>
      </c>
    </row>
    <row r="483" spans="1:3" x14ac:dyDescent="0.25">
      <c r="A483">
        <v>0.17</v>
      </c>
      <c r="B483">
        <v>0.88</v>
      </c>
      <c r="C483">
        <v>0.51</v>
      </c>
    </row>
    <row r="484" spans="1:3" x14ac:dyDescent="0.25">
      <c r="A484">
        <v>0.17</v>
      </c>
      <c r="B484">
        <v>0.91</v>
      </c>
      <c r="C484">
        <v>0.34</v>
      </c>
    </row>
    <row r="485" spans="1:3" x14ac:dyDescent="0.25">
      <c r="A485">
        <v>0.17</v>
      </c>
      <c r="B485">
        <v>0.93</v>
      </c>
      <c r="C485">
        <v>0.94</v>
      </c>
    </row>
    <row r="486" spans="1:3" x14ac:dyDescent="0.25">
      <c r="A486">
        <v>0.17</v>
      </c>
      <c r="B486">
        <v>0.94</v>
      </c>
      <c r="C486">
        <v>0.28999999999999998</v>
      </c>
    </row>
    <row r="487" spans="1:3" x14ac:dyDescent="0.25">
      <c r="A487">
        <v>0.17</v>
      </c>
      <c r="B487">
        <v>1.06</v>
      </c>
      <c r="C487">
        <v>0.93</v>
      </c>
    </row>
    <row r="488" spans="1:3" x14ac:dyDescent="0.25">
      <c r="A488">
        <v>0.17</v>
      </c>
      <c r="B488">
        <v>1.07</v>
      </c>
      <c r="C488">
        <v>0.12</v>
      </c>
    </row>
    <row r="489" spans="1:3" x14ac:dyDescent="0.25">
      <c r="A489">
        <v>0.17</v>
      </c>
      <c r="B489">
        <v>1.21</v>
      </c>
      <c r="C489">
        <v>0.83</v>
      </c>
    </row>
    <row r="490" spans="1:3" x14ac:dyDescent="0.25">
      <c r="A490">
        <v>0.17</v>
      </c>
      <c r="B490">
        <v>1.21</v>
      </c>
      <c r="C490">
        <v>0.77</v>
      </c>
    </row>
    <row r="491" spans="1:3" x14ac:dyDescent="0.25">
      <c r="A491">
        <v>0.17</v>
      </c>
      <c r="B491">
        <v>1.22</v>
      </c>
      <c r="C491">
        <v>0.18</v>
      </c>
    </row>
    <row r="492" spans="1:3" x14ac:dyDescent="0.25">
      <c r="A492">
        <v>0.17</v>
      </c>
      <c r="B492">
        <v>1.23</v>
      </c>
      <c r="C492">
        <v>0.11</v>
      </c>
    </row>
    <row r="493" spans="1:3" x14ac:dyDescent="0.25">
      <c r="A493">
        <v>0.17</v>
      </c>
      <c r="B493">
        <v>1.25</v>
      </c>
      <c r="C493">
        <v>0.62</v>
      </c>
    </row>
    <row r="494" spans="1:3" x14ac:dyDescent="0.25">
      <c r="A494">
        <v>0.17</v>
      </c>
      <c r="B494">
        <v>1.25</v>
      </c>
      <c r="C494">
        <v>0.91</v>
      </c>
    </row>
    <row r="495" spans="1:3" x14ac:dyDescent="0.25">
      <c r="A495">
        <v>0.17</v>
      </c>
      <c r="B495">
        <v>1.25</v>
      </c>
      <c r="C495">
        <v>0.54</v>
      </c>
    </row>
    <row r="496" spans="1:3" x14ac:dyDescent="0.25">
      <c r="A496">
        <v>0.17</v>
      </c>
      <c r="B496">
        <v>1.3</v>
      </c>
      <c r="C496">
        <v>0.49</v>
      </c>
    </row>
    <row r="497" spans="1:3" x14ac:dyDescent="0.25">
      <c r="A497">
        <v>0.17</v>
      </c>
      <c r="B497">
        <v>1.3</v>
      </c>
      <c r="C497">
        <v>0.4</v>
      </c>
    </row>
    <row r="498" spans="1:3" x14ac:dyDescent="0.25">
      <c r="A498">
        <v>0.17</v>
      </c>
      <c r="B498">
        <v>1.38</v>
      </c>
      <c r="C498">
        <v>0.81</v>
      </c>
    </row>
    <row r="499" spans="1:3" x14ac:dyDescent="0.25">
      <c r="A499">
        <v>0.17</v>
      </c>
      <c r="B499">
        <v>1.38</v>
      </c>
      <c r="C499">
        <v>0.22</v>
      </c>
    </row>
    <row r="500" spans="1:3" x14ac:dyDescent="0.25">
      <c r="A500">
        <v>0.17</v>
      </c>
      <c r="B500">
        <v>1.4</v>
      </c>
      <c r="C500">
        <v>0.56000000000000005</v>
      </c>
    </row>
    <row r="501" spans="1:3" x14ac:dyDescent="0.25">
      <c r="A501">
        <v>0.18</v>
      </c>
      <c r="B501">
        <v>0.51</v>
      </c>
      <c r="C501">
        <v>0.8</v>
      </c>
    </row>
    <row r="502" spans="1:3" x14ac:dyDescent="0.25">
      <c r="A502">
        <v>0.18</v>
      </c>
      <c r="B502">
        <v>0.52</v>
      </c>
      <c r="C502">
        <v>0.09</v>
      </c>
    </row>
    <row r="503" spans="1:3" x14ac:dyDescent="0.25">
      <c r="A503">
        <v>0.18</v>
      </c>
      <c r="B503">
        <v>0.54</v>
      </c>
      <c r="C503">
        <v>0.33</v>
      </c>
    </row>
    <row r="504" spans="1:3" x14ac:dyDescent="0.25">
      <c r="A504">
        <v>0.18</v>
      </c>
      <c r="B504">
        <v>0.57999999999999996</v>
      </c>
      <c r="C504">
        <v>0.85</v>
      </c>
    </row>
    <row r="505" spans="1:3" x14ac:dyDescent="0.25">
      <c r="A505">
        <v>0.18</v>
      </c>
      <c r="B505">
        <v>0.6</v>
      </c>
      <c r="C505">
        <v>0.76</v>
      </c>
    </row>
    <row r="506" spans="1:3" x14ac:dyDescent="0.25">
      <c r="A506">
        <v>0.18</v>
      </c>
      <c r="B506">
        <v>0.61</v>
      </c>
      <c r="C506">
        <v>0.65</v>
      </c>
    </row>
    <row r="507" spans="1:3" x14ac:dyDescent="0.25">
      <c r="A507">
        <v>0.18</v>
      </c>
      <c r="B507">
        <v>0.67</v>
      </c>
      <c r="C507">
        <v>0.06</v>
      </c>
    </row>
    <row r="508" spans="1:3" x14ac:dyDescent="0.25">
      <c r="A508">
        <v>0.18</v>
      </c>
      <c r="B508">
        <v>0.81</v>
      </c>
      <c r="C508">
        <v>0.61</v>
      </c>
    </row>
    <row r="509" spans="1:3" x14ac:dyDescent="0.25">
      <c r="A509">
        <v>0.18</v>
      </c>
      <c r="B509">
        <v>0.82</v>
      </c>
      <c r="C509">
        <v>0.32</v>
      </c>
    </row>
    <row r="510" spans="1:3" x14ac:dyDescent="0.25">
      <c r="A510">
        <v>0.18</v>
      </c>
      <c r="B510">
        <v>0.84</v>
      </c>
      <c r="C510">
        <v>0.81</v>
      </c>
    </row>
    <row r="511" spans="1:3" x14ac:dyDescent="0.25">
      <c r="A511">
        <v>0.18</v>
      </c>
      <c r="B511">
        <v>0.84</v>
      </c>
      <c r="C511">
        <v>0.37</v>
      </c>
    </row>
    <row r="512" spans="1:3" x14ac:dyDescent="0.25">
      <c r="A512">
        <v>0.18</v>
      </c>
      <c r="B512">
        <v>0.87</v>
      </c>
      <c r="C512">
        <v>0.06</v>
      </c>
    </row>
    <row r="513" spans="1:3" x14ac:dyDescent="0.25">
      <c r="A513">
        <v>0.18</v>
      </c>
      <c r="B513">
        <v>0.92</v>
      </c>
      <c r="C513">
        <v>0.23</v>
      </c>
    </row>
    <row r="514" spans="1:3" x14ac:dyDescent="0.25">
      <c r="A514">
        <v>0.18</v>
      </c>
      <c r="B514">
        <v>0.94</v>
      </c>
      <c r="C514">
        <v>0.78</v>
      </c>
    </row>
    <row r="515" spans="1:3" x14ac:dyDescent="0.25">
      <c r="A515">
        <v>0.18</v>
      </c>
      <c r="B515">
        <v>0.96</v>
      </c>
      <c r="C515">
        <v>0.48</v>
      </c>
    </row>
    <row r="516" spans="1:3" x14ac:dyDescent="0.25">
      <c r="A516">
        <v>0.18</v>
      </c>
      <c r="B516">
        <v>0.98</v>
      </c>
      <c r="C516">
        <v>0.38</v>
      </c>
    </row>
    <row r="517" spans="1:3" x14ac:dyDescent="0.25">
      <c r="A517">
        <v>0.18</v>
      </c>
      <c r="B517">
        <v>1.08</v>
      </c>
      <c r="C517">
        <v>0.81</v>
      </c>
    </row>
    <row r="518" spans="1:3" x14ac:dyDescent="0.25">
      <c r="A518">
        <v>0.18</v>
      </c>
      <c r="B518">
        <v>1.0900000000000001</v>
      </c>
      <c r="C518">
        <v>0.52</v>
      </c>
    </row>
    <row r="519" spans="1:3" x14ac:dyDescent="0.25">
      <c r="A519">
        <v>0.18</v>
      </c>
      <c r="B519">
        <v>1.1000000000000001</v>
      </c>
      <c r="C519">
        <v>0.57999999999999996</v>
      </c>
    </row>
    <row r="520" spans="1:3" x14ac:dyDescent="0.25">
      <c r="A520">
        <v>0.18</v>
      </c>
      <c r="B520">
        <v>1.1399999999999999</v>
      </c>
      <c r="C520">
        <v>0.38</v>
      </c>
    </row>
    <row r="521" spans="1:3" x14ac:dyDescent="0.25">
      <c r="A521">
        <v>0.18</v>
      </c>
      <c r="B521">
        <v>1.18</v>
      </c>
      <c r="C521">
        <v>0.5</v>
      </c>
    </row>
    <row r="522" spans="1:3" x14ac:dyDescent="0.25">
      <c r="A522">
        <v>0.18</v>
      </c>
      <c r="B522">
        <v>1.2</v>
      </c>
      <c r="C522">
        <v>0.15</v>
      </c>
    </row>
    <row r="523" spans="1:3" x14ac:dyDescent="0.25">
      <c r="A523">
        <v>0.18</v>
      </c>
      <c r="B523">
        <v>1.21</v>
      </c>
      <c r="C523">
        <v>0.59</v>
      </c>
    </row>
    <row r="524" spans="1:3" x14ac:dyDescent="0.25">
      <c r="A524">
        <v>0.18</v>
      </c>
      <c r="B524">
        <v>1.28</v>
      </c>
      <c r="C524">
        <v>0.85</v>
      </c>
    </row>
    <row r="525" spans="1:3" x14ac:dyDescent="0.25">
      <c r="A525">
        <v>0.18</v>
      </c>
      <c r="B525">
        <v>1.29</v>
      </c>
      <c r="C525">
        <v>0.8</v>
      </c>
    </row>
    <row r="526" spans="1:3" x14ac:dyDescent="0.25">
      <c r="A526">
        <v>0.18</v>
      </c>
      <c r="B526">
        <v>1.3</v>
      </c>
      <c r="C526">
        <v>0.13</v>
      </c>
    </row>
    <row r="527" spans="1:3" x14ac:dyDescent="0.25">
      <c r="A527">
        <v>0.18</v>
      </c>
      <c r="B527">
        <v>1.3</v>
      </c>
      <c r="C527">
        <v>0.48</v>
      </c>
    </row>
    <row r="528" spans="1:3" x14ac:dyDescent="0.25">
      <c r="A528">
        <v>0.18</v>
      </c>
      <c r="B528">
        <v>1.32</v>
      </c>
      <c r="C528">
        <v>0.12</v>
      </c>
    </row>
    <row r="529" spans="1:3" x14ac:dyDescent="0.25">
      <c r="A529">
        <v>0.18</v>
      </c>
      <c r="B529">
        <v>1.32</v>
      </c>
      <c r="C529">
        <v>0.77</v>
      </c>
    </row>
    <row r="530" spans="1:3" x14ac:dyDescent="0.25">
      <c r="A530">
        <v>0.18</v>
      </c>
      <c r="B530">
        <v>1.42</v>
      </c>
      <c r="C530">
        <v>0.17</v>
      </c>
    </row>
    <row r="531" spans="1:3" x14ac:dyDescent="0.25">
      <c r="A531">
        <v>0.18</v>
      </c>
      <c r="B531">
        <v>1.42</v>
      </c>
      <c r="C531">
        <v>0.6</v>
      </c>
    </row>
    <row r="532" spans="1:3" x14ac:dyDescent="0.25">
      <c r="A532">
        <v>0.18</v>
      </c>
      <c r="B532">
        <v>1.46</v>
      </c>
      <c r="C532">
        <v>0.45</v>
      </c>
    </row>
    <row r="533" spans="1:3" x14ac:dyDescent="0.25">
      <c r="A533">
        <v>0.19</v>
      </c>
      <c r="B533">
        <v>0.5</v>
      </c>
      <c r="C533">
        <v>0.34</v>
      </c>
    </row>
    <row r="534" spans="1:3" x14ac:dyDescent="0.25">
      <c r="A534">
        <v>0.19</v>
      </c>
      <c r="B534">
        <v>0.52</v>
      </c>
      <c r="C534">
        <v>0.51</v>
      </c>
    </row>
    <row r="535" spans="1:3" x14ac:dyDescent="0.25">
      <c r="A535">
        <v>0.19</v>
      </c>
      <c r="B535">
        <v>0.56999999999999995</v>
      </c>
      <c r="C535">
        <v>0.56000000000000005</v>
      </c>
    </row>
    <row r="536" spans="1:3" x14ac:dyDescent="0.25">
      <c r="A536">
        <v>0.19</v>
      </c>
      <c r="B536">
        <v>0.62</v>
      </c>
      <c r="C536">
        <v>0.5</v>
      </c>
    </row>
    <row r="537" spans="1:3" x14ac:dyDescent="0.25">
      <c r="A537">
        <v>0.19</v>
      </c>
      <c r="B537">
        <v>0.65</v>
      </c>
      <c r="C537">
        <v>0.93</v>
      </c>
    </row>
    <row r="538" spans="1:3" x14ac:dyDescent="0.25">
      <c r="A538">
        <v>0.19</v>
      </c>
      <c r="B538">
        <v>0.65</v>
      </c>
      <c r="C538">
        <v>0.1</v>
      </c>
    </row>
    <row r="539" spans="1:3" x14ac:dyDescent="0.25">
      <c r="A539">
        <v>0.19</v>
      </c>
      <c r="B539">
        <v>0.72</v>
      </c>
      <c r="C539">
        <v>0.62</v>
      </c>
    </row>
    <row r="540" spans="1:3" x14ac:dyDescent="0.25">
      <c r="A540">
        <v>0.19</v>
      </c>
      <c r="B540">
        <v>0.74</v>
      </c>
      <c r="C540">
        <v>0.25</v>
      </c>
    </row>
    <row r="541" spans="1:3" x14ac:dyDescent="0.25">
      <c r="A541">
        <v>0.19</v>
      </c>
      <c r="B541">
        <v>0.77</v>
      </c>
      <c r="C541">
        <v>0.56000000000000005</v>
      </c>
    </row>
    <row r="542" spans="1:3" x14ac:dyDescent="0.25">
      <c r="A542">
        <v>0.19</v>
      </c>
      <c r="B542">
        <v>0.79</v>
      </c>
      <c r="C542">
        <v>0.38</v>
      </c>
    </row>
    <row r="543" spans="1:3" x14ac:dyDescent="0.25">
      <c r="A543">
        <v>0.19</v>
      </c>
      <c r="B543">
        <v>0.81</v>
      </c>
      <c r="C543">
        <v>0.59</v>
      </c>
    </row>
    <row r="544" spans="1:3" x14ac:dyDescent="0.25">
      <c r="A544">
        <v>0.19</v>
      </c>
      <c r="B544">
        <v>0.81</v>
      </c>
      <c r="C544">
        <v>0.69</v>
      </c>
    </row>
    <row r="545" spans="1:3" x14ac:dyDescent="0.25">
      <c r="A545">
        <v>0.19</v>
      </c>
      <c r="B545">
        <v>0.92</v>
      </c>
      <c r="C545">
        <v>0.82</v>
      </c>
    </row>
    <row r="546" spans="1:3" x14ac:dyDescent="0.25">
      <c r="A546">
        <v>0.19</v>
      </c>
      <c r="B546">
        <v>0.95</v>
      </c>
      <c r="C546">
        <v>0.94</v>
      </c>
    </row>
    <row r="547" spans="1:3" x14ac:dyDescent="0.25">
      <c r="A547">
        <v>0.19</v>
      </c>
      <c r="B547">
        <v>0.96</v>
      </c>
      <c r="C547">
        <v>0.44</v>
      </c>
    </row>
    <row r="548" spans="1:3" x14ac:dyDescent="0.25">
      <c r="A548">
        <v>0.19</v>
      </c>
      <c r="B548">
        <v>0.97</v>
      </c>
      <c r="C548">
        <v>0.91</v>
      </c>
    </row>
    <row r="549" spans="1:3" x14ac:dyDescent="0.25">
      <c r="A549">
        <v>0.19</v>
      </c>
      <c r="B549">
        <v>0.98</v>
      </c>
      <c r="C549">
        <v>7.0000000000000007E-2</v>
      </c>
    </row>
    <row r="550" spans="1:3" x14ac:dyDescent="0.25">
      <c r="A550">
        <v>0.19</v>
      </c>
      <c r="B550">
        <v>0.99</v>
      </c>
      <c r="C550">
        <v>0.18</v>
      </c>
    </row>
    <row r="551" spans="1:3" x14ac:dyDescent="0.25">
      <c r="A551">
        <v>0.19</v>
      </c>
      <c r="B551">
        <v>1</v>
      </c>
      <c r="C551">
        <v>0.91</v>
      </c>
    </row>
    <row r="552" spans="1:3" x14ac:dyDescent="0.25">
      <c r="A552">
        <v>0.19</v>
      </c>
      <c r="B552">
        <v>1</v>
      </c>
      <c r="C552">
        <v>0.3</v>
      </c>
    </row>
    <row r="553" spans="1:3" x14ac:dyDescent="0.25">
      <c r="A553">
        <v>0.19</v>
      </c>
      <c r="B553">
        <v>1.04</v>
      </c>
      <c r="C553">
        <v>0.41</v>
      </c>
    </row>
    <row r="554" spans="1:3" x14ac:dyDescent="0.25">
      <c r="A554">
        <v>0.19</v>
      </c>
      <c r="B554">
        <v>1.08</v>
      </c>
      <c r="C554">
        <v>0.85</v>
      </c>
    </row>
    <row r="555" spans="1:3" x14ac:dyDescent="0.25">
      <c r="A555">
        <v>0.19</v>
      </c>
      <c r="B555">
        <v>1.0900000000000001</v>
      </c>
      <c r="C555">
        <v>0.06</v>
      </c>
    </row>
    <row r="556" spans="1:3" x14ac:dyDescent="0.25">
      <c r="A556">
        <v>0.19</v>
      </c>
      <c r="B556">
        <v>1.1000000000000001</v>
      </c>
      <c r="C556">
        <v>0.92</v>
      </c>
    </row>
    <row r="557" spans="1:3" x14ac:dyDescent="0.25">
      <c r="A557">
        <v>0.19</v>
      </c>
      <c r="B557">
        <v>1.17</v>
      </c>
      <c r="C557">
        <v>0.34</v>
      </c>
    </row>
    <row r="558" spans="1:3" x14ac:dyDescent="0.25">
      <c r="A558">
        <v>0.19</v>
      </c>
      <c r="B558">
        <v>1.22</v>
      </c>
      <c r="C558">
        <v>0.43</v>
      </c>
    </row>
    <row r="559" spans="1:3" x14ac:dyDescent="0.25">
      <c r="A559">
        <v>0.19</v>
      </c>
      <c r="B559">
        <v>1.22</v>
      </c>
      <c r="C559">
        <v>0.14000000000000001</v>
      </c>
    </row>
    <row r="560" spans="1:3" x14ac:dyDescent="0.25">
      <c r="A560">
        <v>0.19</v>
      </c>
      <c r="B560">
        <v>1.22</v>
      </c>
      <c r="C560">
        <v>0.06</v>
      </c>
    </row>
    <row r="561" spans="1:3" x14ac:dyDescent="0.25">
      <c r="A561">
        <v>0.19</v>
      </c>
      <c r="B561">
        <v>1.23</v>
      </c>
      <c r="C561">
        <v>0.36</v>
      </c>
    </row>
    <row r="562" spans="1:3" x14ac:dyDescent="0.25">
      <c r="A562">
        <v>0.19</v>
      </c>
      <c r="B562">
        <v>1.23</v>
      </c>
      <c r="C562">
        <v>0.83</v>
      </c>
    </row>
    <row r="563" spans="1:3" x14ac:dyDescent="0.25">
      <c r="A563">
        <v>0.19</v>
      </c>
      <c r="B563">
        <v>1.25</v>
      </c>
      <c r="C563">
        <v>0.6</v>
      </c>
    </row>
    <row r="564" spans="1:3" x14ac:dyDescent="0.25">
      <c r="A564">
        <v>0.19</v>
      </c>
      <c r="B564">
        <v>1.27</v>
      </c>
      <c r="C564">
        <v>0.64</v>
      </c>
    </row>
    <row r="565" spans="1:3" x14ac:dyDescent="0.25">
      <c r="A565">
        <v>0.19</v>
      </c>
      <c r="B565">
        <v>1.29</v>
      </c>
      <c r="C565">
        <v>0.48</v>
      </c>
    </row>
    <row r="566" spans="1:3" x14ac:dyDescent="0.25">
      <c r="A566">
        <v>0.19</v>
      </c>
      <c r="B566">
        <v>1.32</v>
      </c>
      <c r="C566">
        <v>0.8</v>
      </c>
    </row>
    <row r="567" spans="1:3" x14ac:dyDescent="0.25">
      <c r="A567">
        <v>0.19</v>
      </c>
      <c r="B567">
        <v>1.33</v>
      </c>
      <c r="C567">
        <v>0.1</v>
      </c>
    </row>
    <row r="568" spans="1:3" x14ac:dyDescent="0.25">
      <c r="A568">
        <v>0.19</v>
      </c>
      <c r="B568">
        <v>1.35</v>
      </c>
      <c r="C568">
        <v>0.19</v>
      </c>
    </row>
    <row r="569" spans="1:3" x14ac:dyDescent="0.25">
      <c r="A569">
        <v>0.19</v>
      </c>
      <c r="B569">
        <v>1.37</v>
      </c>
      <c r="C569">
        <v>0.08</v>
      </c>
    </row>
    <row r="570" spans="1:3" x14ac:dyDescent="0.25">
      <c r="A570">
        <v>0.19</v>
      </c>
      <c r="B570">
        <v>1.4</v>
      </c>
      <c r="C570">
        <v>0.38</v>
      </c>
    </row>
    <row r="571" spans="1:3" x14ac:dyDescent="0.25">
      <c r="A571">
        <v>0.19</v>
      </c>
      <c r="B571">
        <v>1.41</v>
      </c>
      <c r="C571">
        <v>0.51</v>
      </c>
    </row>
    <row r="572" spans="1:3" x14ac:dyDescent="0.25">
      <c r="A572">
        <v>0.19</v>
      </c>
      <c r="B572">
        <v>1.48</v>
      </c>
      <c r="C572">
        <v>0.23</v>
      </c>
    </row>
    <row r="573" spans="1:3" x14ac:dyDescent="0.25">
      <c r="A573">
        <v>0.2</v>
      </c>
      <c r="B573">
        <v>0.53</v>
      </c>
      <c r="C573">
        <v>0.62</v>
      </c>
    </row>
    <row r="574" spans="1:3" x14ac:dyDescent="0.25">
      <c r="A574">
        <v>0.2</v>
      </c>
      <c r="B574">
        <v>0.53</v>
      </c>
      <c r="C574">
        <v>0.83</v>
      </c>
    </row>
    <row r="575" spans="1:3" x14ac:dyDescent="0.25">
      <c r="A575">
        <v>0.2</v>
      </c>
      <c r="B575">
        <v>0.56000000000000005</v>
      </c>
      <c r="C575">
        <v>0.52</v>
      </c>
    </row>
    <row r="576" spans="1:3" x14ac:dyDescent="0.25">
      <c r="A576">
        <v>0.2</v>
      </c>
      <c r="B576">
        <v>0.59</v>
      </c>
      <c r="C576">
        <v>0.88</v>
      </c>
    </row>
    <row r="577" spans="1:3" x14ac:dyDescent="0.25">
      <c r="A577">
        <v>0.2</v>
      </c>
      <c r="B577">
        <v>0.62</v>
      </c>
      <c r="C577">
        <v>0.91</v>
      </c>
    </row>
    <row r="578" spans="1:3" x14ac:dyDescent="0.25">
      <c r="A578">
        <v>0.2</v>
      </c>
      <c r="B578">
        <v>0.64</v>
      </c>
      <c r="C578">
        <v>0.43</v>
      </c>
    </row>
    <row r="579" spans="1:3" x14ac:dyDescent="0.25">
      <c r="A579">
        <v>0.2</v>
      </c>
      <c r="B579">
        <v>0.7</v>
      </c>
      <c r="C579">
        <v>0.35</v>
      </c>
    </row>
    <row r="580" spans="1:3" x14ac:dyDescent="0.25">
      <c r="A580">
        <v>0.2</v>
      </c>
      <c r="B580">
        <v>0.74</v>
      </c>
      <c r="C580">
        <v>0.11</v>
      </c>
    </row>
    <row r="581" spans="1:3" x14ac:dyDescent="0.25">
      <c r="A581">
        <v>0.2</v>
      </c>
      <c r="B581">
        <v>0.79</v>
      </c>
      <c r="C581">
        <v>0.76</v>
      </c>
    </row>
    <row r="582" spans="1:3" x14ac:dyDescent="0.25">
      <c r="A582">
        <v>0.2</v>
      </c>
      <c r="B582">
        <v>0.81</v>
      </c>
      <c r="C582">
        <v>0.17</v>
      </c>
    </row>
    <row r="583" spans="1:3" x14ac:dyDescent="0.25">
      <c r="A583">
        <v>0.2</v>
      </c>
      <c r="B583">
        <v>0.82</v>
      </c>
      <c r="C583">
        <v>0.9</v>
      </c>
    </row>
    <row r="584" spans="1:3" x14ac:dyDescent="0.25">
      <c r="A584">
        <v>0.2</v>
      </c>
      <c r="B584">
        <v>0.84</v>
      </c>
      <c r="C584">
        <v>0.82</v>
      </c>
    </row>
    <row r="585" spans="1:3" x14ac:dyDescent="0.25">
      <c r="A585">
        <v>0.2</v>
      </c>
      <c r="B585">
        <v>0.86</v>
      </c>
      <c r="C585">
        <v>0.28999999999999998</v>
      </c>
    </row>
    <row r="586" spans="1:3" x14ac:dyDescent="0.25">
      <c r="A586">
        <v>0.2</v>
      </c>
      <c r="B586">
        <v>0.87</v>
      </c>
      <c r="C586">
        <v>0.83</v>
      </c>
    </row>
    <row r="587" spans="1:3" x14ac:dyDescent="0.25">
      <c r="A587">
        <v>0.2</v>
      </c>
      <c r="B587">
        <v>0.91</v>
      </c>
      <c r="C587">
        <v>0.85</v>
      </c>
    </row>
    <row r="588" spans="1:3" x14ac:dyDescent="0.25">
      <c r="A588">
        <v>0.2</v>
      </c>
      <c r="B588">
        <v>0.91</v>
      </c>
      <c r="C588">
        <v>0.52</v>
      </c>
    </row>
    <row r="589" spans="1:3" x14ac:dyDescent="0.25">
      <c r="A589">
        <v>0.2</v>
      </c>
      <c r="B589">
        <v>0.91</v>
      </c>
      <c r="C589">
        <v>0.88</v>
      </c>
    </row>
    <row r="590" spans="1:3" x14ac:dyDescent="0.25">
      <c r="A590">
        <v>0.2</v>
      </c>
      <c r="B590">
        <v>1.01</v>
      </c>
      <c r="C590">
        <v>0.62</v>
      </c>
    </row>
    <row r="591" spans="1:3" x14ac:dyDescent="0.25">
      <c r="A591">
        <v>0.2</v>
      </c>
      <c r="B591">
        <v>1.05</v>
      </c>
      <c r="C591">
        <v>0.52</v>
      </c>
    </row>
    <row r="592" spans="1:3" x14ac:dyDescent="0.25">
      <c r="A592">
        <v>0.2</v>
      </c>
      <c r="B592">
        <v>1.07</v>
      </c>
      <c r="C592">
        <v>0.56000000000000005</v>
      </c>
    </row>
    <row r="593" spans="1:3" x14ac:dyDescent="0.25">
      <c r="A593">
        <v>0.2</v>
      </c>
      <c r="B593">
        <v>1.08</v>
      </c>
      <c r="C593">
        <v>0.57999999999999996</v>
      </c>
    </row>
    <row r="594" spans="1:3" x14ac:dyDescent="0.25">
      <c r="A594">
        <v>0.2</v>
      </c>
      <c r="B594">
        <v>1.1100000000000001</v>
      </c>
      <c r="C594">
        <v>7.0000000000000007E-2</v>
      </c>
    </row>
    <row r="595" spans="1:3" x14ac:dyDescent="0.25">
      <c r="A595">
        <v>0.2</v>
      </c>
      <c r="B595">
        <v>1.1299999999999999</v>
      </c>
      <c r="C595">
        <v>0.63</v>
      </c>
    </row>
    <row r="596" spans="1:3" x14ac:dyDescent="0.25">
      <c r="A596">
        <v>0.2</v>
      </c>
      <c r="B596">
        <v>1.1399999999999999</v>
      </c>
      <c r="C596">
        <v>0.72</v>
      </c>
    </row>
    <row r="597" spans="1:3" x14ac:dyDescent="0.25">
      <c r="A597">
        <v>0.2</v>
      </c>
      <c r="B597">
        <v>1.19</v>
      </c>
      <c r="C597">
        <v>0.75</v>
      </c>
    </row>
    <row r="598" spans="1:3" x14ac:dyDescent="0.25">
      <c r="A598">
        <v>0.2</v>
      </c>
      <c r="B598">
        <v>1.3</v>
      </c>
      <c r="C598">
        <v>0.23</v>
      </c>
    </row>
    <row r="599" spans="1:3" x14ac:dyDescent="0.25">
      <c r="A599">
        <v>0.2</v>
      </c>
      <c r="B599">
        <v>1.31</v>
      </c>
      <c r="C599">
        <v>0.26</v>
      </c>
    </row>
    <row r="600" spans="1:3" x14ac:dyDescent="0.25">
      <c r="A600">
        <v>0.2</v>
      </c>
      <c r="B600">
        <v>1.39</v>
      </c>
      <c r="C600">
        <v>0.22</v>
      </c>
    </row>
    <row r="601" spans="1:3" x14ac:dyDescent="0.25">
      <c r="A601">
        <v>0.2</v>
      </c>
      <c r="B601">
        <v>1.4</v>
      </c>
      <c r="C601">
        <v>0.17</v>
      </c>
    </row>
    <row r="602" spans="1:3" x14ac:dyDescent="0.25">
      <c r="A602">
        <v>0.2</v>
      </c>
      <c r="B602">
        <v>1.45</v>
      </c>
      <c r="C602">
        <v>0.33</v>
      </c>
    </row>
    <row r="603" spans="1:3" x14ac:dyDescent="0.25">
      <c r="A603">
        <v>0.21</v>
      </c>
      <c r="B603">
        <v>0.5</v>
      </c>
      <c r="C603">
        <v>0.36</v>
      </c>
    </row>
    <row r="604" spans="1:3" x14ac:dyDescent="0.25">
      <c r="A604">
        <v>0.21</v>
      </c>
      <c r="B604">
        <v>0.54</v>
      </c>
      <c r="C604">
        <v>0.82</v>
      </c>
    </row>
    <row r="605" spans="1:3" x14ac:dyDescent="0.25">
      <c r="A605">
        <v>0.21</v>
      </c>
      <c r="B605">
        <v>0.6</v>
      </c>
      <c r="C605">
        <v>0.41</v>
      </c>
    </row>
    <row r="606" spans="1:3" x14ac:dyDescent="0.25">
      <c r="A606">
        <v>0.21</v>
      </c>
      <c r="B606">
        <v>0.62</v>
      </c>
      <c r="C606">
        <v>0.63</v>
      </c>
    </row>
    <row r="607" spans="1:3" x14ac:dyDescent="0.25">
      <c r="A607">
        <v>0.21</v>
      </c>
      <c r="B607">
        <v>0.63</v>
      </c>
      <c r="C607">
        <v>0.4</v>
      </c>
    </row>
    <row r="608" spans="1:3" x14ac:dyDescent="0.25">
      <c r="A608">
        <v>0.21</v>
      </c>
      <c r="B608">
        <v>0.64</v>
      </c>
      <c r="C608">
        <v>0.89</v>
      </c>
    </row>
    <row r="609" spans="1:3" x14ac:dyDescent="0.25">
      <c r="A609">
        <v>0.21</v>
      </c>
      <c r="B609">
        <v>0.65</v>
      </c>
      <c r="C609">
        <v>0.28000000000000003</v>
      </c>
    </row>
    <row r="610" spans="1:3" x14ac:dyDescent="0.25">
      <c r="A610">
        <v>0.21</v>
      </c>
      <c r="B610">
        <v>0.74</v>
      </c>
      <c r="C610">
        <v>0.73</v>
      </c>
    </row>
    <row r="611" spans="1:3" x14ac:dyDescent="0.25">
      <c r="A611">
        <v>0.21</v>
      </c>
      <c r="B611">
        <v>0.84</v>
      </c>
      <c r="C611">
        <v>0.44</v>
      </c>
    </row>
    <row r="612" spans="1:3" x14ac:dyDescent="0.25">
      <c r="A612">
        <v>0.21</v>
      </c>
      <c r="B612">
        <v>0.86</v>
      </c>
      <c r="C612">
        <v>0.83</v>
      </c>
    </row>
    <row r="613" spans="1:3" x14ac:dyDescent="0.25">
      <c r="A613">
        <v>0.21</v>
      </c>
      <c r="B613">
        <v>0.89</v>
      </c>
      <c r="C613">
        <v>0.64</v>
      </c>
    </row>
    <row r="614" spans="1:3" x14ac:dyDescent="0.25">
      <c r="A614">
        <v>0.21</v>
      </c>
      <c r="B614">
        <v>0.91</v>
      </c>
      <c r="C614">
        <v>0.38</v>
      </c>
    </row>
    <row r="615" spans="1:3" x14ac:dyDescent="0.25">
      <c r="A615">
        <v>0.21</v>
      </c>
      <c r="B615">
        <v>0.95</v>
      </c>
      <c r="C615">
        <v>0.09</v>
      </c>
    </row>
    <row r="616" spans="1:3" x14ac:dyDescent="0.25">
      <c r="A616">
        <v>0.21</v>
      </c>
      <c r="B616">
        <v>0.97</v>
      </c>
      <c r="C616">
        <v>0.28999999999999998</v>
      </c>
    </row>
    <row r="617" spans="1:3" x14ac:dyDescent="0.25">
      <c r="A617">
        <v>0.21</v>
      </c>
      <c r="B617">
        <v>0.99</v>
      </c>
      <c r="C617">
        <v>0.33</v>
      </c>
    </row>
    <row r="618" spans="1:3" x14ac:dyDescent="0.25">
      <c r="A618">
        <v>0.21</v>
      </c>
      <c r="B618">
        <v>1.04</v>
      </c>
      <c r="C618">
        <v>0.59</v>
      </c>
    </row>
    <row r="619" spans="1:3" x14ac:dyDescent="0.25">
      <c r="A619">
        <v>0.21</v>
      </c>
      <c r="B619">
        <v>1.17</v>
      </c>
      <c r="C619">
        <v>0.61</v>
      </c>
    </row>
    <row r="620" spans="1:3" x14ac:dyDescent="0.25">
      <c r="A620">
        <v>0.21</v>
      </c>
      <c r="B620">
        <v>1.17</v>
      </c>
      <c r="C620">
        <v>0.64</v>
      </c>
    </row>
    <row r="621" spans="1:3" x14ac:dyDescent="0.25">
      <c r="A621">
        <v>0.21</v>
      </c>
      <c r="B621">
        <v>1.2</v>
      </c>
      <c r="C621">
        <v>0.52</v>
      </c>
    </row>
    <row r="622" spans="1:3" x14ac:dyDescent="0.25">
      <c r="A622">
        <v>0.21</v>
      </c>
      <c r="B622">
        <v>1.23</v>
      </c>
      <c r="C622">
        <v>0.82</v>
      </c>
    </row>
    <row r="623" spans="1:3" x14ac:dyDescent="0.25">
      <c r="A623">
        <v>0.21</v>
      </c>
      <c r="B623">
        <v>1.27</v>
      </c>
      <c r="C623">
        <v>0.76</v>
      </c>
    </row>
    <row r="624" spans="1:3" x14ac:dyDescent="0.25">
      <c r="A624">
        <v>0.21</v>
      </c>
      <c r="B624">
        <v>1.3</v>
      </c>
      <c r="C624">
        <v>0.16</v>
      </c>
    </row>
    <row r="625" spans="1:3" x14ac:dyDescent="0.25">
      <c r="A625">
        <v>0.21</v>
      </c>
      <c r="B625">
        <v>1.41</v>
      </c>
      <c r="C625">
        <v>0.66</v>
      </c>
    </row>
    <row r="626" spans="1:3" x14ac:dyDescent="0.25">
      <c r="A626">
        <v>0.21</v>
      </c>
      <c r="B626">
        <v>1.43</v>
      </c>
      <c r="C626">
        <v>0.79</v>
      </c>
    </row>
    <row r="627" spans="1:3" x14ac:dyDescent="0.25">
      <c r="A627">
        <v>0.21</v>
      </c>
      <c r="B627">
        <v>1.45</v>
      </c>
      <c r="C627">
        <v>0.9</v>
      </c>
    </row>
    <row r="628" spans="1:3" x14ac:dyDescent="0.25">
      <c r="A628">
        <v>0.22</v>
      </c>
      <c r="B628">
        <v>0.52</v>
      </c>
      <c r="C628">
        <v>0.6</v>
      </c>
    </row>
    <row r="629" spans="1:3" x14ac:dyDescent="0.25">
      <c r="A629">
        <v>0.22</v>
      </c>
      <c r="B629">
        <v>0.54</v>
      </c>
      <c r="C629">
        <v>0.84</v>
      </c>
    </row>
    <row r="630" spans="1:3" x14ac:dyDescent="0.25">
      <c r="A630">
        <v>0.22</v>
      </c>
      <c r="B630">
        <v>0.57999999999999996</v>
      </c>
      <c r="C630">
        <v>0.84</v>
      </c>
    </row>
    <row r="631" spans="1:3" x14ac:dyDescent="0.25">
      <c r="A631">
        <v>0.22</v>
      </c>
      <c r="B631">
        <v>0.65</v>
      </c>
      <c r="C631">
        <v>0.42</v>
      </c>
    </row>
    <row r="632" spans="1:3" x14ac:dyDescent="0.25">
      <c r="A632">
        <v>0.22</v>
      </c>
      <c r="B632">
        <v>0.66</v>
      </c>
      <c r="C632">
        <v>0.11</v>
      </c>
    </row>
    <row r="633" spans="1:3" x14ac:dyDescent="0.25">
      <c r="A633">
        <v>0.22</v>
      </c>
      <c r="B633">
        <v>0.68</v>
      </c>
      <c r="C633">
        <v>0.31</v>
      </c>
    </row>
    <row r="634" spans="1:3" x14ac:dyDescent="0.25">
      <c r="A634">
        <v>0.22</v>
      </c>
      <c r="B634">
        <v>0.68</v>
      </c>
      <c r="C634">
        <v>0.24</v>
      </c>
    </row>
    <row r="635" spans="1:3" x14ac:dyDescent="0.25">
      <c r="A635">
        <v>0.22</v>
      </c>
      <c r="B635">
        <v>0.7</v>
      </c>
      <c r="C635">
        <v>0.37</v>
      </c>
    </row>
    <row r="636" spans="1:3" x14ac:dyDescent="0.25">
      <c r="A636">
        <v>0.22</v>
      </c>
      <c r="B636">
        <v>0.72</v>
      </c>
      <c r="C636">
        <v>0.35</v>
      </c>
    </row>
    <row r="637" spans="1:3" x14ac:dyDescent="0.25">
      <c r="A637">
        <v>0.22</v>
      </c>
      <c r="B637">
        <v>0.89</v>
      </c>
      <c r="C637">
        <v>0.26</v>
      </c>
    </row>
    <row r="638" spans="1:3" x14ac:dyDescent="0.25">
      <c r="A638">
        <v>0.22</v>
      </c>
      <c r="B638">
        <v>0.91</v>
      </c>
      <c r="C638">
        <v>0.15</v>
      </c>
    </row>
    <row r="639" spans="1:3" x14ac:dyDescent="0.25">
      <c r="A639">
        <v>0.22</v>
      </c>
      <c r="B639">
        <v>0.99</v>
      </c>
      <c r="C639">
        <v>0.81</v>
      </c>
    </row>
    <row r="640" spans="1:3" x14ac:dyDescent="0.25">
      <c r="A640">
        <v>0.22</v>
      </c>
      <c r="B640">
        <v>1.01</v>
      </c>
      <c r="C640">
        <v>0.37</v>
      </c>
    </row>
    <row r="641" spans="1:3" x14ac:dyDescent="0.25">
      <c r="A641">
        <v>0.22</v>
      </c>
      <c r="B641">
        <v>1.1200000000000001</v>
      </c>
      <c r="C641">
        <v>0.33</v>
      </c>
    </row>
    <row r="642" spans="1:3" x14ac:dyDescent="0.25">
      <c r="A642">
        <v>0.22</v>
      </c>
      <c r="B642">
        <v>1.1499999999999999</v>
      </c>
      <c r="C642">
        <v>0.32</v>
      </c>
    </row>
    <row r="643" spans="1:3" x14ac:dyDescent="0.25">
      <c r="A643">
        <v>0.22</v>
      </c>
      <c r="B643">
        <v>1.1599999999999999</v>
      </c>
      <c r="C643">
        <v>0.47</v>
      </c>
    </row>
    <row r="644" spans="1:3" x14ac:dyDescent="0.25">
      <c r="A644">
        <v>0.22</v>
      </c>
      <c r="B644">
        <v>1.19</v>
      </c>
      <c r="C644">
        <v>0.52</v>
      </c>
    </row>
    <row r="645" spans="1:3" x14ac:dyDescent="0.25">
      <c r="A645">
        <v>0.22</v>
      </c>
      <c r="B645">
        <v>1.2</v>
      </c>
      <c r="C645">
        <v>0.4</v>
      </c>
    </row>
    <row r="646" spans="1:3" x14ac:dyDescent="0.25">
      <c r="A646">
        <v>0.22</v>
      </c>
      <c r="B646">
        <v>1.22</v>
      </c>
      <c r="C646">
        <v>0.62</v>
      </c>
    </row>
    <row r="647" spans="1:3" x14ac:dyDescent="0.25">
      <c r="A647">
        <v>0.22</v>
      </c>
      <c r="B647">
        <v>1.22</v>
      </c>
      <c r="C647">
        <v>0.37</v>
      </c>
    </row>
    <row r="648" spans="1:3" x14ac:dyDescent="0.25">
      <c r="A648">
        <v>0.22</v>
      </c>
      <c r="B648">
        <v>1.31</v>
      </c>
      <c r="C648">
        <v>0.39</v>
      </c>
    </row>
    <row r="649" spans="1:3" x14ac:dyDescent="0.25">
      <c r="A649">
        <v>0.22</v>
      </c>
      <c r="B649">
        <v>1.31</v>
      </c>
      <c r="C649">
        <v>0.26</v>
      </c>
    </row>
    <row r="650" spans="1:3" x14ac:dyDescent="0.25">
      <c r="A650">
        <v>0.22</v>
      </c>
      <c r="B650">
        <v>1.42</v>
      </c>
      <c r="C650">
        <v>0.59</v>
      </c>
    </row>
    <row r="651" spans="1:3" x14ac:dyDescent="0.25">
      <c r="A651">
        <v>0.22</v>
      </c>
      <c r="B651">
        <v>1.43</v>
      </c>
      <c r="C651">
        <v>0.5</v>
      </c>
    </row>
    <row r="652" spans="1:3" x14ac:dyDescent="0.25">
      <c r="A652">
        <v>0.22</v>
      </c>
      <c r="B652">
        <v>1.46</v>
      </c>
      <c r="C652">
        <v>0.85</v>
      </c>
    </row>
    <row r="653" spans="1:3" x14ac:dyDescent="0.25">
      <c r="A653">
        <v>0.22</v>
      </c>
      <c r="B653">
        <v>1.47</v>
      </c>
      <c r="C653">
        <v>0.24</v>
      </c>
    </row>
    <row r="654" spans="1:3" x14ac:dyDescent="0.25">
      <c r="A654">
        <v>0.22</v>
      </c>
      <c r="B654">
        <v>1.47</v>
      </c>
      <c r="C654">
        <v>0.59</v>
      </c>
    </row>
    <row r="655" spans="1:3" x14ac:dyDescent="0.25">
      <c r="A655">
        <v>0.23</v>
      </c>
      <c r="B655">
        <v>0.54</v>
      </c>
      <c r="C655">
        <v>0.31</v>
      </c>
    </row>
    <row r="656" spans="1:3" x14ac:dyDescent="0.25">
      <c r="A656">
        <v>0.23</v>
      </c>
      <c r="B656">
        <v>0.56999999999999995</v>
      </c>
      <c r="C656">
        <v>0.23</v>
      </c>
    </row>
    <row r="657" spans="1:3" x14ac:dyDescent="0.25">
      <c r="A657">
        <v>0.23</v>
      </c>
      <c r="B657">
        <v>0.63</v>
      </c>
      <c r="C657">
        <v>0.27</v>
      </c>
    </row>
    <row r="658" spans="1:3" x14ac:dyDescent="0.25">
      <c r="A658">
        <v>0.23</v>
      </c>
      <c r="B658">
        <v>0.74</v>
      </c>
      <c r="C658">
        <v>0.42</v>
      </c>
    </row>
    <row r="659" spans="1:3" x14ac:dyDescent="0.25">
      <c r="A659">
        <v>0.23</v>
      </c>
      <c r="B659">
        <v>0.75</v>
      </c>
      <c r="C659">
        <v>0.51</v>
      </c>
    </row>
    <row r="660" spans="1:3" x14ac:dyDescent="0.25">
      <c r="A660">
        <v>0.23</v>
      </c>
      <c r="B660">
        <v>0.83</v>
      </c>
      <c r="C660">
        <v>0.1</v>
      </c>
    </row>
    <row r="661" spans="1:3" x14ac:dyDescent="0.25">
      <c r="A661">
        <v>0.23</v>
      </c>
      <c r="B661">
        <v>0.85</v>
      </c>
      <c r="C661">
        <v>0.18</v>
      </c>
    </row>
    <row r="662" spans="1:3" x14ac:dyDescent="0.25">
      <c r="A662">
        <v>0.23</v>
      </c>
      <c r="B662">
        <v>0.87</v>
      </c>
      <c r="C662">
        <v>0.15</v>
      </c>
    </row>
    <row r="663" spans="1:3" x14ac:dyDescent="0.25">
      <c r="A663">
        <v>0.23</v>
      </c>
      <c r="B663">
        <v>0.91</v>
      </c>
      <c r="C663">
        <v>0.88</v>
      </c>
    </row>
    <row r="664" spans="1:3" x14ac:dyDescent="0.25">
      <c r="A664">
        <v>0.23</v>
      </c>
      <c r="B664">
        <v>0.98</v>
      </c>
      <c r="C664">
        <v>0.48</v>
      </c>
    </row>
    <row r="665" spans="1:3" x14ac:dyDescent="0.25">
      <c r="A665">
        <v>0.23</v>
      </c>
      <c r="B665">
        <v>0.99</v>
      </c>
      <c r="C665">
        <v>0.47</v>
      </c>
    </row>
    <row r="666" spans="1:3" x14ac:dyDescent="0.25">
      <c r="A666">
        <v>0.23</v>
      </c>
      <c r="B666">
        <v>1.1100000000000001</v>
      </c>
      <c r="C666">
        <v>0.11</v>
      </c>
    </row>
    <row r="667" spans="1:3" x14ac:dyDescent="0.25">
      <c r="A667">
        <v>0.23</v>
      </c>
      <c r="B667">
        <v>1.1399999999999999</v>
      </c>
      <c r="C667">
        <v>0.28000000000000003</v>
      </c>
    </row>
    <row r="668" spans="1:3" x14ac:dyDescent="0.25">
      <c r="A668">
        <v>0.23</v>
      </c>
      <c r="B668">
        <v>1.17</v>
      </c>
      <c r="C668">
        <v>0.49</v>
      </c>
    </row>
    <row r="669" spans="1:3" x14ac:dyDescent="0.25">
      <c r="A669">
        <v>0.23</v>
      </c>
      <c r="B669">
        <v>1.18</v>
      </c>
      <c r="C669">
        <v>0.72</v>
      </c>
    </row>
    <row r="670" spans="1:3" x14ac:dyDescent="0.25">
      <c r="A670">
        <v>0.23</v>
      </c>
      <c r="B670">
        <v>1.26</v>
      </c>
      <c r="C670">
        <v>0.51</v>
      </c>
    </row>
    <row r="671" spans="1:3" x14ac:dyDescent="0.25">
      <c r="A671">
        <v>0.23</v>
      </c>
      <c r="B671">
        <v>1.31</v>
      </c>
      <c r="C671">
        <v>0.45</v>
      </c>
    </row>
    <row r="672" spans="1:3" x14ac:dyDescent="0.25">
      <c r="A672">
        <v>0.23</v>
      </c>
      <c r="B672">
        <v>1.45</v>
      </c>
      <c r="C672">
        <v>0.09</v>
      </c>
    </row>
    <row r="673" spans="1:3" x14ac:dyDescent="0.25">
      <c r="A673">
        <v>0.23</v>
      </c>
      <c r="B673">
        <v>1.46</v>
      </c>
      <c r="C673">
        <v>0.5</v>
      </c>
    </row>
    <row r="674" spans="1:3" x14ac:dyDescent="0.25">
      <c r="A674">
        <v>0.24</v>
      </c>
      <c r="B674">
        <v>0.53</v>
      </c>
      <c r="C674">
        <v>0.59</v>
      </c>
    </row>
    <row r="675" spans="1:3" x14ac:dyDescent="0.25">
      <c r="A675">
        <v>0.24</v>
      </c>
      <c r="B675">
        <v>0.54</v>
      </c>
      <c r="C675">
        <v>0.69</v>
      </c>
    </row>
    <row r="676" spans="1:3" x14ac:dyDescent="0.25">
      <c r="A676">
        <v>0.24</v>
      </c>
      <c r="B676">
        <v>0.56000000000000005</v>
      </c>
      <c r="C676">
        <v>0.82</v>
      </c>
    </row>
    <row r="677" spans="1:3" x14ac:dyDescent="0.25">
      <c r="A677">
        <v>0.24</v>
      </c>
      <c r="B677">
        <v>0.61</v>
      </c>
      <c r="C677">
        <v>0.35</v>
      </c>
    </row>
    <row r="678" spans="1:3" x14ac:dyDescent="0.25">
      <c r="A678">
        <v>0.24</v>
      </c>
      <c r="B678">
        <v>0.62</v>
      </c>
      <c r="C678">
        <v>0.71</v>
      </c>
    </row>
    <row r="679" spans="1:3" x14ac:dyDescent="0.25">
      <c r="A679">
        <v>0.24</v>
      </c>
      <c r="B679">
        <v>0.64</v>
      </c>
      <c r="C679">
        <v>0.44</v>
      </c>
    </row>
    <row r="680" spans="1:3" x14ac:dyDescent="0.25">
      <c r="A680">
        <v>0.24</v>
      </c>
      <c r="B680">
        <v>0.66</v>
      </c>
      <c r="C680">
        <v>0.11</v>
      </c>
    </row>
    <row r="681" spans="1:3" x14ac:dyDescent="0.25">
      <c r="A681">
        <v>0.24</v>
      </c>
      <c r="B681">
        <v>0.76</v>
      </c>
      <c r="C681">
        <v>0.13</v>
      </c>
    </row>
    <row r="682" spans="1:3" x14ac:dyDescent="0.25">
      <c r="A682">
        <v>0.24</v>
      </c>
      <c r="B682">
        <v>0.81</v>
      </c>
      <c r="C682">
        <v>0.53</v>
      </c>
    </row>
    <row r="683" spans="1:3" x14ac:dyDescent="0.25">
      <c r="A683">
        <v>0.24</v>
      </c>
      <c r="B683">
        <v>0.82</v>
      </c>
      <c r="C683">
        <v>0.75</v>
      </c>
    </row>
    <row r="684" spans="1:3" x14ac:dyDescent="0.25">
      <c r="A684">
        <v>0.24</v>
      </c>
      <c r="B684">
        <v>0.89</v>
      </c>
      <c r="C684">
        <v>7.0000000000000007E-2</v>
      </c>
    </row>
    <row r="685" spans="1:3" x14ac:dyDescent="0.25">
      <c r="A685">
        <v>0.24</v>
      </c>
      <c r="B685">
        <v>0.92</v>
      </c>
      <c r="C685">
        <v>0.67</v>
      </c>
    </row>
    <row r="686" spans="1:3" x14ac:dyDescent="0.25">
      <c r="A686">
        <v>0.24</v>
      </c>
      <c r="B686">
        <v>0.95</v>
      </c>
      <c r="C686">
        <v>0.08</v>
      </c>
    </row>
    <row r="687" spans="1:3" x14ac:dyDescent="0.25">
      <c r="A687">
        <v>0.24</v>
      </c>
      <c r="B687">
        <v>0.95</v>
      </c>
      <c r="C687">
        <v>0.9</v>
      </c>
    </row>
    <row r="688" spans="1:3" x14ac:dyDescent="0.25">
      <c r="A688">
        <v>0.24</v>
      </c>
      <c r="B688">
        <v>0.96</v>
      </c>
      <c r="C688">
        <v>0.1</v>
      </c>
    </row>
    <row r="689" spans="1:3" x14ac:dyDescent="0.25">
      <c r="A689">
        <v>0.24</v>
      </c>
      <c r="B689">
        <v>1.02</v>
      </c>
      <c r="C689">
        <v>0.37</v>
      </c>
    </row>
    <row r="690" spans="1:3" x14ac:dyDescent="0.25">
      <c r="A690">
        <v>0.24</v>
      </c>
      <c r="B690">
        <v>1.1200000000000001</v>
      </c>
      <c r="C690">
        <v>0.81</v>
      </c>
    </row>
    <row r="691" spans="1:3" x14ac:dyDescent="0.25">
      <c r="A691">
        <v>0.24</v>
      </c>
      <c r="B691">
        <v>1.18</v>
      </c>
      <c r="C691">
        <v>0.35</v>
      </c>
    </row>
    <row r="692" spans="1:3" x14ac:dyDescent="0.25">
      <c r="A692">
        <v>0.24</v>
      </c>
      <c r="B692">
        <v>1.18</v>
      </c>
      <c r="C692">
        <v>0.92</v>
      </c>
    </row>
    <row r="693" spans="1:3" x14ac:dyDescent="0.25">
      <c r="A693">
        <v>0.24</v>
      </c>
      <c r="B693">
        <v>1.18</v>
      </c>
      <c r="C693">
        <v>0.72</v>
      </c>
    </row>
    <row r="694" spans="1:3" x14ac:dyDescent="0.25">
      <c r="A694">
        <v>0.24</v>
      </c>
      <c r="B694">
        <v>1.18</v>
      </c>
      <c r="C694">
        <v>0.2</v>
      </c>
    </row>
    <row r="695" spans="1:3" x14ac:dyDescent="0.25">
      <c r="A695">
        <v>0.24</v>
      </c>
      <c r="B695">
        <v>1.22</v>
      </c>
      <c r="C695">
        <v>0.36</v>
      </c>
    </row>
    <row r="696" spans="1:3" x14ac:dyDescent="0.25">
      <c r="A696">
        <v>0.24</v>
      </c>
      <c r="B696">
        <v>1.23</v>
      </c>
      <c r="C696">
        <v>0.56999999999999995</v>
      </c>
    </row>
    <row r="697" spans="1:3" x14ac:dyDescent="0.25">
      <c r="A697">
        <v>0.24</v>
      </c>
      <c r="B697">
        <v>1.24</v>
      </c>
      <c r="C697">
        <v>0.49</v>
      </c>
    </row>
    <row r="698" spans="1:3" x14ac:dyDescent="0.25">
      <c r="A698">
        <v>0.24</v>
      </c>
      <c r="B698">
        <v>1.25</v>
      </c>
      <c r="C698">
        <v>0.92</v>
      </c>
    </row>
    <row r="699" spans="1:3" x14ac:dyDescent="0.25">
      <c r="A699">
        <v>0.24</v>
      </c>
      <c r="B699">
        <v>1.28</v>
      </c>
      <c r="C699">
        <v>0.66</v>
      </c>
    </row>
    <row r="700" spans="1:3" x14ac:dyDescent="0.25">
      <c r="A700">
        <v>0.24</v>
      </c>
      <c r="B700">
        <v>1.36</v>
      </c>
      <c r="C700">
        <v>0.55000000000000004</v>
      </c>
    </row>
    <row r="701" spans="1:3" x14ac:dyDescent="0.25">
      <c r="A701">
        <v>0.24</v>
      </c>
      <c r="B701">
        <v>1.42</v>
      </c>
      <c r="C701">
        <v>0.51</v>
      </c>
    </row>
    <row r="702" spans="1:3" x14ac:dyDescent="0.25">
      <c r="A702">
        <v>0.24</v>
      </c>
      <c r="B702">
        <v>1.46</v>
      </c>
      <c r="C702">
        <v>0.6</v>
      </c>
    </row>
    <row r="703" spans="1:3" x14ac:dyDescent="0.25">
      <c r="A703">
        <v>0.25</v>
      </c>
      <c r="B703">
        <v>0.52</v>
      </c>
      <c r="C703">
        <v>0.82</v>
      </c>
    </row>
    <row r="704" spans="1:3" x14ac:dyDescent="0.25">
      <c r="A704">
        <v>0.25</v>
      </c>
      <c r="B704">
        <v>0.53</v>
      </c>
      <c r="C704">
        <v>0.68</v>
      </c>
    </row>
    <row r="705" spans="1:3" x14ac:dyDescent="0.25">
      <c r="A705">
        <v>0.25</v>
      </c>
      <c r="B705">
        <v>0.56000000000000005</v>
      </c>
      <c r="C705">
        <v>0.35</v>
      </c>
    </row>
    <row r="706" spans="1:3" x14ac:dyDescent="0.25">
      <c r="A706">
        <v>0.25</v>
      </c>
      <c r="B706">
        <v>0.56999999999999995</v>
      </c>
      <c r="C706">
        <v>0.22</v>
      </c>
    </row>
    <row r="707" spans="1:3" x14ac:dyDescent="0.25">
      <c r="A707">
        <v>0.25</v>
      </c>
      <c r="B707">
        <v>0.61</v>
      </c>
      <c r="C707">
        <v>0.65</v>
      </c>
    </row>
    <row r="708" spans="1:3" x14ac:dyDescent="0.25">
      <c r="A708">
        <v>0.25</v>
      </c>
      <c r="B708">
        <v>0.67</v>
      </c>
      <c r="C708">
        <v>0.82</v>
      </c>
    </row>
    <row r="709" spans="1:3" x14ac:dyDescent="0.25">
      <c r="A709">
        <v>0.25</v>
      </c>
      <c r="B709">
        <v>0.67</v>
      </c>
      <c r="C709">
        <v>0.43</v>
      </c>
    </row>
    <row r="710" spans="1:3" x14ac:dyDescent="0.25">
      <c r="A710">
        <v>0.25</v>
      </c>
      <c r="B710">
        <v>0.68</v>
      </c>
      <c r="C710">
        <v>0.48</v>
      </c>
    </row>
    <row r="711" spans="1:3" x14ac:dyDescent="0.25">
      <c r="A711">
        <v>0.25</v>
      </c>
      <c r="B711">
        <v>0.73</v>
      </c>
      <c r="C711">
        <v>0.65</v>
      </c>
    </row>
    <row r="712" spans="1:3" x14ac:dyDescent="0.25">
      <c r="A712">
        <v>0.25</v>
      </c>
      <c r="B712">
        <v>0.76</v>
      </c>
      <c r="C712">
        <v>0.52</v>
      </c>
    </row>
    <row r="713" spans="1:3" x14ac:dyDescent="0.25">
      <c r="A713">
        <v>0.25</v>
      </c>
      <c r="B713">
        <v>0.8</v>
      </c>
      <c r="C713">
        <v>0.14000000000000001</v>
      </c>
    </row>
    <row r="714" spans="1:3" x14ac:dyDescent="0.25">
      <c r="A714">
        <v>0.25</v>
      </c>
      <c r="B714">
        <v>0.84</v>
      </c>
      <c r="C714">
        <v>0.48</v>
      </c>
    </row>
    <row r="715" spans="1:3" x14ac:dyDescent="0.25">
      <c r="A715">
        <v>0.25</v>
      </c>
      <c r="B715">
        <v>0.88</v>
      </c>
      <c r="C715">
        <v>0.37</v>
      </c>
    </row>
    <row r="716" spans="1:3" x14ac:dyDescent="0.25">
      <c r="A716">
        <v>0.25</v>
      </c>
      <c r="B716">
        <v>0.9</v>
      </c>
      <c r="C716">
        <v>0.27</v>
      </c>
    </row>
    <row r="717" spans="1:3" x14ac:dyDescent="0.25">
      <c r="A717">
        <v>0.25</v>
      </c>
      <c r="B717">
        <v>0.93</v>
      </c>
      <c r="C717">
        <v>0.55000000000000004</v>
      </c>
    </row>
    <row r="718" spans="1:3" x14ac:dyDescent="0.25">
      <c r="A718">
        <v>0.25</v>
      </c>
      <c r="B718">
        <v>1.07</v>
      </c>
      <c r="C718">
        <v>0.2</v>
      </c>
    </row>
    <row r="719" spans="1:3" x14ac:dyDescent="0.25">
      <c r="A719">
        <v>0.25</v>
      </c>
      <c r="B719">
        <v>1.08</v>
      </c>
      <c r="C719">
        <v>0.22</v>
      </c>
    </row>
    <row r="720" spans="1:3" x14ac:dyDescent="0.25">
      <c r="A720">
        <v>0.25</v>
      </c>
      <c r="B720">
        <v>1.0900000000000001</v>
      </c>
      <c r="C720">
        <v>0.49</v>
      </c>
    </row>
    <row r="721" spans="1:3" x14ac:dyDescent="0.25">
      <c r="A721">
        <v>0.25</v>
      </c>
      <c r="B721">
        <v>1.1499999999999999</v>
      </c>
      <c r="C721">
        <v>0.89</v>
      </c>
    </row>
    <row r="722" spans="1:3" x14ac:dyDescent="0.25">
      <c r="A722">
        <v>0.25</v>
      </c>
      <c r="B722">
        <v>1.18</v>
      </c>
      <c r="C722">
        <v>0.22</v>
      </c>
    </row>
    <row r="723" spans="1:3" x14ac:dyDescent="0.25">
      <c r="A723">
        <v>0.25</v>
      </c>
      <c r="B723">
        <v>1.2</v>
      </c>
      <c r="C723">
        <v>0.45</v>
      </c>
    </row>
    <row r="724" spans="1:3" x14ac:dyDescent="0.25">
      <c r="A724">
        <v>0.25</v>
      </c>
      <c r="B724">
        <v>1.2</v>
      </c>
      <c r="C724">
        <v>0.67</v>
      </c>
    </row>
    <row r="725" spans="1:3" x14ac:dyDescent="0.25">
      <c r="A725">
        <v>0.25</v>
      </c>
      <c r="B725">
        <v>1.21</v>
      </c>
      <c r="C725">
        <v>0.36</v>
      </c>
    </row>
    <row r="726" spans="1:3" x14ac:dyDescent="0.25">
      <c r="A726">
        <v>0.25</v>
      </c>
      <c r="B726">
        <v>1.23</v>
      </c>
      <c r="C726">
        <v>0.16</v>
      </c>
    </row>
    <row r="727" spans="1:3" x14ac:dyDescent="0.25">
      <c r="A727">
        <v>0.25</v>
      </c>
      <c r="B727">
        <v>1.28</v>
      </c>
      <c r="C727">
        <v>0.64</v>
      </c>
    </row>
    <row r="728" spans="1:3" x14ac:dyDescent="0.25">
      <c r="A728">
        <v>0.25</v>
      </c>
      <c r="B728">
        <v>1.36</v>
      </c>
      <c r="C728">
        <v>0.93</v>
      </c>
    </row>
    <row r="729" spans="1:3" x14ac:dyDescent="0.25">
      <c r="A729">
        <v>0.25</v>
      </c>
      <c r="B729">
        <v>1.39</v>
      </c>
      <c r="C729">
        <v>0.6</v>
      </c>
    </row>
    <row r="730" spans="1:3" x14ac:dyDescent="0.25">
      <c r="A730">
        <v>0.25</v>
      </c>
      <c r="B730">
        <v>1.4</v>
      </c>
      <c r="C730">
        <v>0.34</v>
      </c>
    </row>
    <row r="731" spans="1:3" x14ac:dyDescent="0.25">
      <c r="A731">
        <v>0.26</v>
      </c>
      <c r="B731">
        <v>0.55000000000000004</v>
      </c>
      <c r="C731">
        <v>0.44</v>
      </c>
    </row>
    <row r="732" spans="1:3" x14ac:dyDescent="0.25">
      <c r="A732">
        <v>0.26</v>
      </c>
      <c r="B732">
        <v>0.56000000000000005</v>
      </c>
      <c r="C732">
        <v>0.56999999999999995</v>
      </c>
    </row>
    <row r="733" spans="1:3" x14ac:dyDescent="0.25">
      <c r="A733">
        <v>0.26</v>
      </c>
      <c r="B733">
        <v>0.57999999999999996</v>
      </c>
      <c r="C733">
        <v>0.94</v>
      </c>
    </row>
    <row r="734" spans="1:3" x14ac:dyDescent="0.25">
      <c r="A734">
        <v>0.26</v>
      </c>
      <c r="B734">
        <v>0.68</v>
      </c>
      <c r="C734">
        <v>0.09</v>
      </c>
    </row>
    <row r="735" spans="1:3" x14ac:dyDescent="0.25">
      <c r="A735">
        <v>0.26</v>
      </c>
      <c r="B735">
        <v>0.73</v>
      </c>
      <c r="C735">
        <v>0.46</v>
      </c>
    </row>
    <row r="736" spans="1:3" x14ac:dyDescent="0.25">
      <c r="A736">
        <v>0.26</v>
      </c>
      <c r="B736">
        <v>0.74</v>
      </c>
      <c r="C736">
        <v>0.19</v>
      </c>
    </row>
    <row r="737" spans="1:3" x14ac:dyDescent="0.25">
      <c r="A737">
        <v>0.26</v>
      </c>
      <c r="B737">
        <v>0.75</v>
      </c>
      <c r="C737">
        <v>0.66</v>
      </c>
    </row>
    <row r="738" spans="1:3" x14ac:dyDescent="0.25">
      <c r="A738">
        <v>0.26</v>
      </c>
      <c r="B738">
        <v>0.76</v>
      </c>
      <c r="C738">
        <v>0.14000000000000001</v>
      </c>
    </row>
    <row r="739" spans="1:3" x14ac:dyDescent="0.25">
      <c r="A739">
        <v>0.26</v>
      </c>
      <c r="B739">
        <v>0.76</v>
      </c>
      <c r="C739">
        <v>0.93</v>
      </c>
    </row>
    <row r="740" spans="1:3" x14ac:dyDescent="0.25">
      <c r="A740">
        <v>0.26</v>
      </c>
      <c r="B740">
        <v>0.84</v>
      </c>
      <c r="C740">
        <v>0.09</v>
      </c>
    </row>
    <row r="741" spans="1:3" x14ac:dyDescent="0.25">
      <c r="A741">
        <v>0.26</v>
      </c>
      <c r="B741">
        <v>0.86</v>
      </c>
      <c r="C741">
        <v>0.5</v>
      </c>
    </row>
    <row r="742" spans="1:3" x14ac:dyDescent="0.25">
      <c r="A742">
        <v>0.26</v>
      </c>
      <c r="B742">
        <v>0.89</v>
      </c>
      <c r="C742">
        <v>0.83</v>
      </c>
    </row>
    <row r="743" spans="1:3" x14ac:dyDescent="0.25">
      <c r="A743">
        <v>0.26</v>
      </c>
      <c r="B743">
        <v>0.97</v>
      </c>
      <c r="C743">
        <v>0.39</v>
      </c>
    </row>
    <row r="744" spans="1:3" x14ac:dyDescent="0.25">
      <c r="A744">
        <v>0.26</v>
      </c>
      <c r="B744">
        <v>0.97</v>
      </c>
      <c r="C744">
        <v>0.39</v>
      </c>
    </row>
    <row r="745" spans="1:3" x14ac:dyDescent="0.25">
      <c r="A745">
        <v>0.26</v>
      </c>
      <c r="B745">
        <v>0.97</v>
      </c>
      <c r="C745">
        <v>0.56000000000000005</v>
      </c>
    </row>
    <row r="746" spans="1:3" x14ac:dyDescent="0.25">
      <c r="A746">
        <v>0.26</v>
      </c>
      <c r="B746">
        <v>1.05</v>
      </c>
      <c r="C746">
        <v>0.48</v>
      </c>
    </row>
    <row r="747" spans="1:3" x14ac:dyDescent="0.25">
      <c r="A747">
        <v>0.26</v>
      </c>
      <c r="B747">
        <v>1.07</v>
      </c>
      <c r="C747">
        <v>0.87</v>
      </c>
    </row>
    <row r="748" spans="1:3" x14ac:dyDescent="0.25">
      <c r="A748">
        <v>0.26</v>
      </c>
      <c r="B748">
        <v>1.08</v>
      </c>
      <c r="C748">
        <v>0.52</v>
      </c>
    </row>
    <row r="749" spans="1:3" x14ac:dyDescent="0.25">
      <c r="A749">
        <v>0.26</v>
      </c>
      <c r="B749">
        <v>1.1000000000000001</v>
      </c>
      <c r="C749">
        <v>0.56999999999999995</v>
      </c>
    </row>
    <row r="750" spans="1:3" x14ac:dyDescent="0.25">
      <c r="A750">
        <v>0.26</v>
      </c>
      <c r="B750">
        <v>1.1499999999999999</v>
      </c>
      <c r="C750">
        <v>0.38</v>
      </c>
    </row>
    <row r="751" spans="1:3" x14ac:dyDescent="0.25">
      <c r="A751">
        <v>0.26</v>
      </c>
      <c r="B751">
        <v>1.1599999999999999</v>
      </c>
      <c r="C751">
        <v>0.63</v>
      </c>
    </row>
    <row r="752" spans="1:3" x14ac:dyDescent="0.25">
      <c r="A752">
        <v>0.26</v>
      </c>
      <c r="B752">
        <v>1.1599999999999999</v>
      </c>
      <c r="C752">
        <v>0.31</v>
      </c>
    </row>
    <row r="753" spans="1:3" x14ac:dyDescent="0.25">
      <c r="A753">
        <v>0.26</v>
      </c>
      <c r="B753">
        <v>1.1599999999999999</v>
      </c>
      <c r="C753">
        <v>0.28999999999999998</v>
      </c>
    </row>
    <row r="754" spans="1:3" x14ac:dyDescent="0.25">
      <c r="A754">
        <v>0.26</v>
      </c>
      <c r="B754">
        <v>1.17</v>
      </c>
      <c r="C754">
        <v>0.73</v>
      </c>
    </row>
    <row r="755" spans="1:3" x14ac:dyDescent="0.25">
      <c r="A755">
        <v>0.26</v>
      </c>
      <c r="B755">
        <v>1.29</v>
      </c>
      <c r="C755">
        <v>0.93</v>
      </c>
    </row>
    <row r="756" spans="1:3" x14ac:dyDescent="0.25">
      <c r="A756">
        <v>0.26</v>
      </c>
      <c r="B756">
        <v>1.31</v>
      </c>
      <c r="C756">
        <v>0.18</v>
      </c>
    </row>
    <row r="757" spans="1:3" x14ac:dyDescent="0.25">
      <c r="A757">
        <v>0.26</v>
      </c>
      <c r="B757">
        <v>1.35</v>
      </c>
      <c r="C757">
        <v>0.14000000000000001</v>
      </c>
    </row>
    <row r="758" spans="1:3" x14ac:dyDescent="0.25">
      <c r="A758">
        <v>0.26</v>
      </c>
      <c r="B758">
        <v>1.37</v>
      </c>
      <c r="C758">
        <v>0.35</v>
      </c>
    </row>
    <row r="759" spans="1:3" x14ac:dyDescent="0.25">
      <c r="A759">
        <v>0.26</v>
      </c>
      <c r="B759">
        <v>1.37</v>
      </c>
      <c r="C759">
        <v>0.21</v>
      </c>
    </row>
    <row r="760" spans="1:3" x14ac:dyDescent="0.25">
      <c r="A760">
        <v>0.26</v>
      </c>
      <c r="B760">
        <v>1.44</v>
      </c>
      <c r="C760">
        <v>0.7</v>
      </c>
    </row>
    <row r="761" spans="1:3" x14ac:dyDescent="0.25">
      <c r="A761">
        <v>0.27</v>
      </c>
      <c r="B761">
        <v>0.53</v>
      </c>
      <c r="C761">
        <v>0.59</v>
      </c>
    </row>
    <row r="762" spans="1:3" x14ac:dyDescent="0.25">
      <c r="A762">
        <v>0.27</v>
      </c>
      <c r="B762">
        <v>0.55000000000000004</v>
      </c>
      <c r="C762">
        <v>0.8</v>
      </c>
    </row>
    <row r="763" spans="1:3" x14ac:dyDescent="0.25">
      <c r="A763">
        <v>0.27</v>
      </c>
      <c r="B763">
        <v>0.56000000000000005</v>
      </c>
      <c r="C763">
        <v>0.75</v>
      </c>
    </row>
    <row r="764" spans="1:3" x14ac:dyDescent="0.25">
      <c r="A764">
        <v>0.27</v>
      </c>
      <c r="B764">
        <v>0.57999999999999996</v>
      </c>
      <c r="C764">
        <v>0.28000000000000003</v>
      </c>
    </row>
    <row r="765" spans="1:3" x14ac:dyDescent="0.25">
      <c r="A765">
        <v>0.27</v>
      </c>
      <c r="B765">
        <v>0.64</v>
      </c>
      <c r="C765">
        <v>0.57999999999999996</v>
      </c>
    </row>
    <row r="766" spans="1:3" x14ac:dyDescent="0.25">
      <c r="A766">
        <v>0.27</v>
      </c>
      <c r="B766">
        <v>0.72</v>
      </c>
      <c r="C766">
        <v>0.44</v>
      </c>
    </row>
    <row r="767" spans="1:3" x14ac:dyDescent="0.25">
      <c r="A767">
        <v>0.27</v>
      </c>
      <c r="B767">
        <v>0.76</v>
      </c>
      <c r="C767">
        <v>0.13</v>
      </c>
    </row>
    <row r="768" spans="1:3" x14ac:dyDescent="0.25">
      <c r="A768">
        <v>0.27</v>
      </c>
      <c r="B768">
        <v>0.79</v>
      </c>
      <c r="C768">
        <v>0.32</v>
      </c>
    </row>
    <row r="769" spans="1:3" x14ac:dyDescent="0.25">
      <c r="A769">
        <v>0.27</v>
      </c>
      <c r="B769">
        <v>0.8</v>
      </c>
      <c r="C769">
        <v>0.65</v>
      </c>
    </row>
    <row r="770" spans="1:3" x14ac:dyDescent="0.25">
      <c r="A770">
        <v>0.27</v>
      </c>
      <c r="B770">
        <v>0.86</v>
      </c>
      <c r="C770">
        <v>0.28999999999999998</v>
      </c>
    </row>
    <row r="771" spans="1:3" x14ac:dyDescent="0.25">
      <c r="A771">
        <v>0.27</v>
      </c>
      <c r="B771">
        <v>0.89</v>
      </c>
      <c r="C771">
        <v>0.17</v>
      </c>
    </row>
    <row r="772" spans="1:3" x14ac:dyDescent="0.25">
      <c r="A772">
        <v>0.27</v>
      </c>
      <c r="B772">
        <v>0.91</v>
      </c>
      <c r="C772">
        <v>0.66</v>
      </c>
    </row>
    <row r="773" spans="1:3" x14ac:dyDescent="0.25">
      <c r="A773">
        <v>0.27</v>
      </c>
      <c r="B773">
        <v>0.91</v>
      </c>
      <c r="C773">
        <v>0.59</v>
      </c>
    </row>
    <row r="774" spans="1:3" x14ac:dyDescent="0.25">
      <c r="A774">
        <v>0.27</v>
      </c>
      <c r="B774">
        <v>0.92</v>
      </c>
      <c r="C774">
        <v>0.83</v>
      </c>
    </row>
    <row r="775" spans="1:3" x14ac:dyDescent="0.25">
      <c r="A775">
        <v>0.27</v>
      </c>
      <c r="B775">
        <v>0.96</v>
      </c>
      <c r="C775">
        <v>0.27</v>
      </c>
    </row>
    <row r="776" spans="1:3" x14ac:dyDescent="0.25">
      <c r="A776">
        <v>0.27</v>
      </c>
      <c r="B776">
        <v>0.99</v>
      </c>
      <c r="C776">
        <v>0.57999999999999996</v>
      </c>
    </row>
    <row r="777" spans="1:3" x14ac:dyDescent="0.25">
      <c r="A777">
        <v>0.27</v>
      </c>
      <c r="B777">
        <v>0.99</v>
      </c>
      <c r="C777">
        <v>0.93</v>
      </c>
    </row>
    <row r="778" spans="1:3" x14ac:dyDescent="0.25">
      <c r="A778">
        <v>0.27</v>
      </c>
      <c r="B778">
        <v>1.02</v>
      </c>
      <c r="C778">
        <v>0.42</v>
      </c>
    </row>
    <row r="779" spans="1:3" x14ac:dyDescent="0.25">
      <c r="A779">
        <v>0.27</v>
      </c>
      <c r="B779">
        <v>1.03</v>
      </c>
      <c r="C779">
        <v>0.63</v>
      </c>
    </row>
    <row r="780" spans="1:3" x14ac:dyDescent="0.25">
      <c r="A780">
        <v>0.27</v>
      </c>
      <c r="B780">
        <v>1.0900000000000001</v>
      </c>
      <c r="C780">
        <v>0.5</v>
      </c>
    </row>
    <row r="781" spans="1:3" x14ac:dyDescent="0.25">
      <c r="A781">
        <v>0.27</v>
      </c>
      <c r="B781">
        <v>1.3</v>
      </c>
      <c r="C781">
        <v>0.7</v>
      </c>
    </row>
    <row r="782" spans="1:3" x14ac:dyDescent="0.25">
      <c r="A782">
        <v>0.27</v>
      </c>
      <c r="B782">
        <v>1.32</v>
      </c>
      <c r="C782">
        <v>0.23</v>
      </c>
    </row>
    <row r="783" spans="1:3" x14ac:dyDescent="0.25">
      <c r="A783">
        <v>0.27</v>
      </c>
      <c r="B783">
        <v>1.38</v>
      </c>
      <c r="C783">
        <v>0.89</v>
      </c>
    </row>
    <row r="784" spans="1:3" x14ac:dyDescent="0.25">
      <c r="A784">
        <v>0.27</v>
      </c>
      <c r="B784">
        <v>1.45</v>
      </c>
      <c r="C784">
        <v>0.61</v>
      </c>
    </row>
    <row r="785" spans="1:3" x14ac:dyDescent="0.25">
      <c r="A785">
        <v>0.27</v>
      </c>
      <c r="B785">
        <v>1.5</v>
      </c>
      <c r="C785">
        <v>0.09</v>
      </c>
    </row>
    <row r="786" spans="1:3" x14ac:dyDescent="0.25">
      <c r="A786">
        <v>0.28000000000000003</v>
      </c>
      <c r="B786">
        <v>0.55000000000000004</v>
      </c>
      <c r="C786">
        <v>0.48</v>
      </c>
    </row>
    <row r="787" spans="1:3" x14ac:dyDescent="0.25">
      <c r="A787">
        <v>0.28000000000000003</v>
      </c>
      <c r="B787">
        <v>0.56000000000000005</v>
      </c>
      <c r="C787">
        <v>0.78</v>
      </c>
    </row>
    <row r="788" spans="1:3" x14ac:dyDescent="0.25">
      <c r="A788">
        <v>0.28000000000000003</v>
      </c>
      <c r="B788">
        <v>0.56999999999999995</v>
      </c>
      <c r="C788">
        <v>0.57999999999999996</v>
      </c>
    </row>
    <row r="789" spans="1:3" x14ac:dyDescent="0.25">
      <c r="A789">
        <v>0.28000000000000003</v>
      </c>
      <c r="B789">
        <v>0.59</v>
      </c>
      <c r="C789">
        <v>0.5</v>
      </c>
    </row>
    <row r="790" spans="1:3" x14ac:dyDescent="0.25">
      <c r="A790">
        <v>0.28000000000000003</v>
      </c>
      <c r="B790">
        <v>0.61</v>
      </c>
      <c r="C790">
        <v>0.56999999999999995</v>
      </c>
    </row>
    <row r="791" spans="1:3" x14ac:dyDescent="0.25">
      <c r="A791">
        <v>0.28000000000000003</v>
      </c>
      <c r="B791">
        <v>0.63</v>
      </c>
      <c r="C791">
        <v>0.34</v>
      </c>
    </row>
    <row r="792" spans="1:3" x14ac:dyDescent="0.25">
      <c r="A792">
        <v>0.28000000000000003</v>
      </c>
      <c r="B792">
        <v>0.64</v>
      </c>
      <c r="C792">
        <v>0.78</v>
      </c>
    </row>
    <row r="793" spans="1:3" x14ac:dyDescent="0.25">
      <c r="A793">
        <v>0.28000000000000003</v>
      </c>
      <c r="B793">
        <v>0.69</v>
      </c>
      <c r="C793">
        <v>0.16</v>
      </c>
    </row>
    <row r="794" spans="1:3" x14ac:dyDescent="0.25">
      <c r="A794">
        <v>0.28000000000000003</v>
      </c>
      <c r="B794">
        <v>0.72</v>
      </c>
      <c r="C794">
        <v>0.12</v>
      </c>
    </row>
    <row r="795" spans="1:3" x14ac:dyDescent="0.25">
      <c r="A795">
        <v>0.28000000000000003</v>
      </c>
      <c r="B795">
        <v>0.76</v>
      </c>
      <c r="C795">
        <v>0.82</v>
      </c>
    </row>
    <row r="796" spans="1:3" x14ac:dyDescent="0.25">
      <c r="A796">
        <v>0.28000000000000003</v>
      </c>
      <c r="B796">
        <v>0.88</v>
      </c>
      <c r="C796">
        <v>0.34</v>
      </c>
    </row>
    <row r="797" spans="1:3" x14ac:dyDescent="0.25">
      <c r="A797">
        <v>0.28000000000000003</v>
      </c>
      <c r="B797">
        <v>0.88</v>
      </c>
      <c r="C797">
        <v>0.56000000000000005</v>
      </c>
    </row>
    <row r="798" spans="1:3" x14ac:dyDescent="0.25">
      <c r="A798">
        <v>0.28000000000000003</v>
      </c>
      <c r="B798">
        <v>0.89</v>
      </c>
      <c r="C798">
        <v>0.76</v>
      </c>
    </row>
    <row r="799" spans="1:3" x14ac:dyDescent="0.25">
      <c r="A799">
        <v>0.28000000000000003</v>
      </c>
      <c r="B799">
        <v>0.9</v>
      </c>
      <c r="C799">
        <v>0.95</v>
      </c>
    </row>
    <row r="800" spans="1:3" x14ac:dyDescent="0.25">
      <c r="A800">
        <v>0.28000000000000003</v>
      </c>
      <c r="B800">
        <v>0.92</v>
      </c>
      <c r="C800">
        <v>0.8</v>
      </c>
    </row>
    <row r="801" spans="1:3" x14ac:dyDescent="0.25">
      <c r="A801">
        <v>0.28000000000000003</v>
      </c>
      <c r="B801">
        <v>0.94</v>
      </c>
      <c r="C801">
        <v>0.45</v>
      </c>
    </row>
    <row r="802" spans="1:3" x14ac:dyDescent="0.25">
      <c r="A802">
        <v>0.28000000000000003</v>
      </c>
      <c r="B802">
        <v>0.98</v>
      </c>
      <c r="C802">
        <v>0.71</v>
      </c>
    </row>
    <row r="803" spans="1:3" x14ac:dyDescent="0.25">
      <c r="A803">
        <v>0.28000000000000003</v>
      </c>
      <c r="B803">
        <v>1.1499999999999999</v>
      </c>
      <c r="C803">
        <v>0.38</v>
      </c>
    </row>
    <row r="804" spans="1:3" x14ac:dyDescent="0.25">
      <c r="A804">
        <v>0.28000000000000003</v>
      </c>
      <c r="B804">
        <v>1.1599999999999999</v>
      </c>
      <c r="C804">
        <v>0.15</v>
      </c>
    </row>
    <row r="805" spans="1:3" x14ac:dyDescent="0.25">
      <c r="A805">
        <v>0.28000000000000003</v>
      </c>
      <c r="B805">
        <v>1.1599999999999999</v>
      </c>
      <c r="C805">
        <v>0.64</v>
      </c>
    </row>
    <row r="806" spans="1:3" x14ac:dyDescent="0.25">
      <c r="A806">
        <v>0.28000000000000003</v>
      </c>
      <c r="B806">
        <v>1.1599999999999999</v>
      </c>
      <c r="C806">
        <v>0.2</v>
      </c>
    </row>
    <row r="807" spans="1:3" x14ac:dyDescent="0.25">
      <c r="A807">
        <v>0.28000000000000003</v>
      </c>
      <c r="B807">
        <v>1.24</v>
      </c>
      <c r="C807">
        <v>0.55000000000000004</v>
      </c>
    </row>
    <row r="808" spans="1:3" x14ac:dyDescent="0.25">
      <c r="A808">
        <v>0.28000000000000003</v>
      </c>
      <c r="B808">
        <v>1.27</v>
      </c>
      <c r="C808">
        <v>0.21</v>
      </c>
    </row>
    <row r="809" spans="1:3" x14ac:dyDescent="0.25">
      <c r="A809">
        <v>0.28000000000000003</v>
      </c>
      <c r="B809">
        <v>1.28</v>
      </c>
      <c r="C809">
        <v>0.56999999999999995</v>
      </c>
    </row>
    <row r="810" spans="1:3" x14ac:dyDescent="0.25">
      <c r="A810">
        <v>0.28000000000000003</v>
      </c>
      <c r="B810">
        <v>1.28</v>
      </c>
      <c r="C810">
        <v>0.78</v>
      </c>
    </row>
    <row r="811" spans="1:3" x14ac:dyDescent="0.25">
      <c r="A811">
        <v>0.28000000000000003</v>
      </c>
      <c r="B811">
        <v>1.32</v>
      </c>
      <c r="C811">
        <v>0.33</v>
      </c>
    </row>
    <row r="812" spans="1:3" x14ac:dyDescent="0.25">
      <c r="A812">
        <v>0.28000000000000003</v>
      </c>
      <c r="B812">
        <v>1.34</v>
      </c>
      <c r="C812">
        <v>0.38</v>
      </c>
    </row>
    <row r="813" spans="1:3" x14ac:dyDescent="0.25">
      <c r="A813">
        <v>0.28000000000000003</v>
      </c>
      <c r="B813">
        <v>1.35</v>
      </c>
      <c r="C813">
        <v>0.05</v>
      </c>
    </row>
    <row r="814" spans="1:3" x14ac:dyDescent="0.25">
      <c r="A814">
        <v>0.28000000000000003</v>
      </c>
      <c r="B814">
        <v>1.4</v>
      </c>
      <c r="C814">
        <v>0.37</v>
      </c>
    </row>
    <row r="815" spans="1:3" x14ac:dyDescent="0.25">
      <c r="A815">
        <v>0.28000000000000003</v>
      </c>
      <c r="B815">
        <v>1.42</v>
      </c>
      <c r="C815">
        <v>0.47</v>
      </c>
    </row>
    <row r="816" spans="1:3" x14ac:dyDescent="0.25">
      <c r="A816">
        <v>0.28000000000000003</v>
      </c>
      <c r="B816">
        <v>1.43</v>
      </c>
      <c r="C816">
        <v>0.66</v>
      </c>
    </row>
    <row r="817" spans="1:3" x14ac:dyDescent="0.25">
      <c r="A817">
        <v>0.28000000000000003</v>
      </c>
      <c r="B817">
        <v>1.47</v>
      </c>
      <c r="C817">
        <v>0.61</v>
      </c>
    </row>
    <row r="818" spans="1:3" x14ac:dyDescent="0.25">
      <c r="A818">
        <v>0.28999999999999998</v>
      </c>
      <c r="B818">
        <v>0.5</v>
      </c>
      <c r="C818">
        <v>0.39</v>
      </c>
    </row>
    <row r="819" spans="1:3" x14ac:dyDescent="0.25">
      <c r="A819">
        <v>0.28999999999999998</v>
      </c>
      <c r="B819">
        <v>0.51</v>
      </c>
      <c r="C819">
        <v>0.1</v>
      </c>
    </row>
    <row r="820" spans="1:3" x14ac:dyDescent="0.25">
      <c r="A820">
        <v>0.28999999999999998</v>
      </c>
      <c r="B820">
        <v>0.51</v>
      </c>
      <c r="C820">
        <v>0.17</v>
      </c>
    </row>
    <row r="821" spans="1:3" x14ac:dyDescent="0.25">
      <c r="A821">
        <v>0.28999999999999998</v>
      </c>
      <c r="B821">
        <v>0.6</v>
      </c>
      <c r="C821">
        <v>0.44</v>
      </c>
    </row>
    <row r="822" spans="1:3" x14ac:dyDescent="0.25">
      <c r="A822">
        <v>0.28999999999999998</v>
      </c>
      <c r="B822">
        <v>0.66</v>
      </c>
      <c r="C822">
        <v>0.57999999999999996</v>
      </c>
    </row>
    <row r="823" spans="1:3" x14ac:dyDescent="0.25">
      <c r="A823">
        <v>0.28999999999999998</v>
      </c>
      <c r="B823">
        <v>0.67</v>
      </c>
      <c r="C823">
        <v>0.25</v>
      </c>
    </row>
    <row r="824" spans="1:3" x14ac:dyDescent="0.25">
      <c r="A824">
        <v>0.28999999999999998</v>
      </c>
      <c r="B824">
        <v>0.71</v>
      </c>
      <c r="C824">
        <v>0.12</v>
      </c>
    </row>
    <row r="825" spans="1:3" x14ac:dyDescent="0.25">
      <c r="A825">
        <v>0.28999999999999998</v>
      </c>
      <c r="B825">
        <v>0.78</v>
      </c>
      <c r="C825">
        <v>0.06</v>
      </c>
    </row>
    <row r="826" spans="1:3" x14ac:dyDescent="0.25">
      <c r="A826">
        <v>0.28999999999999998</v>
      </c>
      <c r="B826">
        <v>0.82</v>
      </c>
      <c r="C826">
        <v>0.56999999999999995</v>
      </c>
    </row>
    <row r="827" spans="1:3" x14ac:dyDescent="0.25">
      <c r="A827">
        <v>0.28999999999999998</v>
      </c>
      <c r="B827">
        <v>0.82</v>
      </c>
      <c r="C827">
        <v>0.7</v>
      </c>
    </row>
    <row r="828" spans="1:3" x14ac:dyDescent="0.25">
      <c r="A828">
        <v>0.28999999999999998</v>
      </c>
      <c r="B828">
        <v>0.85</v>
      </c>
      <c r="C828">
        <v>0.17</v>
      </c>
    </row>
    <row r="829" spans="1:3" x14ac:dyDescent="0.25">
      <c r="A829">
        <v>0.28999999999999998</v>
      </c>
      <c r="B829">
        <v>0.89</v>
      </c>
      <c r="C829">
        <v>0.5</v>
      </c>
    </row>
    <row r="830" spans="1:3" x14ac:dyDescent="0.25">
      <c r="A830">
        <v>0.28999999999999998</v>
      </c>
      <c r="B830">
        <v>0.89</v>
      </c>
      <c r="C830">
        <v>0.69</v>
      </c>
    </row>
    <row r="831" spans="1:3" x14ac:dyDescent="0.25">
      <c r="A831">
        <v>0.28999999999999998</v>
      </c>
      <c r="B831">
        <v>0.9</v>
      </c>
      <c r="C831">
        <v>0.22</v>
      </c>
    </row>
    <row r="832" spans="1:3" x14ac:dyDescent="0.25">
      <c r="A832">
        <v>0.28999999999999998</v>
      </c>
      <c r="B832">
        <v>0.94</v>
      </c>
      <c r="C832">
        <v>0.14000000000000001</v>
      </c>
    </row>
    <row r="833" spans="1:3" x14ac:dyDescent="0.25">
      <c r="A833">
        <v>0.28999999999999998</v>
      </c>
      <c r="B833">
        <v>0.98</v>
      </c>
      <c r="C833">
        <v>0.65</v>
      </c>
    </row>
    <row r="834" spans="1:3" x14ac:dyDescent="0.25">
      <c r="A834">
        <v>0.28999999999999998</v>
      </c>
      <c r="B834">
        <v>0.98</v>
      </c>
      <c r="C834">
        <v>0.46</v>
      </c>
    </row>
    <row r="835" spans="1:3" x14ac:dyDescent="0.25">
      <c r="A835">
        <v>0.28999999999999998</v>
      </c>
      <c r="B835">
        <v>1.03</v>
      </c>
      <c r="C835">
        <v>0.64</v>
      </c>
    </row>
    <row r="836" spans="1:3" x14ac:dyDescent="0.25">
      <c r="A836">
        <v>0.28999999999999998</v>
      </c>
      <c r="B836">
        <v>1.03</v>
      </c>
      <c r="C836">
        <v>0.24</v>
      </c>
    </row>
    <row r="837" spans="1:3" x14ac:dyDescent="0.25">
      <c r="A837">
        <v>0.28999999999999998</v>
      </c>
      <c r="B837">
        <v>1.1000000000000001</v>
      </c>
      <c r="C837">
        <v>0.37</v>
      </c>
    </row>
    <row r="838" spans="1:3" x14ac:dyDescent="0.25">
      <c r="A838">
        <v>0.28999999999999998</v>
      </c>
      <c r="B838">
        <v>1.1200000000000001</v>
      </c>
      <c r="C838">
        <v>0.1</v>
      </c>
    </row>
    <row r="839" spans="1:3" x14ac:dyDescent="0.25">
      <c r="A839">
        <v>0.28999999999999998</v>
      </c>
      <c r="B839">
        <v>1.21</v>
      </c>
      <c r="C839">
        <v>0.51</v>
      </c>
    </row>
    <row r="840" spans="1:3" x14ac:dyDescent="0.25">
      <c r="A840">
        <v>0.28999999999999998</v>
      </c>
      <c r="B840">
        <v>1.27</v>
      </c>
      <c r="C840">
        <v>0.89</v>
      </c>
    </row>
    <row r="841" spans="1:3" x14ac:dyDescent="0.25">
      <c r="A841">
        <v>0.28999999999999998</v>
      </c>
      <c r="B841">
        <v>1.31</v>
      </c>
      <c r="C841">
        <v>0.17</v>
      </c>
    </row>
    <row r="842" spans="1:3" x14ac:dyDescent="0.25">
      <c r="A842">
        <v>0.28999999999999998</v>
      </c>
      <c r="B842">
        <v>1.4</v>
      </c>
      <c r="C842">
        <v>0.09</v>
      </c>
    </row>
    <row r="843" spans="1:3" x14ac:dyDescent="0.25">
      <c r="A843">
        <v>0.28999999999999998</v>
      </c>
      <c r="B843">
        <v>1.41</v>
      </c>
      <c r="C843">
        <v>0.18</v>
      </c>
    </row>
    <row r="844" spans="1:3" x14ac:dyDescent="0.25">
      <c r="A844">
        <v>0.28999999999999998</v>
      </c>
      <c r="B844">
        <v>1.48</v>
      </c>
      <c r="C844">
        <v>0.32</v>
      </c>
    </row>
    <row r="845" spans="1:3" x14ac:dyDescent="0.25">
      <c r="A845">
        <v>0.3</v>
      </c>
      <c r="B845">
        <v>0.53</v>
      </c>
      <c r="C845">
        <v>0.61</v>
      </c>
    </row>
    <row r="846" spans="1:3" x14ac:dyDescent="0.25">
      <c r="A846">
        <v>0.3</v>
      </c>
      <c r="B846">
        <v>0.54</v>
      </c>
      <c r="C846">
        <v>0.67</v>
      </c>
    </row>
    <row r="847" spans="1:3" x14ac:dyDescent="0.25">
      <c r="A847">
        <v>0.3</v>
      </c>
      <c r="B847">
        <v>0.56999999999999995</v>
      </c>
      <c r="C847">
        <v>0.95</v>
      </c>
    </row>
    <row r="848" spans="1:3" x14ac:dyDescent="0.25">
      <c r="A848">
        <v>0.3</v>
      </c>
      <c r="B848">
        <v>0.59</v>
      </c>
      <c r="C848">
        <v>0.93</v>
      </c>
    </row>
    <row r="849" spans="1:3" x14ac:dyDescent="0.25">
      <c r="A849">
        <v>0.3</v>
      </c>
      <c r="B849">
        <v>0.6</v>
      </c>
      <c r="C849">
        <v>0.41</v>
      </c>
    </row>
    <row r="850" spans="1:3" x14ac:dyDescent="0.25">
      <c r="A850">
        <v>0.3</v>
      </c>
      <c r="B850">
        <v>0.61</v>
      </c>
      <c r="C850">
        <v>0.48</v>
      </c>
    </row>
    <row r="851" spans="1:3" x14ac:dyDescent="0.25">
      <c r="A851">
        <v>0.3</v>
      </c>
      <c r="B851">
        <v>0.63</v>
      </c>
      <c r="C851">
        <v>0.93</v>
      </c>
    </row>
    <row r="852" spans="1:3" x14ac:dyDescent="0.25">
      <c r="A852">
        <v>0.3</v>
      </c>
      <c r="B852">
        <v>0.64</v>
      </c>
      <c r="C852">
        <v>0.2</v>
      </c>
    </row>
    <row r="853" spans="1:3" x14ac:dyDescent="0.25">
      <c r="A853">
        <v>0.3</v>
      </c>
      <c r="B853">
        <v>0.68</v>
      </c>
      <c r="C853">
        <v>0.55000000000000004</v>
      </c>
    </row>
    <row r="854" spans="1:3" x14ac:dyDescent="0.25">
      <c r="A854">
        <v>0.3</v>
      </c>
      <c r="B854">
        <v>0.69</v>
      </c>
      <c r="C854">
        <v>0.42</v>
      </c>
    </row>
    <row r="855" spans="1:3" x14ac:dyDescent="0.25">
      <c r="A855">
        <v>0.3</v>
      </c>
      <c r="B855">
        <v>0.76</v>
      </c>
      <c r="C855">
        <v>0.41</v>
      </c>
    </row>
    <row r="856" spans="1:3" x14ac:dyDescent="0.25">
      <c r="A856">
        <v>0.3</v>
      </c>
      <c r="B856">
        <v>0.77</v>
      </c>
      <c r="C856">
        <v>0.35</v>
      </c>
    </row>
    <row r="857" spans="1:3" x14ac:dyDescent="0.25">
      <c r="A857">
        <v>0.3</v>
      </c>
      <c r="B857">
        <v>0.77</v>
      </c>
      <c r="C857">
        <v>0.56000000000000005</v>
      </c>
    </row>
    <row r="858" spans="1:3" x14ac:dyDescent="0.25">
      <c r="A858">
        <v>0.3</v>
      </c>
      <c r="B858">
        <v>0.92</v>
      </c>
      <c r="C858">
        <v>0.87</v>
      </c>
    </row>
    <row r="859" spans="1:3" x14ac:dyDescent="0.25">
      <c r="A859">
        <v>0.3</v>
      </c>
      <c r="B859">
        <v>0.95</v>
      </c>
      <c r="C859">
        <v>0.88</v>
      </c>
    </row>
    <row r="860" spans="1:3" x14ac:dyDescent="0.25">
      <c r="A860">
        <v>0.3</v>
      </c>
      <c r="B860">
        <v>1.06</v>
      </c>
      <c r="C860">
        <v>0.56999999999999995</v>
      </c>
    </row>
    <row r="861" spans="1:3" x14ac:dyDescent="0.25">
      <c r="A861">
        <v>0.3</v>
      </c>
      <c r="B861">
        <v>1.06</v>
      </c>
      <c r="C861">
        <v>0.4</v>
      </c>
    </row>
    <row r="862" spans="1:3" x14ac:dyDescent="0.25">
      <c r="A862">
        <v>0.3</v>
      </c>
      <c r="B862">
        <v>1.08</v>
      </c>
      <c r="C862">
        <v>0.52</v>
      </c>
    </row>
    <row r="863" spans="1:3" x14ac:dyDescent="0.25">
      <c r="A863">
        <v>0.3</v>
      </c>
      <c r="B863">
        <v>1.1200000000000001</v>
      </c>
      <c r="C863">
        <v>0.79</v>
      </c>
    </row>
    <row r="864" spans="1:3" x14ac:dyDescent="0.25">
      <c r="A864">
        <v>0.3</v>
      </c>
      <c r="B864">
        <v>1.1499999999999999</v>
      </c>
      <c r="C864">
        <v>0.5</v>
      </c>
    </row>
    <row r="865" spans="1:3" x14ac:dyDescent="0.25">
      <c r="A865">
        <v>0.3</v>
      </c>
      <c r="B865">
        <v>1.19</v>
      </c>
      <c r="C865">
        <v>0.47</v>
      </c>
    </row>
    <row r="866" spans="1:3" x14ac:dyDescent="0.25">
      <c r="A866">
        <v>0.3</v>
      </c>
      <c r="B866">
        <v>1.22</v>
      </c>
      <c r="C866">
        <v>0.68</v>
      </c>
    </row>
    <row r="867" spans="1:3" x14ac:dyDescent="0.25">
      <c r="A867">
        <v>0.3</v>
      </c>
      <c r="B867">
        <v>1.24</v>
      </c>
      <c r="C867">
        <v>0.52</v>
      </c>
    </row>
    <row r="868" spans="1:3" x14ac:dyDescent="0.25">
      <c r="A868">
        <v>0.3</v>
      </c>
      <c r="B868">
        <v>1.25</v>
      </c>
      <c r="C868">
        <v>0.33</v>
      </c>
    </row>
    <row r="869" spans="1:3" x14ac:dyDescent="0.25">
      <c r="A869">
        <v>0.3</v>
      </c>
      <c r="B869">
        <v>1.36</v>
      </c>
      <c r="C869">
        <v>0.38</v>
      </c>
    </row>
    <row r="870" spans="1:3" x14ac:dyDescent="0.25">
      <c r="A870">
        <v>0.3</v>
      </c>
      <c r="B870">
        <v>1.36</v>
      </c>
      <c r="C870">
        <v>0.73</v>
      </c>
    </row>
    <row r="871" spans="1:3" x14ac:dyDescent="0.25">
      <c r="A871">
        <v>0.3</v>
      </c>
      <c r="B871">
        <v>1.38</v>
      </c>
      <c r="C871">
        <v>0.48</v>
      </c>
    </row>
    <row r="872" spans="1:3" x14ac:dyDescent="0.25">
      <c r="A872">
        <v>0.3</v>
      </c>
      <c r="B872">
        <v>1.39</v>
      </c>
      <c r="C872">
        <v>0.3</v>
      </c>
    </row>
    <row r="873" spans="1:3" x14ac:dyDescent="0.25">
      <c r="A873">
        <v>0.3</v>
      </c>
      <c r="B873">
        <v>1.4</v>
      </c>
      <c r="C873">
        <v>0.94</v>
      </c>
    </row>
    <row r="874" spans="1:3" x14ac:dyDescent="0.25">
      <c r="A874">
        <v>0.3</v>
      </c>
      <c r="B874">
        <v>1.41</v>
      </c>
      <c r="C874">
        <v>0.46</v>
      </c>
    </row>
    <row r="875" spans="1:3" x14ac:dyDescent="0.25">
      <c r="A875">
        <v>0.31</v>
      </c>
      <c r="B875">
        <v>0.5</v>
      </c>
      <c r="C875">
        <v>0.56999999999999995</v>
      </c>
    </row>
    <row r="876" spans="1:3" x14ac:dyDescent="0.25">
      <c r="A876">
        <v>0.31</v>
      </c>
      <c r="B876">
        <v>0.5</v>
      </c>
      <c r="C876">
        <v>0.43</v>
      </c>
    </row>
    <row r="877" spans="1:3" x14ac:dyDescent="0.25">
      <c r="A877">
        <v>0.31</v>
      </c>
      <c r="B877">
        <v>0.57999999999999996</v>
      </c>
      <c r="C877">
        <v>0.52</v>
      </c>
    </row>
    <row r="878" spans="1:3" x14ac:dyDescent="0.25">
      <c r="A878">
        <v>0.31</v>
      </c>
      <c r="B878">
        <v>0.6</v>
      </c>
      <c r="C878">
        <v>0.66</v>
      </c>
    </row>
    <row r="879" spans="1:3" x14ac:dyDescent="0.25">
      <c r="A879">
        <v>0.31</v>
      </c>
      <c r="B879">
        <v>0.61</v>
      </c>
      <c r="C879">
        <v>0.64</v>
      </c>
    </row>
    <row r="880" spans="1:3" x14ac:dyDescent="0.25">
      <c r="A880">
        <v>0.31</v>
      </c>
      <c r="B880">
        <v>0.64</v>
      </c>
      <c r="C880">
        <v>0.89</v>
      </c>
    </row>
    <row r="881" spans="1:3" x14ac:dyDescent="0.25">
      <c r="A881">
        <v>0.31</v>
      </c>
      <c r="B881">
        <v>0.65</v>
      </c>
      <c r="C881">
        <v>0.5</v>
      </c>
    </row>
    <row r="882" spans="1:3" x14ac:dyDescent="0.25">
      <c r="A882">
        <v>0.31</v>
      </c>
      <c r="B882">
        <v>0.65</v>
      </c>
      <c r="C882">
        <v>0.47</v>
      </c>
    </row>
    <row r="883" spans="1:3" x14ac:dyDescent="0.25">
      <c r="A883">
        <v>0.31</v>
      </c>
      <c r="B883">
        <v>0.66</v>
      </c>
      <c r="C883">
        <v>0.79</v>
      </c>
    </row>
    <row r="884" spans="1:3" x14ac:dyDescent="0.25">
      <c r="A884">
        <v>0.31</v>
      </c>
      <c r="B884">
        <v>0.74</v>
      </c>
      <c r="C884">
        <v>0.12</v>
      </c>
    </row>
    <row r="885" spans="1:3" x14ac:dyDescent="0.25">
      <c r="A885">
        <v>0.31</v>
      </c>
      <c r="B885">
        <v>0.81</v>
      </c>
      <c r="C885">
        <v>0.4</v>
      </c>
    </row>
    <row r="886" spans="1:3" x14ac:dyDescent="0.25">
      <c r="A886">
        <v>0.31</v>
      </c>
      <c r="B886">
        <v>0.84</v>
      </c>
      <c r="C886">
        <v>0.51</v>
      </c>
    </row>
    <row r="887" spans="1:3" x14ac:dyDescent="0.25">
      <c r="A887">
        <v>0.31</v>
      </c>
      <c r="B887">
        <v>0.88</v>
      </c>
      <c r="C887">
        <v>0.5</v>
      </c>
    </row>
    <row r="888" spans="1:3" x14ac:dyDescent="0.25">
      <c r="A888">
        <v>0.31</v>
      </c>
      <c r="B888">
        <v>0.89</v>
      </c>
      <c r="C888">
        <v>0.14000000000000001</v>
      </c>
    </row>
    <row r="889" spans="1:3" x14ac:dyDescent="0.25">
      <c r="A889">
        <v>0.31</v>
      </c>
      <c r="B889">
        <v>0.9</v>
      </c>
      <c r="C889">
        <v>0.5</v>
      </c>
    </row>
    <row r="890" spans="1:3" x14ac:dyDescent="0.25">
      <c r="A890">
        <v>0.31</v>
      </c>
      <c r="B890">
        <v>0.94</v>
      </c>
      <c r="C890">
        <v>0.44</v>
      </c>
    </row>
    <row r="891" spans="1:3" x14ac:dyDescent="0.25">
      <c r="A891">
        <v>0.31</v>
      </c>
      <c r="B891">
        <v>0.97</v>
      </c>
      <c r="C891">
        <v>0.76</v>
      </c>
    </row>
    <row r="892" spans="1:3" x14ac:dyDescent="0.25">
      <c r="A892">
        <v>0.31</v>
      </c>
      <c r="B892">
        <v>0.98</v>
      </c>
      <c r="C892">
        <v>0.69</v>
      </c>
    </row>
    <row r="893" spans="1:3" x14ac:dyDescent="0.25">
      <c r="A893">
        <v>0.31</v>
      </c>
      <c r="B893">
        <v>1.01</v>
      </c>
      <c r="C893">
        <v>0.53</v>
      </c>
    </row>
    <row r="894" spans="1:3" x14ac:dyDescent="0.25">
      <c r="A894">
        <v>0.31</v>
      </c>
      <c r="B894">
        <v>1.01</v>
      </c>
      <c r="C894">
        <v>0.72</v>
      </c>
    </row>
    <row r="895" spans="1:3" x14ac:dyDescent="0.25">
      <c r="A895">
        <v>0.31</v>
      </c>
      <c r="B895">
        <v>1.03</v>
      </c>
      <c r="C895">
        <v>0.1</v>
      </c>
    </row>
    <row r="896" spans="1:3" x14ac:dyDescent="0.25">
      <c r="A896">
        <v>0.31</v>
      </c>
      <c r="B896">
        <v>1.04</v>
      </c>
      <c r="C896">
        <v>0.34</v>
      </c>
    </row>
    <row r="897" spans="1:3" x14ac:dyDescent="0.25">
      <c r="A897">
        <v>0.31</v>
      </c>
      <c r="B897">
        <v>1.04</v>
      </c>
      <c r="C897">
        <v>0.75</v>
      </c>
    </row>
    <row r="898" spans="1:3" x14ac:dyDescent="0.25">
      <c r="A898">
        <v>0.31</v>
      </c>
      <c r="B898">
        <v>1.06</v>
      </c>
      <c r="C898">
        <v>0.83</v>
      </c>
    </row>
    <row r="899" spans="1:3" x14ac:dyDescent="0.25">
      <c r="A899">
        <v>0.31</v>
      </c>
      <c r="B899">
        <v>1.07</v>
      </c>
      <c r="C899">
        <v>0.4</v>
      </c>
    </row>
    <row r="900" spans="1:3" x14ac:dyDescent="0.25">
      <c r="A900">
        <v>0.31</v>
      </c>
      <c r="B900">
        <v>1.1000000000000001</v>
      </c>
      <c r="C900">
        <v>0.76</v>
      </c>
    </row>
    <row r="901" spans="1:3" x14ac:dyDescent="0.25">
      <c r="A901">
        <v>0.31</v>
      </c>
      <c r="B901">
        <v>1.1499999999999999</v>
      </c>
      <c r="C901">
        <v>0.84</v>
      </c>
    </row>
    <row r="902" spans="1:3" x14ac:dyDescent="0.25">
      <c r="A902">
        <v>0.31</v>
      </c>
      <c r="B902">
        <v>1.22</v>
      </c>
      <c r="C902">
        <v>0.38</v>
      </c>
    </row>
    <row r="903" spans="1:3" x14ac:dyDescent="0.25">
      <c r="A903">
        <v>0.31</v>
      </c>
      <c r="B903">
        <v>1.23</v>
      </c>
      <c r="C903">
        <v>0.9</v>
      </c>
    </row>
    <row r="904" spans="1:3" x14ac:dyDescent="0.25">
      <c r="A904">
        <v>0.31</v>
      </c>
      <c r="B904">
        <v>1.34</v>
      </c>
      <c r="C904">
        <v>0.32</v>
      </c>
    </row>
    <row r="905" spans="1:3" x14ac:dyDescent="0.25">
      <c r="A905">
        <v>0.31</v>
      </c>
      <c r="B905">
        <v>1.34</v>
      </c>
      <c r="C905">
        <v>0.72</v>
      </c>
    </row>
    <row r="906" spans="1:3" x14ac:dyDescent="0.25">
      <c r="A906">
        <v>0.31</v>
      </c>
      <c r="B906">
        <v>1.34</v>
      </c>
      <c r="C906">
        <v>0.56999999999999995</v>
      </c>
    </row>
    <row r="907" spans="1:3" x14ac:dyDescent="0.25">
      <c r="A907">
        <v>0.31</v>
      </c>
      <c r="B907">
        <v>1.42</v>
      </c>
      <c r="C907">
        <v>0.56000000000000005</v>
      </c>
    </row>
    <row r="908" spans="1:3" x14ac:dyDescent="0.25">
      <c r="A908">
        <v>0.31</v>
      </c>
      <c r="B908">
        <v>1.45</v>
      </c>
      <c r="C908">
        <v>0.55000000000000004</v>
      </c>
    </row>
    <row r="909" spans="1:3" x14ac:dyDescent="0.25">
      <c r="A909">
        <v>0.31</v>
      </c>
      <c r="B909">
        <v>1.46</v>
      </c>
      <c r="C909">
        <v>0.31</v>
      </c>
    </row>
    <row r="910" spans="1:3" x14ac:dyDescent="0.25">
      <c r="A910">
        <v>0.31</v>
      </c>
      <c r="B910">
        <v>1.49</v>
      </c>
      <c r="C910">
        <v>0.75</v>
      </c>
    </row>
    <row r="911" spans="1:3" x14ac:dyDescent="0.25">
      <c r="A911">
        <v>0.32</v>
      </c>
      <c r="B911">
        <v>0.5</v>
      </c>
      <c r="C911">
        <v>7.0000000000000007E-2</v>
      </c>
    </row>
    <row r="912" spans="1:3" x14ac:dyDescent="0.25">
      <c r="A912">
        <v>0.32</v>
      </c>
      <c r="B912">
        <v>0.52</v>
      </c>
      <c r="C912">
        <v>0.36</v>
      </c>
    </row>
    <row r="913" spans="1:3" x14ac:dyDescent="0.25">
      <c r="A913">
        <v>0.32</v>
      </c>
      <c r="B913">
        <v>0.59</v>
      </c>
      <c r="C913">
        <v>0.39</v>
      </c>
    </row>
    <row r="914" spans="1:3" x14ac:dyDescent="0.25">
      <c r="A914">
        <v>0.32</v>
      </c>
      <c r="B914">
        <v>0.63</v>
      </c>
      <c r="C914">
        <v>0.49</v>
      </c>
    </row>
    <row r="915" spans="1:3" x14ac:dyDescent="0.25">
      <c r="A915">
        <v>0.32</v>
      </c>
      <c r="B915">
        <v>0.64</v>
      </c>
      <c r="C915">
        <v>0.52</v>
      </c>
    </row>
    <row r="916" spans="1:3" x14ac:dyDescent="0.25">
      <c r="A916">
        <v>0.32</v>
      </c>
      <c r="B916">
        <v>0.64</v>
      </c>
      <c r="C916">
        <v>0.05</v>
      </c>
    </row>
    <row r="917" spans="1:3" x14ac:dyDescent="0.25">
      <c r="A917">
        <v>0.32</v>
      </c>
      <c r="B917">
        <v>0.73</v>
      </c>
      <c r="C917">
        <v>0.94</v>
      </c>
    </row>
    <row r="918" spans="1:3" x14ac:dyDescent="0.25">
      <c r="A918">
        <v>0.32</v>
      </c>
      <c r="B918">
        <v>0.79</v>
      </c>
      <c r="C918">
        <v>0.82</v>
      </c>
    </row>
    <row r="919" spans="1:3" x14ac:dyDescent="0.25">
      <c r="A919">
        <v>0.32</v>
      </c>
      <c r="B919">
        <v>0.82</v>
      </c>
      <c r="C919">
        <v>0.43</v>
      </c>
    </row>
    <row r="920" spans="1:3" x14ac:dyDescent="0.25">
      <c r="A920">
        <v>0.32</v>
      </c>
      <c r="B920">
        <v>0.83</v>
      </c>
      <c r="C920">
        <v>0.06</v>
      </c>
    </row>
    <row r="921" spans="1:3" x14ac:dyDescent="0.25">
      <c r="A921">
        <v>0.32</v>
      </c>
      <c r="B921">
        <v>0.85</v>
      </c>
      <c r="C921">
        <v>0.38</v>
      </c>
    </row>
    <row r="922" spans="1:3" x14ac:dyDescent="0.25">
      <c r="A922">
        <v>0.32</v>
      </c>
      <c r="B922">
        <v>0.9</v>
      </c>
      <c r="C922">
        <v>0.91</v>
      </c>
    </row>
    <row r="923" spans="1:3" x14ac:dyDescent="0.25">
      <c r="A923">
        <v>0.32</v>
      </c>
      <c r="B923">
        <v>0.91</v>
      </c>
      <c r="C923">
        <v>0.27</v>
      </c>
    </row>
    <row r="924" spans="1:3" x14ac:dyDescent="0.25">
      <c r="A924">
        <v>0.32</v>
      </c>
      <c r="B924">
        <v>0.92</v>
      </c>
      <c r="C924">
        <v>0.39</v>
      </c>
    </row>
    <row r="925" spans="1:3" x14ac:dyDescent="0.25">
      <c r="A925">
        <v>0.32</v>
      </c>
      <c r="B925">
        <v>0.92</v>
      </c>
      <c r="C925">
        <v>0.67</v>
      </c>
    </row>
    <row r="926" spans="1:3" x14ac:dyDescent="0.25">
      <c r="A926">
        <v>0.32</v>
      </c>
      <c r="B926">
        <v>0.93</v>
      </c>
      <c r="C926">
        <v>0.34</v>
      </c>
    </row>
    <row r="927" spans="1:3" x14ac:dyDescent="0.25">
      <c r="A927">
        <v>0.32</v>
      </c>
      <c r="B927">
        <v>0.96</v>
      </c>
      <c r="C927">
        <v>0.21</v>
      </c>
    </row>
    <row r="928" spans="1:3" x14ac:dyDescent="0.25">
      <c r="A928">
        <v>0.32</v>
      </c>
      <c r="B928">
        <v>1</v>
      </c>
      <c r="C928">
        <v>0.89</v>
      </c>
    </row>
    <row r="929" spans="1:3" x14ac:dyDescent="0.25">
      <c r="A929">
        <v>0.32</v>
      </c>
      <c r="B929">
        <v>1.03</v>
      </c>
      <c r="C929">
        <v>0.64</v>
      </c>
    </row>
    <row r="930" spans="1:3" x14ac:dyDescent="0.25">
      <c r="A930">
        <v>0.32</v>
      </c>
      <c r="B930">
        <v>1.05</v>
      </c>
      <c r="C930">
        <v>0.74</v>
      </c>
    </row>
    <row r="931" spans="1:3" x14ac:dyDescent="0.25">
      <c r="A931">
        <v>0.32</v>
      </c>
      <c r="B931">
        <v>1.05</v>
      </c>
      <c r="C931">
        <v>0.24</v>
      </c>
    </row>
    <row r="932" spans="1:3" x14ac:dyDescent="0.25">
      <c r="A932">
        <v>0.32</v>
      </c>
      <c r="B932">
        <v>1.07</v>
      </c>
      <c r="C932">
        <v>0.36</v>
      </c>
    </row>
    <row r="933" spans="1:3" x14ac:dyDescent="0.25">
      <c r="A933">
        <v>0.32</v>
      </c>
      <c r="B933">
        <v>1.1000000000000001</v>
      </c>
      <c r="C933">
        <v>0.46</v>
      </c>
    </row>
    <row r="934" spans="1:3" x14ac:dyDescent="0.25">
      <c r="A934">
        <v>0.32</v>
      </c>
      <c r="B934">
        <v>1.19</v>
      </c>
      <c r="C934">
        <v>0.48</v>
      </c>
    </row>
    <row r="935" spans="1:3" x14ac:dyDescent="0.25">
      <c r="A935">
        <v>0.32</v>
      </c>
      <c r="B935">
        <v>1.19</v>
      </c>
      <c r="C935">
        <v>0.63</v>
      </c>
    </row>
    <row r="936" spans="1:3" x14ac:dyDescent="0.25">
      <c r="A936">
        <v>0.32</v>
      </c>
      <c r="B936">
        <v>1.22</v>
      </c>
      <c r="C936">
        <v>0.56000000000000005</v>
      </c>
    </row>
    <row r="937" spans="1:3" x14ac:dyDescent="0.25">
      <c r="A937">
        <v>0.32</v>
      </c>
      <c r="B937">
        <v>1.28</v>
      </c>
      <c r="C937">
        <v>0.6</v>
      </c>
    </row>
    <row r="938" spans="1:3" x14ac:dyDescent="0.25">
      <c r="A938">
        <v>0.32</v>
      </c>
      <c r="B938">
        <v>1.3</v>
      </c>
      <c r="C938">
        <v>0.69</v>
      </c>
    </row>
    <row r="939" spans="1:3" x14ac:dyDescent="0.25">
      <c r="A939">
        <v>0.32</v>
      </c>
      <c r="B939">
        <v>1.32</v>
      </c>
      <c r="C939">
        <v>0.09</v>
      </c>
    </row>
    <row r="940" spans="1:3" x14ac:dyDescent="0.25">
      <c r="A940">
        <v>0.32</v>
      </c>
      <c r="B940">
        <v>1.35</v>
      </c>
      <c r="C940">
        <v>0.71</v>
      </c>
    </row>
    <row r="941" spans="1:3" x14ac:dyDescent="0.25">
      <c r="A941">
        <v>0.32</v>
      </c>
      <c r="B941">
        <v>1.37</v>
      </c>
      <c r="C941">
        <v>0.7</v>
      </c>
    </row>
    <row r="942" spans="1:3" x14ac:dyDescent="0.25">
      <c r="A942">
        <v>0.32</v>
      </c>
      <c r="B942">
        <v>1.38</v>
      </c>
      <c r="C942">
        <v>0.56000000000000005</v>
      </c>
    </row>
    <row r="943" spans="1:3" x14ac:dyDescent="0.25">
      <c r="A943">
        <v>0.32</v>
      </c>
      <c r="B943">
        <v>1.45</v>
      </c>
      <c r="C943">
        <v>0.63</v>
      </c>
    </row>
    <row r="944" spans="1:3" x14ac:dyDescent="0.25">
      <c r="A944">
        <v>0.32</v>
      </c>
      <c r="B944">
        <v>1.48</v>
      </c>
      <c r="C944">
        <v>0.88</v>
      </c>
    </row>
    <row r="945" spans="1:3" x14ac:dyDescent="0.25">
      <c r="A945">
        <v>0.32</v>
      </c>
      <c r="B945">
        <v>1.48</v>
      </c>
      <c r="C945">
        <v>7.0000000000000007E-2</v>
      </c>
    </row>
    <row r="946" spans="1:3" x14ac:dyDescent="0.25">
      <c r="A946">
        <v>0.32</v>
      </c>
      <c r="B946">
        <v>1.48</v>
      </c>
      <c r="C946">
        <v>0.59</v>
      </c>
    </row>
    <row r="947" spans="1:3" x14ac:dyDescent="0.25">
      <c r="A947">
        <v>0.32</v>
      </c>
      <c r="B947">
        <v>1.49</v>
      </c>
      <c r="C947">
        <v>0.56999999999999995</v>
      </c>
    </row>
    <row r="948" spans="1:3" x14ac:dyDescent="0.25">
      <c r="A948">
        <v>0.33</v>
      </c>
      <c r="B948">
        <v>0.51</v>
      </c>
      <c r="C948">
        <v>0.68</v>
      </c>
    </row>
    <row r="949" spans="1:3" x14ac:dyDescent="0.25">
      <c r="A949">
        <v>0.33</v>
      </c>
      <c r="B949">
        <v>0.52</v>
      </c>
      <c r="C949">
        <v>0.82</v>
      </c>
    </row>
    <row r="950" spans="1:3" x14ac:dyDescent="0.25">
      <c r="A950">
        <v>0.33</v>
      </c>
      <c r="B950">
        <v>0.61</v>
      </c>
      <c r="C950">
        <v>0.76</v>
      </c>
    </row>
    <row r="951" spans="1:3" x14ac:dyDescent="0.25">
      <c r="A951">
        <v>0.33</v>
      </c>
      <c r="B951">
        <v>0.61</v>
      </c>
      <c r="C951">
        <v>0.54</v>
      </c>
    </row>
    <row r="952" spans="1:3" x14ac:dyDescent="0.25">
      <c r="A952">
        <v>0.33</v>
      </c>
      <c r="B952">
        <v>0.63</v>
      </c>
      <c r="C952">
        <v>0.9</v>
      </c>
    </row>
    <row r="953" spans="1:3" x14ac:dyDescent="0.25">
      <c r="A953">
        <v>0.33</v>
      </c>
      <c r="B953">
        <v>0.71</v>
      </c>
      <c r="C953">
        <v>0.41</v>
      </c>
    </row>
    <row r="954" spans="1:3" x14ac:dyDescent="0.25">
      <c r="A954">
        <v>0.33</v>
      </c>
      <c r="B954">
        <v>0.71</v>
      </c>
      <c r="C954">
        <v>0.28000000000000003</v>
      </c>
    </row>
    <row r="955" spans="1:3" x14ac:dyDescent="0.25">
      <c r="A955">
        <v>0.33</v>
      </c>
      <c r="B955">
        <v>0.71</v>
      </c>
      <c r="C955">
        <v>0.3</v>
      </c>
    </row>
    <row r="956" spans="1:3" x14ac:dyDescent="0.25">
      <c r="A956">
        <v>0.33</v>
      </c>
      <c r="B956">
        <v>0.72</v>
      </c>
      <c r="C956">
        <v>0.68</v>
      </c>
    </row>
    <row r="957" spans="1:3" x14ac:dyDescent="0.25">
      <c r="A957">
        <v>0.33</v>
      </c>
      <c r="B957">
        <v>0.79</v>
      </c>
      <c r="C957">
        <v>0.41</v>
      </c>
    </row>
    <row r="958" spans="1:3" x14ac:dyDescent="0.25">
      <c r="A958">
        <v>0.33</v>
      </c>
      <c r="B958">
        <v>0.89</v>
      </c>
      <c r="C958">
        <v>0.36</v>
      </c>
    </row>
    <row r="959" spans="1:3" x14ac:dyDescent="0.25">
      <c r="A959">
        <v>0.33</v>
      </c>
      <c r="B959">
        <v>0.92</v>
      </c>
      <c r="C959">
        <v>0.82</v>
      </c>
    </row>
    <row r="960" spans="1:3" x14ac:dyDescent="0.25">
      <c r="A960">
        <v>0.33</v>
      </c>
      <c r="B960">
        <v>0.93</v>
      </c>
      <c r="C960">
        <v>0.76</v>
      </c>
    </row>
    <row r="961" spans="1:3" x14ac:dyDescent="0.25">
      <c r="A961">
        <v>0.33</v>
      </c>
      <c r="B961">
        <v>0.95</v>
      </c>
      <c r="C961">
        <v>0.3</v>
      </c>
    </row>
    <row r="962" spans="1:3" x14ac:dyDescent="0.25">
      <c r="A962">
        <v>0.33</v>
      </c>
      <c r="B962">
        <v>1.02</v>
      </c>
      <c r="C962">
        <v>0.94</v>
      </c>
    </row>
    <row r="963" spans="1:3" x14ac:dyDescent="0.25">
      <c r="A963">
        <v>0.33</v>
      </c>
      <c r="B963">
        <v>1.08</v>
      </c>
      <c r="C963">
        <v>0.72</v>
      </c>
    </row>
    <row r="964" spans="1:3" x14ac:dyDescent="0.25">
      <c r="A964">
        <v>0.33</v>
      </c>
      <c r="B964">
        <v>1.08</v>
      </c>
      <c r="C964">
        <v>0.78</v>
      </c>
    </row>
    <row r="965" spans="1:3" x14ac:dyDescent="0.25">
      <c r="A965">
        <v>0.33</v>
      </c>
      <c r="B965">
        <v>1.1100000000000001</v>
      </c>
      <c r="C965">
        <v>0.65</v>
      </c>
    </row>
    <row r="966" spans="1:3" x14ac:dyDescent="0.25">
      <c r="A966">
        <v>0.33</v>
      </c>
      <c r="B966">
        <v>1.1100000000000001</v>
      </c>
      <c r="C966">
        <v>0.66</v>
      </c>
    </row>
    <row r="967" spans="1:3" x14ac:dyDescent="0.25">
      <c r="A967">
        <v>0.33</v>
      </c>
      <c r="B967">
        <v>1.1499999999999999</v>
      </c>
      <c r="C967">
        <v>0.7</v>
      </c>
    </row>
    <row r="968" spans="1:3" x14ac:dyDescent="0.25">
      <c r="A968">
        <v>0.33</v>
      </c>
      <c r="B968">
        <v>1.1599999999999999</v>
      </c>
      <c r="C968">
        <v>0.19</v>
      </c>
    </row>
    <row r="969" spans="1:3" x14ac:dyDescent="0.25">
      <c r="A969">
        <v>0.33</v>
      </c>
      <c r="B969">
        <v>1.17</v>
      </c>
      <c r="C969">
        <v>0.51</v>
      </c>
    </row>
    <row r="970" spans="1:3" x14ac:dyDescent="0.25">
      <c r="A970">
        <v>0.33</v>
      </c>
      <c r="B970">
        <v>1.19</v>
      </c>
      <c r="C970">
        <v>0.89</v>
      </c>
    </row>
    <row r="971" spans="1:3" x14ac:dyDescent="0.25">
      <c r="A971">
        <v>0.33</v>
      </c>
      <c r="B971">
        <v>1.2</v>
      </c>
      <c r="C971">
        <v>0.56000000000000005</v>
      </c>
    </row>
    <row r="972" spans="1:3" x14ac:dyDescent="0.25">
      <c r="A972">
        <v>0.33</v>
      </c>
      <c r="B972">
        <v>1.2</v>
      </c>
      <c r="C972">
        <v>0.35</v>
      </c>
    </row>
    <row r="973" spans="1:3" x14ac:dyDescent="0.25">
      <c r="A973">
        <v>0.33</v>
      </c>
      <c r="B973">
        <v>1.23</v>
      </c>
      <c r="C973">
        <v>0.88</v>
      </c>
    </row>
    <row r="974" spans="1:3" x14ac:dyDescent="0.25">
      <c r="A974">
        <v>0.33</v>
      </c>
      <c r="B974">
        <v>1.23</v>
      </c>
      <c r="C974">
        <v>0.53</v>
      </c>
    </row>
    <row r="975" spans="1:3" x14ac:dyDescent="0.25">
      <c r="A975">
        <v>0.33</v>
      </c>
      <c r="B975">
        <v>1.28</v>
      </c>
      <c r="C975">
        <v>0.4</v>
      </c>
    </row>
    <row r="976" spans="1:3" x14ac:dyDescent="0.25">
      <c r="A976">
        <v>0.33</v>
      </c>
      <c r="B976">
        <v>1.29</v>
      </c>
      <c r="C976">
        <v>0.81</v>
      </c>
    </row>
    <row r="977" spans="1:3" x14ac:dyDescent="0.25">
      <c r="A977">
        <v>0.33</v>
      </c>
      <c r="B977">
        <v>1.37</v>
      </c>
      <c r="C977">
        <v>0.81</v>
      </c>
    </row>
    <row r="978" spans="1:3" x14ac:dyDescent="0.25">
      <c r="A978">
        <v>0.33</v>
      </c>
      <c r="B978">
        <v>1.38</v>
      </c>
      <c r="C978">
        <v>0.2</v>
      </c>
    </row>
    <row r="979" spans="1:3" x14ac:dyDescent="0.25">
      <c r="A979">
        <v>0.33</v>
      </c>
      <c r="B979">
        <v>1.39</v>
      </c>
      <c r="C979">
        <v>7.0000000000000007E-2</v>
      </c>
    </row>
    <row r="980" spans="1:3" x14ac:dyDescent="0.25">
      <c r="A980">
        <v>0.33</v>
      </c>
      <c r="B980">
        <v>1.45</v>
      </c>
      <c r="C980">
        <v>0.35</v>
      </c>
    </row>
    <row r="981" spans="1:3" x14ac:dyDescent="0.25">
      <c r="A981">
        <v>0.33</v>
      </c>
      <c r="B981">
        <v>1.48</v>
      </c>
      <c r="C981">
        <v>0.56999999999999995</v>
      </c>
    </row>
    <row r="982" spans="1:3" x14ac:dyDescent="0.25">
      <c r="A982">
        <v>0.34</v>
      </c>
      <c r="B982">
        <v>0.56000000000000005</v>
      </c>
      <c r="C982">
        <v>0.18</v>
      </c>
    </row>
    <row r="983" spans="1:3" x14ac:dyDescent="0.25">
      <c r="A983">
        <v>0.34</v>
      </c>
      <c r="B983">
        <v>0.61</v>
      </c>
      <c r="C983">
        <v>0.77</v>
      </c>
    </row>
    <row r="984" spans="1:3" x14ac:dyDescent="0.25">
      <c r="A984">
        <v>0.34</v>
      </c>
      <c r="B984">
        <v>0.61</v>
      </c>
      <c r="C984">
        <v>0.32</v>
      </c>
    </row>
    <row r="985" spans="1:3" x14ac:dyDescent="0.25">
      <c r="A985">
        <v>0.34</v>
      </c>
      <c r="B985">
        <v>0.63</v>
      </c>
      <c r="C985">
        <v>0.55000000000000004</v>
      </c>
    </row>
    <row r="986" spans="1:3" x14ac:dyDescent="0.25">
      <c r="A986">
        <v>0.34</v>
      </c>
      <c r="B986">
        <v>0.68</v>
      </c>
      <c r="C986">
        <v>0.34</v>
      </c>
    </row>
    <row r="987" spans="1:3" x14ac:dyDescent="0.25">
      <c r="A987">
        <v>0.34</v>
      </c>
      <c r="B987">
        <v>0.68</v>
      </c>
      <c r="C987">
        <v>0.05</v>
      </c>
    </row>
    <row r="988" spans="1:3" x14ac:dyDescent="0.25">
      <c r="A988">
        <v>0.34</v>
      </c>
      <c r="B988">
        <v>0.72</v>
      </c>
      <c r="C988">
        <v>0.66</v>
      </c>
    </row>
    <row r="989" spans="1:3" x14ac:dyDescent="0.25">
      <c r="A989">
        <v>0.34</v>
      </c>
      <c r="B989">
        <v>0.73</v>
      </c>
      <c r="C989">
        <v>0.21</v>
      </c>
    </row>
    <row r="990" spans="1:3" x14ac:dyDescent="0.25">
      <c r="A990">
        <v>0.34</v>
      </c>
      <c r="B990">
        <v>0.83</v>
      </c>
      <c r="C990">
        <v>0.94</v>
      </c>
    </row>
    <row r="991" spans="1:3" x14ac:dyDescent="0.25">
      <c r="A991">
        <v>0.34</v>
      </c>
      <c r="B991">
        <v>0.92</v>
      </c>
      <c r="C991">
        <v>0.5</v>
      </c>
    </row>
    <row r="992" spans="1:3" x14ac:dyDescent="0.25">
      <c r="A992">
        <v>0.34</v>
      </c>
      <c r="B992">
        <v>0.95</v>
      </c>
      <c r="C992">
        <v>0.19</v>
      </c>
    </row>
    <row r="993" spans="1:3" x14ac:dyDescent="0.25">
      <c r="A993">
        <v>0.34</v>
      </c>
      <c r="B993">
        <v>0.98</v>
      </c>
      <c r="C993">
        <v>0.56999999999999995</v>
      </c>
    </row>
    <row r="994" spans="1:3" x14ac:dyDescent="0.25">
      <c r="A994">
        <v>0.34</v>
      </c>
      <c r="B994">
        <v>0.99</v>
      </c>
      <c r="C994">
        <v>0.91</v>
      </c>
    </row>
    <row r="995" spans="1:3" x14ac:dyDescent="0.25">
      <c r="A995">
        <v>0.34</v>
      </c>
      <c r="B995">
        <v>1.02</v>
      </c>
      <c r="C995">
        <v>0.18</v>
      </c>
    </row>
    <row r="996" spans="1:3" x14ac:dyDescent="0.25">
      <c r="A996">
        <v>0.34</v>
      </c>
      <c r="B996">
        <v>1.03</v>
      </c>
      <c r="C996">
        <v>0.56000000000000005</v>
      </c>
    </row>
    <row r="997" spans="1:3" x14ac:dyDescent="0.25">
      <c r="A997">
        <v>0.34</v>
      </c>
      <c r="B997">
        <v>1.04</v>
      </c>
      <c r="C997">
        <v>0.56999999999999995</v>
      </c>
    </row>
    <row r="998" spans="1:3" x14ac:dyDescent="0.25">
      <c r="A998">
        <v>0.34</v>
      </c>
      <c r="B998">
        <v>1.0900000000000001</v>
      </c>
      <c r="C998">
        <v>0.7</v>
      </c>
    </row>
    <row r="999" spans="1:3" x14ac:dyDescent="0.25">
      <c r="A999">
        <v>0.34</v>
      </c>
      <c r="B999">
        <v>1.1399999999999999</v>
      </c>
      <c r="C999">
        <v>0.26</v>
      </c>
    </row>
    <row r="1000" spans="1:3" x14ac:dyDescent="0.25">
      <c r="A1000">
        <v>0.34</v>
      </c>
      <c r="B1000">
        <v>1.1399999999999999</v>
      </c>
      <c r="C1000">
        <v>0.28999999999999998</v>
      </c>
    </row>
    <row r="1001" spans="1:3" x14ac:dyDescent="0.25">
      <c r="A1001">
        <v>0.34</v>
      </c>
      <c r="B1001">
        <v>1.2</v>
      </c>
      <c r="C1001">
        <v>0.49</v>
      </c>
    </row>
    <row r="1002" spans="1:3" x14ac:dyDescent="0.25">
      <c r="A1002">
        <v>0.34</v>
      </c>
      <c r="B1002">
        <v>1.23</v>
      </c>
      <c r="C1002">
        <v>0.53</v>
      </c>
    </row>
    <row r="1003" spans="1:3" x14ac:dyDescent="0.25">
      <c r="A1003">
        <v>0.34</v>
      </c>
      <c r="B1003">
        <v>1.25</v>
      </c>
      <c r="C1003">
        <v>0.62</v>
      </c>
    </row>
    <row r="1004" spans="1:3" x14ac:dyDescent="0.25">
      <c r="A1004">
        <v>0.34</v>
      </c>
      <c r="B1004">
        <v>1.26</v>
      </c>
      <c r="C1004">
        <v>0.19</v>
      </c>
    </row>
    <row r="1005" spans="1:3" x14ac:dyDescent="0.25">
      <c r="A1005">
        <v>0.34</v>
      </c>
      <c r="B1005">
        <v>1.26</v>
      </c>
      <c r="C1005">
        <v>0.21</v>
      </c>
    </row>
    <row r="1006" spans="1:3" x14ac:dyDescent="0.25">
      <c r="A1006">
        <v>0.34</v>
      </c>
      <c r="B1006">
        <v>1.3</v>
      </c>
      <c r="C1006">
        <v>0.34</v>
      </c>
    </row>
    <row r="1007" spans="1:3" x14ac:dyDescent="0.25">
      <c r="A1007">
        <v>0.34</v>
      </c>
      <c r="B1007">
        <v>1.31</v>
      </c>
      <c r="C1007">
        <v>0.11</v>
      </c>
    </row>
    <row r="1008" spans="1:3" x14ac:dyDescent="0.25">
      <c r="A1008">
        <v>0.34</v>
      </c>
      <c r="B1008">
        <v>1.41</v>
      </c>
      <c r="C1008">
        <v>0.09</v>
      </c>
    </row>
    <row r="1009" spans="1:3" x14ac:dyDescent="0.25">
      <c r="A1009">
        <v>0.34</v>
      </c>
      <c r="B1009">
        <v>1.49</v>
      </c>
      <c r="C1009">
        <v>0.17</v>
      </c>
    </row>
    <row r="1010" spans="1:3" x14ac:dyDescent="0.25">
      <c r="A1010">
        <v>0.35</v>
      </c>
      <c r="B1010">
        <v>0.68</v>
      </c>
      <c r="C1010">
        <v>0.12</v>
      </c>
    </row>
    <row r="1011" spans="1:3" x14ac:dyDescent="0.25">
      <c r="A1011">
        <v>0.35</v>
      </c>
      <c r="B1011">
        <v>0.74</v>
      </c>
      <c r="C1011">
        <v>0.33</v>
      </c>
    </row>
    <row r="1012" spans="1:3" x14ac:dyDescent="0.25">
      <c r="A1012">
        <v>0.35</v>
      </c>
      <c r="B1012">
        <v>0.75</v>
      </c>
      <c r="C1012">
        <v>0.8</v>
      </c>
    </row>
    <row r="1013" spans="1:3" x14ac:dyDescent="0.25">
      <c r="A1013">
        <v>0.35</v>
      </c>
      <c r="B1013">
        <v>0.81</v>
      </c>
      <c r="C1013">
        <v>0.87</v>
      </c>
    </row>
    <row r="1014" spans="1:3" x14ac:dyDescent="0.25">
      <c r="A1014">
        <v>0.35</v>
      </c>
      <c r="B1014">
        <v>0.82</v>
      </c>
      <c r="C1014">
        <v>0.25</v>
      </c>
    </row>
    <row r="1015" spans="1:3" x14ac:dyDescent="0.25">
      <c r="A1015">
        <v>0.35</v>
      </c>
      <c r="B1015">
        <v>0.83</v>
      </c>
      <c r="C1015">
        <v>0.49</v>
      </c>
    </row>
    <row r="1016" spans="1:3" x14ac:dyDescent="0.25">
      <c r="A1016">
        <v>0.35</v>
      </c>
      <c r="B1016">
        <v>0.83</v>
      </c>
      <c r="C1016">
        <v>0.24</v>
      </c>
    </row>
    <row r="1017" spans="1:3" x14ac:dyDescent="0.25">
      <c r="A1017">
        <v>0.35</v>
      </c>
      <c r="B1017">
        <v>0.84</v>
      </c>
      <c r="C1017">
        <v>0.26</v>
      </c>
    </row>
    <row r="1018" spans="1:3" x14ac:dyDescent="0.25">
      <c r="A1018">
        <v>0.35</v>
      </c>
      <c r="B1018">
        <v>0.87</v>
      </c>
      <c r="C1018">
        <v>0.38</v>
      </c>
    </row>
    <row r="1019" spans="1:3" x14ac:dyDescent="0.25">
      <c r="A1019">
        <v>0.35</v>
      </c>
      <c r="B1019">
        <v>0.91</v>
      </c>
      <c r="C1019">
        <v>0.35</v>
      </c>
    </row>
    <row r="1020" spans="1:3" x14ac:dyDescent="0.25">
      <c r="A1020">
        <v>0.35</v>
      </c>
      <c r="B1020">
        <v>0.92</v>
      </c>
      <c r="C1020">
        <v>0.8</v>
      </c>
    </row>
    <row r="1021" spans="1:3" x14ac:dyDescent="0.25">
      <c r="A1021">
        <v>0.35</v>
      </c>
      <c r="B1021">
        <v>0.94</v>
      </c>
      <c r="C1021">
        <v>0.72</v>
      </c>
    </row>
    <row r="1022" spans="1:3" x14ac:dyDescent="0.25">
      <c r="A1022">
        <v>0.35</v>
      </c>
      <c r="B1022">
        <v>0.95</v>
      </c>
      <c r="C1022">
        <v>0.22</v>
      </c>
    </row>
    <row r="1023" spans="1:3" x14ac:dyDescent="0.25">
      <c r="A1023">
        <v>0.35</v>
      </c>
      <c r="B1023">
        <v>0.96</v>
      </c>
      <c r="C1023">
        <v>0.36</v>
      </c>
    </row>
    <row r="1024" spans="1:3" x14ac:dyDescent="0.25">
      <c r="A1024">
        <v>0.35</v>
      </c>
      <c r="B1024">
        <v>0.97</v>
      </c>
      <c r="C1024">
        <v>0.43</v>
      </c>
    </row>
    <row r="1025" spans="1:3" x14ac:dyDescent="0.25">
      <c r="A1025">
        <v>0.35</v>
      </c>
      <c r="B1025">
        <v>0.98</v>
      </c>
      <c r="C1025">
        <v>0.12</v>
      </c>
    </row>
    <row r="1026" spans="1:3" x14ac:dyDescent="0.25">
      <c r="A1026">
        <v>0.35</v>
      </c>
      <c r="B1026">
        <v>0.99</v>
      </c>
      <c r="C1026">
        <v>0.85</v>
      </c>
    </row>
    <row r="1027" spans="1:3" x14ac:dyDescent="0.25">
      <c r="A1027">
        <v>0.35</v>
      </c>
      <c r="B1027">
        <v>1.01</v>
      </c>
      <c r="C1027">
        <v>0.68</v>
      </c>
    </row>
    <row r="1028" spans="1:3" x14ac:dyDescent="0.25">
      <c r="A1028">
        <v>0.35</v>
      </c>
      <c r="B1028">
        <v>1.03</v>
      </c>
      <c r="C1028">
        <v>0.2</v>
      </c>
    </row>
    <row r="1029" spans="1:3" x14ac:dyDescent="0.25">
      <c r="A1029">
        <v>0.35</v>
      </c>
      <c r="B1029">
        <v>1.06</v>
      </c>
      <c r="C1029">
        <v>0.4</v>
      </c>
    </row>
    <row r="1030" spans="1:3" x14ac:dyDescent="0.25">
      <c r="A1030">
        <v>0.35</v>
      </c>
      <c r="B1030">
        <v>1.07</v>
      </c>
      <c r="C1030">
        <v>0.13</v>
      </c>
    </row>
    <row r="1031" spans="1:3" x14ac:dyDescent="0.25">
      <c r="A1031">
        <v>0.35</v>
      </c>
      <c r="B1031">
        <v>1.1100000000000001</v>
      </c>
      <c r="C1031">
        <v>0.26</v>
      </c>
    </row>
    <row r="1032" spans="1:3" x14ac:dyDescent="0.25">
      <c r="A1032">
        <v>0.35</v>
      </c>
      <c r="B1032">
        <v>1.21</v>
      </c>
      <c r="C1032">
        <v>0.83</v>
      </c>
    </row>
    <row r="1033" spans="1:3" x14ac:dyDescent="0.25">
      <c r="A1033">
        <v>0.35</v>
      </c>
      <c r="B1033">
        <v>1.24</v>
      </c>
      <c r="C1033">
        <v>0.86</v>
      </c>
    </row>
    <row r="1034" spans="1:3" x14ac:dyDescent="0.25">
      <c r="A1034">
        <v>0.35</v>
      </c>
      <c r="B1034">
        <v>1.25</v>
      </c>
      <c r="C1034">
        <v>0.16</v>
      </c>
    </row>
    <row r="1035" spans="1:3" x14ac:dyDescent="0.25">
      <c r="A1035">
        <v>0.35</v>
      </c>
      <c r="B1035">
        <v>1.26</v>
      </c>
      <c r="C1035">
        <v>0.53</v>
      </c>
    </row>
    <row r="1036" spans="1:3" x14ac:dyDescent="0.25">
      <c r="A1036">
        <v>0.35</v>
      </c>
      <c r="B1036">
        <v>1.29</v>
      </c>
      <c r="C1036">
        <v>0.55000000000000004</v>
      </c>
    </row>
    <row r="1037" spans="1:3" x14ac:dyDescent="0.25">
      <c r="A1037">
        <v>0.35</v>
      </c>
      <c r="B1037">
        <v>1.29</v>
      </c>
      <c r="C1037">
        <v>0.34</v>
      </c>
    </row>
    <row r="1038" spans="1:3" x14ac:dyDescent="0.25">
      <c r="A1038">
        <v>0.35</v>
      </c>
      <c r="B1038">
        <v>1.35</v>
      </c>
      <c r="C1038">
        <v>0.94</v>
      </c>
    </row>
    <row r="1039" spans="1:3" x14ac:dyDescent="0.25">
      <c r="A1039">
        <v>0.35</v>
      </c>
      <c r="B1039">
        <v>1.38</v>
      </c>
      <c r="C1039">
        <v>0.31</v>
      </c>
    </row>
    <row r="1040" spans="1:3" x14ac:dyDescent="0.25">
      <c r="A1040">
        <v>0.35</v>
      </c>
      <c r="B1040">
        <v>1.39</v>
      </c>
      <c r="C1040">
        <v>0.37</v>
      </c>
    </row>
    <row r="1041" spans="1:3" x14ac:dyDescent="0.25">
      <c r="A1041">
        <v>0.35</v>
      </c>
      <c r="B1041">
        <v>1.45</v>
      </c>
      <c r="C1041">
        <v>0.64</v>
      </c>
    </row>
    <row r="1042" spans="1:3" x14ac:dyDescent="0.25">
      <c r="A1042">
        <v>0.36</v>
      </c>
      <c r="B1042">
        <v>0.54</v>
      </c>
      <c r="C1042">
        <v>0.1</v>
      </c>
    </row>
    <row r="1043" spans="1:3" x14ac:dyDescent="0.25">
      <c r="A1043">
        <v>0.36</v>
      </c>
      <c r="B1043">
        <v>0.6</v>
      </c>
      <c r="C1043">
        <v>0.78</v>
      </c>
    </row>
    <row r="1044" spans="1:3" x14ac:dyDescent="0.25">
      <c r="A1044">
        <v>0.36</v>
      </c>
      <c r="B1044">
        <v>0.64</v>
      </c>
      <c r="C1044">
        <v>0.46</v>
      </c>
    </row>
    <row r="1045" spans="1:3" x14ac:dyDescent="0.25">
      <c r="A1045">
        <v>0.36</v>
      </c>
      <c r="B1045">
        <v>0.72</v>
      </c>
      <c r="C1045">
        <v>0.75</v>
      </c>
    </row>
    <row r="1046" spans="1:3" x14ac:dyDescent="0.25">
      <c r="A1046">
        <v>0.36</v>
      </c>
      <c r="B1046">
        <v>0.78</v>
      </c>
      <c r="C1046">
        <v>0.74</v>
      </c>
    </row>
    <row r="1047" spans="1:3" x14ac:dyDescent="0.25">
      <c r="A1047">
        <v>0.36</v>
      </c>
      <c r="B1047">
        <v>0.79</v>
      </c>
      <c r="C1047">
        <v>0.54</v>
      </c>
    </row>
    <row r="1048" spans="1:3" x14ac:dyDescent="0.25">
      <c r="A1048">
        <v>0.36</v>
      </c>
      <c r="B1048">
        <v>0.86</v>
      </c>
      <c r="C1048">
        <v>0.42</v>
      </c>
    </row>
    <row r="1049" spans="1:3" x14ac:dyDescent="0.25">
      <c r="A1049">
        <v>0.36</v>
      </c>
      <c r="B1049">
        <v>0.94</v>
      </c>
      <c r="C1049">
        <v>0.94</v>
      </c>
    </row>
    <row r="1050" spans="1:3" x14ac:dyDescent="0.25">
      <c r="A1050">
        <v>0.36</v>
      </c>
      <c r="B1050">
        <v>1.01</v>
      </c>
      <c r="C1050">
        <v>0.17</v>
      </c>
    </row>
    <row r="1051" spans="1:3" x14ac:dyDescent="0.25">
      <c r="A1051">
        <v>0.36</v>
      </c>
      <c r="B1051">
        <v>1.07</v>
      </c>
      <c r="C1051">
        <v>0.91</v>
      </c>
    </row>
    <row r="1052" spans="1:3" x14ac:dyDescent="0.25">
      <c r="A1052">
        <v>0.36</v>
      </c>
      <c r="B1052">
        <v>1.07</v>
      </c>
      <c r="C1052">
        <v>0.11</v>
      </c>
    </row>
    <row r="1053" spans="1:3" x14ac:dyDescent="0.25">
      <c r="A1053">
        <v>0.36</v>
      </c>
      <c r="B1053">
        <v>1.1000000000000001</v>
      </c>
      <c r="C1053">
        <v>0.8</v>
      </c>
    </row>
    <row r="1054" spans="1:3" x14ac:dyDescent="0.25">
      <c r="A1054">
        <v>0.36</v>
      </c>
      <c r="B1054">
        <v>1.1299999999999999</v>
      </c>
      <c r="C1054">
        <v>0.93</v>
      </c>
    </row>
    <row r="1055" spans="1:3" x14ac:dyDescent="0.25">
      <c r="A1055">
        <v>0.36</v>
      </c>
      <c r="B1055">
        <v>1.1499999999999999</v>
      </c>
      <c r="C1055">
        <v>0.6</v>
      </c>
    </row>
    <row r="1056" spans="1:3" x14ac:dyDescent="0.25">
      <c r="A1056">
        <v>0.36</v>
      </c>
      <c r="B1056">
        <v>1.17</v>
      </c>
      <c r="C1056">
        <v>0.84</v>
      </c>
    </row>
    <row r="1057" spans="1:3" x14ac:dyDescent="0.25">
      <c r="A1057">
        <v>0.36</v>
      </c>
      <c r="B1057">
        <v>1.23</v>
      </c>
      <c r="C1057">
        <v>0.34</v>
      </c>
    </row>
    <row r="1058" spans="1:3" x14ac:dyDescent="0.25">
      <c r="A1058">
        <v>0.36</v>
      </c>
      <c r="B1058">
        <v>1.44</v>
      </c>
      <c r="C1058">
        <v>0.65</v>
      </c>
    </row>
    <row r="1059" spans="1:3" x14ac:dyDescent="0.25">
      <c r="A1059">
        <v>0.36</v>
      </c>
      <c r="B1059">
        <v>1.45</v>
      </c>
      <c r="C1059">
        <v>0.21</v>
      </c>
    </row>
    <row r="1060" spans="1:3" x14ac:dyDescent="0.25">
      <c r="A1060">
        <v>0.37</v>
      </c>
      <c r="B1060">
        <v>0.56000000000000005</v>
      </c>
      <c r="C1060">
        <v>0.63</v>
      </c>
    </row>
    <row r="1061" spans="1:3" x14ac:dyDescent="0.25">
      <c r="A1061">
        <v>0.37</v>
      </c>
      <c r="B1061">
        <v>0.56999999999999995</v>
      </c>
      <c r="C1061">
        <v>0.79</v>
      </c>
    </row>
    <row r="1062" spans="1:3" x14ac:dyDescent="0.25">
      <c r="A1062">
        <v>0.37</v>
      </c>
      <c r="B1062">
        <v>0.57999999999999996</v>
      </c>
      <c r="C1062">
        <v>0.59</v>
      </c>
    </row>
    <row r="1063" spans="1:3" x14ac:dyDescent="0.25">
      <c r="A1063">
        <v>0.37</v>
      </c>
      <c r="B1063">
        <v>0.6</v>
      </c>
      <c r="C1063">
        <v>0.76</v>
      </c>
    </row>
    <row r="1064" spans="1:3" x14ac:dyDescent="0.25">
      <c r="A1064">
        <v>0.37</v>
      </c>
      <c r="B1064">
        <v>0.7</v>
      </c>
      <c r="C1064">
        <v>0.41</v>
      </c>
    </row>
    <row r="1065" spans="1:3" x14ac:dyDescent="0.25">
      <c r="A1065">
        <v>0.37</v>
      </c>
      <c r="B1065">
        <v>0.7</v>
      </c>
      <c r="C1065">
        <v>0.43</v>
      </c>
    </row>
    <row r="1066" spans="1:3" x14ac:dyDescent="0.25">
      <c r="A1066">
        <v>0.37</v>
      </c>
      <c r="B1066">
        <v>0.71</v>
      </c>
      <c r="C1066">
        <v>0.92</v>
      </c>
    </row>
    <row r="1067" spans="1:3" x14ac:dyDescent="0.25">
      <c r="A1067">
        <v>0.37</v>
      </c>
      <c r="B1067">
        <v>0.75</v>
      </c>
      <c r="C1067">
        <v>0.95</v>
      </c>
    </row>
    <row r="1068" spans="1:3" x14ac:dyDescent="0.25">
      <c r="A1068">
        <v>0.37</v>
      </c>
      <c r="B1068">
        <v>0.76</v>
      </c>
      <c r="C1068">
        <v>0.59</v>
      </c>
    </row>
    <row r="1069" spans="1:3" x14ac:dyDescent="0.25">
      <c r="A1069">
        <v>0.37</v>
      </c>
      <c r="B1069">
        <v>0.79</v>
      </c>
      <c r="C1069">
        <v>0.92</v>
      </c>
    </row>
    <row r="1070" spans="1:3" x14ac:dyDescent="0.25">
      <c r="A1070">
        <v>0.37</v>
      </c>
      <c r="B1070">
        <v>0.81</v>
      </c>
      <c r="C1070">
        <v>0.36</v>
      </c>
    </row>
    <row r="1071" spans="1:3" x14ac:dyDescent="0.25">
      <c r="A1071">
        <v>0.37</v>
      </c>
      <c r="B1071">
        <v>0.84</v>
      </c>
      <c r="C1071">
        <v>0.76</v>
      </c>
    </row>
    <row r="1072" spans="1:3" x14ac:dyDescent="0.25">
      <c r="A1072">
        <v>0.37</v>
      </c>
      <c r="B1072">
        <v>0.84</v>
      </c>
      <c r="C1072">
        <v>0.3</v>
      </c>
    </row>
    <row r="1073" spans="1:3" x14ac:dyDescent="0.25">
      <c r="A1073">
        <v>0.37</v>
      </c>
      <c r="B1073">
        <v>0.85</v>
      </c>
      <c r="C1073">
        <v>0.19</v>
      </c>
    </row>
    <row r="1074" spans="1:3" x14ac:dyDescent="0.25">
      <c r="A1074">
        <v>0.37</v>
      </c>
      <c r="B1074">
        <v>0.87</v>
      </c>
      <c r="C1074">
        <v>0.45</v>
      </c>
    </row>
    <row r="1075" spans="1:3" x14ac:dyDescent="0.25">
      <c r="A1075">
        <v>0.37</v>
      </c>
      <c r="B1075">
        <v>0.87</v>
      </c>
      <c r="C1075">
        <v>0.6</v>
      </c>
    </row>
    <row r="1076" spans="1:3" x14ac:dyDescent="0.25">
      <c r="A1076">
        <v>0.37</v>
      </c>
      <c r="B1076">
        <v>1.01</v>
      </c>
      <c r="C1076">
        <v>0.61</v>
      </c>
    </row>
    <row r="1077" spans="1:3" x14ac:dyDescent="0.25">
      <c r="A1077">
        <v>0.37</v>
      </c>
      <c r="B1077">
        <v>1.02</v>
      </c>
      <c r="C1077">
        <v>0.09</v>
      </c>
    </row>
    <row r="1078" spans="1:3" x14ac:dyDescent="0.25">
      <c r="A1078">
        <v>0.37</v>
      </c>
      <c r="B1078">
        <v>1.05</v>
      </c>
      <c r="C1078">
        <v>0.24</v>
      </c>
    </row>
    <row r="1079" spans="1:3" x14ac:dyDescent="0.25">
      <c r="A1079">
        <v>0.37</v>
      </c>
      <c r="B1079">
        <v>1.05</v>
      </c>
      <c r="C1079">
        <v>0.13</v>
      </c>
    </row>
    <row r="1080" spans="1:3" x14ac:dyDescent="0.25">
      <c r="A1080">
        <v>0.37</v>
      </c>
      <c r="B1080">
        <v>1.06</v>
      </c>
      <c r="C1080">
        <v>0.16</v>
      </c>
    </row>
    <row r="1081" spans="1:3" x14ac:dyDescent="0.25">
      <c r="A1081">
        <v>0.37</v>
      </c>
      <c r="B1081">
        <v>1.07</v>
      </c>
      <c r="C1081">
        <v>0.62</v>
      </c>
    </row>
    <row r="1082" spans="1:3" x14ac:dyDescent="0.25">
      <c r="A1082">
        <v>0.37</v>
      </c>
      <c r="B1082">
        <v>1.0900000000000001</v>
      </c>
      <c r="C1082">
        <v>0.87</v>
      </c>
    </row>
    <row r="1083" spans="1:3" x14ac:dyDescent="0.25">
      <c r="A1083">
        <v>0.37</v>
      </c>
      <c r="B1083">
        <v>1.1599999999999999</v>
      </c>
      <c r="C1083">
        <v>0.14000000000000001</v>
      </c>
    </row>
    <row r="1084" spans="1:3" x14ac:dyDescent="0.25">
      <c r="A1084">
        <v>0.37</v>
      </c>
      <c r="B1084">
        <v>1.17</v>
      </c>
      <c r="C1084">
        <v>0.11</v>
      </c>
    </row>
    <row r="1085" spans="1:3" x14ac:dyDescent="0.25">
      <c r="A1085">
        <v>0.37</v>
      </c>
      <c r="B1085">
        <v>1.18</v>
      </c>
      <c r="C1085">
        <v>0.44</v>
      </c>
    </row>
    <row r="1086" spans="1:3" x14ac:dyDescent="0.25">
      <c r="A1086">
        <v>0.37</v>
      </c>
      <c r="B1086">
        <v>1.23</v>
      </c>
      <c r="C1086">
        <v>0.47</v>
      </c>
    </row>
    <row r="1087" spans="1:3" x14ac:dyDescent="0.25">
      <c r="A1087">
        <v>0.37</v>
      </c>
      <c r="B1087">
        <v>1.26</v>
      </c>
      <c r="C1087">
        <v>0.69</v>
      </c>
    </row>
    <row r="1088" spans="1:3" x14ac:dyDescent="0.25">
      <c r="A1088">
        <v>0.37</v>
      </c>
      <c r="B1088">
        <v>1.3</v>
      </c>
      <c r="C1088">
        <v>0.71</v>
      </c>
    </row>
    <row r="1089" spans="1:3" x14ac:dyDescent="0.25">
      <c r="A1089">
        <v>0.37</v>
      </c>
      <c r="B1089">
        <v>1.31</v>
      </c>
      <c r="C1089">
        <v>0.51</v>
      </c>
    </row>
    <row r="1090" spans="1:3" x14ac:dyDescent="0.25">
      <c r="A1090">
        <v>0.37</v>
      </c>
      <c r="B1090">
        <v>1.32</v>
      </c>
      <c r="C1090">
        <v>0.65</v>
      </c>
    </row>
    <row r="1091" spans="1:3" x14ac:dyDescent="0.25">
      <c r="A1091">
        <v>0.37</v>
      </c>
      <c r="B1091">
        <v>1.38</v>
      </c>
      <c r="C1091">
        <v>0.35</v>
      </c>
    </row>
    <row r="1092" spans="1:3" x14ac:dyDescent="0.25">
      <c r="A1092">
        <v>0.37</v>
      </c>
      <c r="B1092">
        <v>1.44</v>
      </c>
      <c r="C1092">
        <v>0.56000000000000005</v>
      </c>
    </row>
    <row r="1093" spans="1:3" x14ac:dyDescent="0.25">
      <c r="A1093">
        <v>0.37</v>
      </c>
      <c r="B1093">
        <v>1.44</v>
      </c>
      <c r="C1093">
        <v>0.79</v>
      </c>
    </row>
    <row r="1094" spans="1:3" x14ac:dyDescent="0.25">
      <c r="A1094">
        <v>0.37</v>
      </c>
      <c r="B1094">
        <v>1.46</v>
      </c>
      <c r="C1094">
        <v>0.63</v>
      </c>
    </row>
    <row r="1095" spans="1:3" x14ac:dyDescent="0.25">
      <c r="A1095">
        <v>0.37</v>
      </c>
      <c r="B1095">
        <v>1.48</v>
      </c>
      <c r="C1095">
        <v>0.08</v>
      </c>
    </row>
    <row r="1096" spans="1:3" x14ac:dyDescent="0.25">
      <c r="A1096">
        <v>0.38</v>
      </c>
      <c r="B1096">
        <v>0.52</v>
      </c>
      <c r="C1096">
        <v>0.3</v>
      </c>
    </row>
    <row r="1097" spans="1:3" x14ac:dyDescent="0.25">
      <c r="A1097">
        <v>0.38</v>
      </c>
      <c r="B1097">
        <v>0.6</v>
      </c>
      <c r="C1097">
        <v>0.17</v>
      </c>
    </row>
    <row r="1098" spans="1:3" x14ac:dyDescent="0.25">
      <c r="A1098">
        <v>0.38</v>
      </c>
      <c r="B1098">
        <v>0.62</v>
      </c>
      <c r="C1098">
        <v>0.69</v>
      </c>
    </row>
    <row r="1099" spans="1:3" x14ac:dyDescent="0.25">
      <c r="A1099">
        <v>0.38</v>
      </c>
      <c r="B1099">
        <v>0.62</v>
      </c>
      <c r="C1099">
        <v>0.11</v>
      </c>
    </row>
    <row r="1100" spans="1:3" x14ac:dyDescent="0.25">
      <c r="A1100">
        <v>0.38</v>
      </c>
      <c r="B1100">
        <v>0.63</v>
      </c>
      <c r="C1100">
        <v>0.15</v>
      </c>
    </row>
    <row r="1101" spans="1:3" x14ac:dyDescent="0.25">
      <c r="A1101">
        <v>0.38</v>
      </c>
      <c r="B1101">
        <v>0.63</v>
      </c>
      <c r="C1101">
        <v>0.25</v>
      </c>
    </row>
    <row r="1102" spans="1:3" x14ac:dyDescent="0.25">
      <c r="A1102">
        <v>0.38</v>
      </c>
      <c r="B1102">
        <v>0.64</v>
      </c>
      <c r="C1102">
        <v>0.5</v>
      </c>
    </row>
    <row r="1103" spans="1:3" x14ac:dyDescent="0.25">
      <c r="A1103">
        <v>0.38</v>
      </c>
      <c r="B1103">
        <v>0.67</v>
      </c>
      <c r="C1103">
        <v>0.64</v>
      </c>
    </row>
    <row r="1104" spans="1:3" x14ac:dyDescent="0.25">
      <c r="A1104">
        <v>0.38</v>
      </c>
      <c r="B1104">
        <v>0.67</v>
      </c>
      <c r="C1104">
        <v>0.61</v>
      </c>
    </row>
    <row r="1105" spans="1:3" x14ac:dyDescent="0.25">
      <c r="A1105">
        <v>0.38</v>
      </c>
      <c r="B1105">
        <v>0.67</v>
      </c>
      <c r="C1105">
        <v>0.76</v>
      </c>
    </row>
    <row r="1106" spans="1:3" x14ac:dyDescent="0.25">
      <c r="A1106">
        <v>0.38</v>
      </c>
      <c r="B1106">
        <v>0.68</v>
      </c>
      <c r="C1106">
        <v>0.56000000000000005</v>
      </c>
    </row>
    <row r="1107" spans="1:3" x14ac:dyDescent="0.25">
      <c r="A1107">
        <v>0.38</v>
      </c>
      <c r="B1107">
        <v>0.69</v>
      </c>
      <c r="C1107">
        <v>0.17</v>
      </c>
    </row>
    <row r="1108" spans="1:3" x14ac:dyDescent="0.25">
      <c r="A1108">
        <v>0.38</v>
      </c>
      <c r="B1108">
        <v>0.71</v>
      </c>
      <c r="C1108">
        <v>0.82</v>
      </c>
    </row>
    <row r="1109" spans="1:3" x14ac:dyDescent="0.25">
      <c r="A1109">
        <v>0.38</v>
      </c>
      <c r="B1109">
        <v>0.73</v>
      </c>
      <c r="C1109">
        <v>0.41</v>
      </c>
    </row>
    <row r="1110" spans="1:3" x14ac:dyDescent="0.25">
      <c r="A1110">
        <v>0.38</v>
      </c>
      <c r="B1110">
        <v>0.74</v>
      </c>
      <c r="C1110">
        <v>0.7</v>
      </c>
    </row>
    <row r="1111" spans="1:3" x14ac:dyDescent="0.25">
      <c r="A1111">
        <v>0.38</v>
      </c>
      <c r="B1111">
        <v>0.78</v>
      </c>
      <c r="C1111">
        <v>0.59</v>
      </c>
    </row>
    <row r="1112" spans="1:3" x14ac:dyDescent="0.25">
      <c r="A1112">
        <v>0.38</v>
      </c>
      <c r="B1112">
        <v>0.95</v>
      </c>
      <c r="C1112">
        <v>0.53</v>
      </c>
    </row>
    <row r="1113" spans="1:3" x14ac:dyDescent="0.25">
      <c r="A1113">
        <v>0.38</v>
      </c>
      <c r="B1113">
        <v>0.97</v>
      </c>
      <c r="C1113">
        <v>0.86</v>
      </c>
    </row>
    <row r="1114" spans="1:3" x14ac:dyDescent="0.25">
      <c r="A1114">
        <v>0.38</v>
      </c>
      <c r="B1114">
        <v>1.03</v>
      </c>
      <c r="C1114">
        <v>0.68</v>
      </c>
    </row>
    <row r="1115" spans="1:3" x14ac:dyDescent="0.25">
      <c r="A1115">
        <v>0.38</v>
      </c>
      <c r="B1115">
        <v>1.21</v>
      </c>
      <c r="C1115">
        <v>0.06</v>
      </c>
    </row>
    <row r="1116" spans="1:3" x14ac:dyDescent="0.25">
      <c r="A1116">
        <v>0.38</v>
      </c>
      <c r="B1116">
        <v>1.24</v>
      </c>
      <c r="C1116">
        <v>0.38</v>
      </c>
    </row>
    <row r="1117" spans="1:3" x14ac:dyDescent="0.25">
      <c r="A1117">
        <v>0.38</v>
      </c>
      <c r="B1117">
        <v>1.25</v>
      </c>
      <c r="C1117">
        <v>0.88</v>
      </c>
    </row>
    <row r="1118" spans="1:3" x14ac:dyDescent="0.25">
      <c r="A1118">
        <v>0.38</v>
      </c>
      <c r="B1118">
        <v>1.33</v>
      </c>
      <c r="C1118">
        <v>0.74</v>
      </c>
    </row>
    <row r="1119" spans="1:3" x14ac:dyDescent="0.25">
      <c r="A1119">
        <v>0.38</v>
      </c>
      <c r="B1119">
        <v>1.37</v>
      </c>
      <c r="C1119">
        <v>0.45</v>
      </c>
    </row>
    <row r="1120" spans="1:3" x14ac:dyDescent="0.25">
      <c r="A1120">
        <v>0.38</v>
      </c>
      <c r="B1120">
        <v>1.37</v>
      </c>
      <c r="C1120">
        <v>0.45</v>
      </c>
    </row>
    <row r="1121" spans="1:3" x14ac:dyDescent="0.25">
      <c r="A1121">
        <v>0.38</v>
      </c>
      <c r="B1121">
        <v>1.41</v>
      </c>
      <c r="C1121">
        <v>0.9</v>
      </c>
    </row>
    <row r="1122" spans="1:3" x14ac:dyDescent="0.25">
      <c r="A1122">
        <v>0.38</v>
      </c>
      <c r="B1122">
        <v>1.43</v>
      </c>
      <c r="C1122">
        <v>0.16</v>
      </c>
    </row>
    <row r="1123" spans="1:3" x14ac:dyDescent="0.25">
      <c r="A1123">
        <v>0.38</v>
      </c>
      <c r="B1123">
        <v>1.44</v>
      </c>
      <c r="C1123">
        <v>0.49</v>
      </c>
    </row>
    <row r="1124" spans="1:3" x14ac:dyDescent="0.25">
      <c r="A1124">
        <v>0.38</v>
      </c>
      <c r="B1124">
        <v>1.47</v>
      </c>
      <c r="C1124">
        <v>0.91</v>
      </c>
    </row>
    <row r="1125" spans="1:3" x14ac:dyDescent="0.25">
      <c r="A1125">
        <v>0.38</v>
      </c>
      <c r="B1125">
        <v>1.47</v>
      </c>
      <c r="C1125">
        <v>0.88</v>
      </c>
    </row>
    <row r="1126" spans="1:3" x14ac:dyDescent="0.25">
      <c r="A1126">
        <v>0.39</v>
      </c>
      <c r="B1126">
        <v>0.53</v>
      </c>
      <c r="C1126">
        <v>0.93</v>
      </c>
    </row>
    <row r="1127" spans="1:3" x14ac:dyDescent="0.25">
      <c r="A1127">
        <v>0.39</v>
      </c>
      <c r="B1127">
        <v>0.54</v>
      </c>
      <c r="C1127">
        <v>0.51</v>
      </c>
    </row>
    <row r="1128" spans="1:3" x14ac:dyDescent="0.25">
      <c r="A1128">
        <v>0.39</v>
      </c>
      <c r="B1128">
        <v>0.56000000000000005</v>
      </c>
      <c r="C1128">
        <v>0.5</v>
      </c>
    </row>
    <row r="1129" spans="1:3" x14ac:dyDescent="0.25">
      <c r="A1129">
        <v>0.39</v>
      </c>
      <c r="B1129">
        <v>0.56999999999999995</v>
      </c>
      <c r="C1129">
        <v>0.38</v>
      </c>
    </row>
    <row r="1130" spans="1:3" x14ac:dyDescent="0.25">
      <c r="A1130">
        <v>0.39</v>
      </c>
      <c r="B1130">
        <v>0.56999999999999995</v>
      </c>
      <c r="C1130">
        <v>0.14000000000000001</v>
      </c>
    </row>
    <row r="1131" spans="1:3" x14ac:dyDescent="0.25">
      <c r="A1131">
        <v>0.39</v>
      </c>
      <c r="B1131">
        <v>0.6</v>
      </c>
      <c r="C1131">
        <v>0.78</v>
      </c>
    </row>
    <row r="1132" spans="1:3" x14ac:dyDescent="0.25">
      <c r="A1132">
        <v>0.39</v>
      </c>
      <c r="B1132">
        <v>0.66</v>
      </c>
      <c r="C1132">
        <v>0.76</v>
      </c>
    </row>
    <row r="1133" spans="1:3" x14ac:dyDescent="0.25">
      <c r="A1133">
        <v>0.39</v>
      </c>
      <c r="B1133">
        <v>0.68</v>
      </c>
      <c r="C1133">
        <v>0.6</v>
      </c>
    </row>
    <row r="1134" spans="1:3" x14ac:dyDescent="0.25">
      <c r="A1134">
        <v>0.39</v>
      </c>
      <c r="B1134">
        <v>0.72</v>
      </c>
      <c r="C1134">
        <v>0.89</v>
      </c>
    </row>
    <row r="1135" spans="1:3" x14ac:dyDescent="0.25">
      <c r="A1135">
        <v>0.39</v>
      </c>
      <c r="B1135">
        <v>0.76</v>
      </c>
      <c r="C1135">
        <v>0.66</v>
      </c>
    </row>
    <row r="1136" spans="1:3" x14ac:dyDescent="0.25">
      <c r="A1136">
        <v>0.39</v>
      </c>
      <c r="B1136">
        <v>0.8</v>
      </c>
      <c r="C1136">
        <v>0.56000000000000005</v>
      </c>
    </row>
    <row r="1137" spans="1:3" x14ac:dyDescent="0.25">
      <c r="A1137">
        <v>0.39</v>
      </c>
      <c r="B1137">
        <v>0.88</v>
      </c>
      <c r="C1137">
        <v>0.05</v>
      </c>
    </row>
    <row r="1138" spans="1:3" x14ac:dyDescent="0.25">
      <c r="A1138">
        <v>0.39</v>
      </c>
      <c r="B1138">
        <v>0.91</v>
      </c>
      <c r="C1138">
        <v>0.09</v>
      </c>
    </row>
    <row r="1139" spans="1:3" x14ac:dyDescent="0.25">
      <c r="A1139">
        <v>0.39</v>
      </c>
      <c r="B1139">
        <v>0.91</v>
      </c>
      <c r="C1139">
        <v>0.56999999999999995</v>
      </c>
    </row>
    <row r="1140" spans="1:3" x14ac:dyDescent="0.25">
      <c r="A1140">
        <v>0.39</v>
      </c>
      <c r="B1140">
        <v>0.95</v>
      </c>
      <c r="C1140">
        <v>0.25</v>
      </c>
    </row>
    <row r="1141" spans="1:3" x14ac:dyDescent="0.25">
      <c r="A1141">
        <v>0.39</v>
      </c>
      <c r="B1141">
        <v>0.98</v>
      </c>
      <c r="C1141">
        <v>0.48</v>
      </c>
    </row>
    <row r="1142" spans="1:3" x14ac:dyDescent="0.25">
      <c r="A1142">
        <v>0.39</v>
      </c>
      <c r="B1142">
        <v>0.99</v>
      </c>
      <c r="C1142">
        <v>0.77</v>
      </c>
    </row>
    <row r="1143" spans="1:3" x14ac:dyDescent="0.25">
      <c r="A1143">
        <v>0.39</v>
      </c>
      <c r="B1143">
        <v>1.02</v>
      </c>
      <c r="C1143">
        <v>0.48</v>
      </c>
    </row>
    <row r="1144" spans="1:3" x14ac:dyDescent="0.25">
      <c r="A1144">
        <v>0.39</v>
      </c>
      <c r="B1144">
        <v>1.03</v>
      </c>
      <c r="C1144">
        <v>0.44</v>
      </c>
    </row>
    <row r="1145" spans="1:3" x14ac:dyDescent="0.25">
      <c r="A1145">
        <v>0.39</v>
      </c>
      <c r="B1145">
        <v>1.04</v>
      </c>
      <c r="C1145">
        <v>0.69</v>
      </c>
    </row>
    <row r="1146" spans="1:3" x14ac:dyDescent="0.25">
      <c r="A1146">
        <v>0.39</v>
      </c>
      <c r="B1146">
        <v>1.06</v>
      </c>
      <c r="C1146">
        <v>0.12</v>
      </c>
    </row>
    <row r="1147" spans="1:3" x14ac:dyDescent="0.25">
      <c r="A1147">
        <v>0.39</v>
      </c>
      <c r="B1147">
        <v>1.08</v>
      </c>
      <c r="C1147">
        <v>0.17</v>
      </c>
    </row>
    <row r="1148" spans="1:3" x14ac:dyDescent="0.25">
      <c r="A1148">
        <v>0.39</v>
      </c>
      <c r="B1148">
        <v>1.1299999999999999</v>
      </c>
      <c r="C1148">
        <v>0.42</v>
      </c>
    </row>
    <row r="1149" spans="1:3" x14ac:dyDescent="0.25">
      <c r="A1149">
        <v>0.39</v>
      </c>
      <c r="B1149">
        <v>1.1599999999999999</v>
      </c>
      <c r="C1149">
        <v>0.67</v>
      </c>
    </row>
    <row r="1150" spans="1:3" x14ac:dyDescent="0.25">
      <c r="A1150">
        <v>0.39</v>
      </c>
      <c r="B1150">
        <v>1.18</v>
      </c>
      <c r="C1150">
        <v>0.27</v>
      </c>
    </row>
    <row r="1151" spans="1:3" x14ac:dyDescent="0.25">
      <c r="A1151">
        <v>0.39</v>
      </c>
      <c r="B1151">
        <v>1.29</v>
      </c>
      <c r="C1151">
        <v>0.11</v>
      </c>
    </row>
    <row r="1152" spans="1:3" x14ac:dyDescent="0.25">
      <c r="A1152">
        <v>0.39</v>
      </c>
      <c r="B1152">
        <v>1.34</v>
      </c>
      <c r="C1152">
        <v>0.35</v>
      </c>
    </row>
    <row r="1153" spans="1:3" x14ac:dyDescent="0.25">
      <c r="A1153">
        <v>0.39</v>
      </c>
      <c r="B1153">
        <v>1.35</v>
      </c>
      <c r="C1153">
        <v>0.5</v>
      </c>
    </row>
    <row r="1154" spans="1:3" x14ac:dyDescent="0.25">
      <c r="A1154">
        <v>0.39</v>
      </c>
      <c r="B1154">
        <v>1.37</v>
      </c>
      <c r="C1154">
        <v>0.49</v>
      </c>
    </row>
    <row r="1155" spans="1:3" x14ac:dyDescent="0.25">
      <c r="A1155">
        <v>0.39</v>
      </c>
      <c r="B1155">
        <v>1.39</v>
      </c>
      <c r="C1155">
        <v>0.66</v>
      </c>
    </row>
    <row r="1156" spans="1:3" x14ac:dyDescent="0.25">
      <c r="A1156">
        <v>0.39</v>
      </c>
      <c r="B1156">
        <v>1.41</v>
      </c>
      <c r="C1156">
        <v>0.27</v>
      </c>
    </row>
    <row r="1157" spans="1:3" x14ac:dyDescent="0.25">
      <c r="A1157">
        <v>0.39</v>
      </c>
      <c r="B1157">
        <v>1.47</v>
      </c>
      <c r="C1157">
        <v>0.4</v>
      </c>
    </row>
    <row r="1158" spans="1:3" x14ac:dyDescent="0.25">
      <c r="A1158">
        <v>0.4</v>
      </c>
      <c r="B1158">
        <v>0.57999999999999996</v>
      </c>
      <c r="C1158">
        <v>0.59</v>
      </c>
    </row>
    <row r="1159" spans="1:3" x14ac:dyDescent="0.25">
      <c r="A1159">
        <v>0.4</v>
      </c>
      <c r="B1159">
        <v>0.6</v>
      </c>
      <c r="C1159">
        <v>0.72</v>
      </c>
    </row>
    <row r="1160" spans="1:3" x14ac:dyDescent="0.25">
      <c r="A1160">
        <v>0.4</v>
      </c>
      <c r="B1160">
        <v>0.77</v>
      </c>
      <c r="C1160">
        <v>0.95</v>
      </c>
    </row>
    <row r="1161" spans="1:3" x14ac:dyDescent="0.25">
      <c r="A1161">
        <v>0.4</v>
      </c>
      <c r="B1161">
        <v>0.78</v>
      </c>
      <c r="C1161">
        <v>0.85</v>
      </c>
    </row>
    <row r="1162" spans="1:3" x14ac:dyDescent="0.25">
      <c r="A1162">
        <v>0.4</v>
      </c>
      <c r="B1162">
        <v>0.84</v>
      </c>
      <c r="C1162">
        <v>0.25</v>
      </c>
    </row>
    <row r="1163" spans="1:3" x14ac:dyDescent="0.25">
      <c r="A1163">
        <v>0.4</v>
      </c>
      <c r="B1163">
        <v>0.9</v>
      </c>
      <c r="C1163">
        <v>0.24</v>
      </c>
    </row>
    <row r="1164" spans="1:3" x14ac:dyDescent="0.25">
      <c r="A1164">
        <v>0.4</v>
      </c>
      <c r="B1164">
        <v>0.93</v>
      </c>
      <c r="C1164">
        <v>0.53</v>
      </c>
    </row>
    <row r="1165" spans="1:3" x14ac:dyDescent="0.25">
      <c r="A1165">
        <v>0.4</v>
      </c>
      <c r="B1165">
        <v>0.98</v>
      </c>
      <c r="C1165">
        <v>0.55000000000000004</v>
      </c>
    </row>
    <row r="1166" spans="1:3" x14ac:dyDescent="0.25">
      <c r="A1166">
        <v>0.4</v>
      </c>
      <c r="B1166">
        <v>0.98</v>
      </c>
      <c r="C1166">
        <v>0.22</v>
      </c>
    </row>
    <row r="1167" spans="1:3" x14ac:dyDescent="0.25">
      <c r="A1167">
        <v>0.4</v>
      </c>
      <c r="B1167">
        <v>1</v>
      </c>
      <c r="C1167">
        <v>0.75</v>
      </c>
    </row>
    <row r="1168" spans="1:3" x14ac:dyDescent="0.25">
      <c r="A1168">
        <v>0.4</v>
      </c>
      <c r="B1168">
        <v>1.02</v>
      </c>
      <c r="C1168">
        <v>0.7</v>
      </c>
    </row>
    <row r="1169" spans="1:3" x14ac:dyDescent="0.25">
      <c r="A1169">
        <v>0.4</v>
      </c>
      <c r="B1169">
        <v>1.02</v>
      </c>
      <c r="C1169">
        <v>0.15</v>
      </c>
    </row>
    <row r="1170" spans="1:3" x14ac:dyDescent="0.25">
      <c r="A1170">
        <v>0.4</v>
      </c>
      <c r="B1170">
        <v>1.04</v>
      </c>
      <c r="C1170">
        <v>0.86</v>
      </c>
    </row>
    <row r="1171" spans="1:3" x14ac:dyDescent="0.25">
      <c r="A1171">
        <v>0.4</v>
      </c>
      <c r="B1171">
        <v>1.1100000000000001</v>
      </c>
      <c r="C1171">
        <v>0.62</v>
      </c>
    </row>
    <row r="1172" spans="1:3" x14ac:dyDescent="0.25">
      <c r="A1172">
        <v>0.4</v>
      </c>
      <c r="B1172">
        <v>1.1499999999999999</v>
      </c>
      <c r="C1172">
        <v>0.51</v>
      </c>
    </row>
    <row r="1173" spans="1:3" x14ac:dyDescent="0.25">
      <c r="A1173">
        <v>0.4</v>
      </c>
      <c r="B1173">
        <v>1.18</v>
      </c>
      <c r="C1173">
        <v>0.13</v>
      </c>
    </row>
    <row r="1174" spans="1:3" x14ac:dyDescent="0.25">
      <c r="A1174">
        <v>0.4</v>
      </c>
      <c r="B1174">
        <v>1.19</v>
      </c>
      <c r="C1174">
        <v>0.32</v>
      </c>
    </row>
    <row r="1175" spans="1:3" x14ac:dyDescent="0.25">
      <c r="A1175">
        <v>0.4</v>
      </c>
      <c r="B1175">
        <v>1.28</v>
      </c>
      <c r="C1175">
        <v>0.56000000000000005</v>
      </c>
    </row>
    <row r="1176" spans="1:3" x14ac:dyDescent="0.25">
      <c r="A1176">
        <v>0.4</v>
      </c>
      <c r="B1176">
        <v>1.32</v>
      </c>
      <c r="C1176">
        <v>0.57999999999999996</v>
      </c>
    </row>
    <row r="1177" spans="1:3" x14ac:dyDescent="0.25">
      <c r="A1177">
        <v>0.4</v>
      </c>
      <c r="B1177">
        <v>1.34</v>
      </c>
      <c r="C1177">
        <v>0.57999999999999996</v>
      </c>
    </row>
    <row r="1178" spans="1:3" x14ac:dyDescent="0.25">
      <c r="A1178">
        <v>0.4</v>
      </c>
      <c r="B1178">
        <v>1.38</v>
      </c>
      <c r="C1178">
        <v>0.47</v>
      </c>
    </row>
    <row r="1179" spans="1:3" x14ac:dyDescent="0.25">
      <c r="A1179">
        <v>0.4</v>
      </c>
      <c r="B1179">
        <v>1.45</v>
      </c>
      <c r="C1179">
        <v>0.76</v>
      </c>
    </row>
    <row r="1180" spans="1:3" x14ac:dyDescent="0.25">
      <c r="A1180">
        <v>0.4</v>
      </c>
      <c r="B1180">
        <v>1.45</v>
      </c>
      <c r="C1180">
        <v>0.43</v>
      </c>
    </row>
    <row r="1181" spans="1:3" x14ac:dyDescent="0.25">
      <c r="A1181">
        <v>0.4</v>
      </c>
      <c r="B1181">
        <v>1.46</v>
      </c>
      <c r="C1181">
        <v>0.7</v>
      </c>
    </row>
    <row r="1182" spans="1:3" x14ac:dyDescent="0.25">
      <c r="A1182">
        <v>0.4</v>
      </c>
      <c r="B1182">
        <v>1.47</v>
      </c>
      <c r="C1182">
        <v>0.65</v>
      </c>
    </row>
    <row r="1183" spans="1:3" x14ac:dyDescent="0.25">
      <c r="A1183">
        <v>0.41</v>
      </c>
      <c r="B1183">
        <v>0.52</v>
      </c>
      <c r="C1183">
        <v>0.56999999999999995</v>
      </c>
    </row>
    <row r="1184" spans="1:3" x14ac:dyDescent="0.25">
      <c r="A1184">
        <v>0.41</v>
      </c>
      <c r="B1184">
        <v>0.54</v>
      </c>
      <c r="C1184">
        <v>0.71</v>
      </c>
    </row>
    <row r="1185" spans="1:3" x14ac:dyDescent="0.25">
      <c r="A1185">
        <v>0.41</v>
      </c>
      <c r="B1185">
        <v>0.56999999999999995</v>
      </c>
      <c r="C1185">
        <v>0.14000000000000001</v>
      </c>
    </row>
    <row r="1186" spans="1:3" x14ac:dyDescent="0.25">
      <c r="A1186">
        <v>0.41</v>
      </c>
      <c r="B1186">
        <v>0.57999999999999996</v>
      </c>
      <c r="C1186">
        <v>0.55000000000000004</v>
      </c>
    </row>
    <row r="1187" spans="1:3" x14ac:dyDescent="0.25">
      <c r="A1187">
        <v>0.41</v>
      </c>
      <c r="B1187">
        <v>0.61</v>
      </c>
      <c r="C1187">
        <v>7.0000000000000007E-2</v>
      </c>
    </row>
    <row r="1188" spans="1:3" x14ac:dyDescent="0.25">
      <c r="A1188">
        <v>0.41</v>
      </c>
      <c r="B1188">
        <v>0.63</v>
      </c>
      <c r="C1188">
        <v>0.71</v>
      </c>
    </row>
    <row r="1189" spans="1:3" x14ac:dyDescent="0.25">
      <c r="A1189">
        <v>0.41</v>
      </c>
      <c r="B1189">
        <v>0.63</v>
      </c>
      <c r="C1189">
        <v>0.63</v>
      </c>
    </row>
    <row r="1190" spans="1:3" x14ac:dyDescent="0.25">
      <c r="A1190">
        <v>0.41</v>
      </c>
      <c r="B1190">
        <v>0.64</v>
      </c>
      <c r="C1190">
        <v>0.22</v>
      </c>
    </row>
    <row r="1191" spans="1:3" x14ac:dyDescent="0.25">
      <c r="A1191">
        <v>0.41</v>
      </c>
      <c r="B1191">
        <v>0.64</v>
      </c>
      <c r="C1191">
        <v>0.55000000000000004</v>
      </c>
    </row>
    <row r="1192" spans="1:3" x14ac:dyDescent="0.25">
      <c r="A1192">
        <v>0.41</v>
      </c>
      <c r="B1192">
        <v>0.66</v>
      </c>
      <c r="C1192">
        <v>0.83</v>
      </c>
    </row>
    <row r="1193" spans="1:3" x14ac:dyDescent="0.25">
      <c r="A1193">
        <v>0.41</v>
      </c>
      <c r="B1193">
        <v>0.71</v>
      </c>
      <c r="C1193">
        <v>0.57999999999999996</v>
      </c>
    </row>
    <row r="1194" spans="1:3" x14ac:dyDescent="0.25">
      <c r="A1194">
        <v>0.41</v>
      </c>
      <c r="B1194">
        <v>0.72</v>
      </c>
      <c r="C1194">
        <v>0.6</v>
      </c>
    </row>
    <row r="1195" spans="1:3" x14ac:dyDescent="0.25">
      <c r="A1195">
        <v>0.41</v>
      </c>
      <c r="B1195">
        <v>0.72</v>
      </c>
      <c r="C1195">
        <v>0.43</v>
      </c>
    </row>
    <row r="1196" spans="1:3" x14ac:dyDescent="0.25">
      <c r="A1196">
        <v>0.41</v>
      </c>
      <c r="B1196">
        <v>0.73</v>
      </c>
      <c r="C1196">
        <v>0.65</v>
      </c>
    </row>
    <row r="1197" spans="1:3" x14ac:dyDescent="0.25">
      <c r="A1197">
        <v>0.41</v>
      </c>
      <c r="B1197">
        <v>0.74</v>
      </c>
      <c r="C1197">
        <v>0.08</v>
      </c>
    </row>
    <row r="1198" spans="1:3" x14ac:dyDescent="0.25">
      <c r="A1198">
        <v>0.41</v>
      </c>
      <c r="B1198">
        <v>0.8</v>
      </c>
      <c r="C1198">
        <v>0.33</v>
      </c>
    </row>
    <row r="1199" spans="1:3" x14ac:dyDescent="0.25">
      <c r="A1199">
        <v>0.41</v>
      </c>
      <c r="B1199">
        <v>0.81</v>
      </c>
      <c r="C1199">
        <v>0.45</v>
      </c>
    </row>
    <row r="1200" spans="1:3" x14ac:dyDescent="0.25">
      <c r="A1200">
        <v>0.41</v>
      </c>
      <c r="B1200">
        <v>0.83</v>
      </c>
      <c r="C1200">
        <v>0.38</v>
      </c>
    </row>
    <row r="1201" spans="1:3" x14ac:dyDescent="0.25">
      <c r="A1201">
        <v>0.41</v>
      </c>
      <c r="B1201">
        <v>0.85</v>
      </c>
      <c r="C1201">
        <v>0.34</v>
      </c>
    </row>
    <row r="1202" spans="1:3" x14ac:dyDescent="0.25">
      <c r="A1202">
        <v>0.41</v>
      </c>
      <c r="B1202">
        <v>0.87</v>
      </c>
      <c r="C1202">
        <v>0.83</v>
      </c>
    </row>
    <row r="1203" spans="1:3" x14ac:dyDescent="0.25">
      <c r="A1203">
        <v>0.41</v>
      </c>
      <c r="B1203">
        <v>0.94</v>
      </c>
      <c r="C1203">
        <v>0.32</v>
      </c>
    </row>
    <row r="1204" spans="1:3" x14ac:dyDescent="0.25">
      <c r="A1204">
        <v>0.41</v>
      </c>
      <c r="B1204">
        <v>0.96</v>
      </c>
      <c r="C1204">
        <v>0.33</v>
      </c>
    </row>
    <row r="1205" spans="1:3" x14ac:dyDescent="0.25">
      <c r="A1205">
        <v>0.41</v>
      </c>
      <c r="B1205">
        <v>0.98</v>
      </c>
      <c r="C1205">
        <v>7.0000000000000007E-2</v>
      </c>
    </row>
    <row r="1206" spans="1:3" x14ac:dyDescent="0.25">
      <c r="A1206">
        <v>0.41</v>
      </c>
      <c r="B1206">
        <v>1</v>
      </c>
      <c r="C1206">
        <v>0.63</v>
      </c>
    </row>
    <row r="1207" spans="1:3" x14ac:dyDescent="0.25">
      <c r="A1207">
        <v>0.41</v>
      </c>
      <c r="B1207">
        <v>1.01</v>
      </c>
      <c r="C1207">
        <v>0.72</v>
      </c>
    </row>
    <row r="1208" spans="1:3" x14ac:dyDescent="0.25">
      <c r="A1208">
        <v>0.41</v>
      </c>
      <c r="B1208">
        <v>1.01</v>
      </c>
      <c r="C1208">
        <v>0.26</v>
      </c>
    </row>
    <row r="1209" spans="1:3" x14ac:dyDescent="0.25">
      <c r="A1209">
        <v>0.41</v>
      </c>
      <c r="B1209">
        <v>1.21</v>
      </c>
      <c r="C1209">
        <v>0.92</v>
      </c>
    </row>
    <row r="1210" spans="1:3" x14ac:dyDescent="0.25">
      <c r="A1210">
        <v>0.41</v>
      </c>
      <c r="B1210">
        <v>1.25</v>
      </c>
      <c r="C1210">
        <v>0.35</v>
      </c>
    </row>
    <row r="1211" spans="1:3" x14ac:dyDescent="0.25">
      <c r="A1211">
        <v>0.41</v>
      </c>
      <c r="B1211">
        <v>1.26</v>
      </c>
      <c r="C1211">
        <v>0.93</v>
      </c>
    </row>
    <row r="1212" spans="1:3" x14ac:dyDescent="0.25">
      <c r="A1212">
        <v>0.41</v>
      </c>
      <c r="B1212">
        <v>1.28</v>
      </c>
      <c r="C1212">
        <v>0.24</v>
      </c>
    </row>
    <row r="1213" spans="1:3" x14ac:dyDescent="0.25">
      <c r="A1213">
        <v>0.41</v>
      </c>
      <c r="B1213">
        <v>1.38</v>
      </c>
      <c r="C1213">
        <v>0.81</v>
      </c>
    </row>
    <row r="1214" spans="1:3" x14ac:dyDescent="0.25">
      <c r="A1214">
        <v>0.41</v>
      </c>
      <c r="B1214">
        <v>1.38</v>
      </c>
      <c r="C1214">
        <v>0.47</v>
      </c>
    </row>
    <row r="1215" spans="1:3" x14ac:dyDescent="0.25">
      <c r="A1215">
        <v>0.41</v>
      </c>
      <c r="B1215">
        <v>1.41</v>
      </c>
      <c r="C1215">
        <v>0.35</v>
      </c>
    </row>
    <row r="1216" spans="1:3" x14ac:dyDescent="0.25">
      <c r="A1216">
        <v>0.41</v>
      </c>
      <c r="B1216">
        <v>1.42</v>
      </c>
      <c r="C1216">
        <v>0.95</v>
      </c>
    </row>
    <row r="1217" spans="1:3" x14ac:dyDescent="0.25">
      <c r="A1217">
        <v>0.41</v>
      </c>
      <c r="B1217">
        <v>1.47</v>
      </c>
      <c r="C1217">
        <v>0.48</v>
      </c>
    </row>
    <row r="1218" spans="1:3" x14ac:dyDescent="0.25">
      <c r="A1218">
        <v>0.42</v>
      </c>
      <c r="B1218">
        <v>0.54</v>
      </c>
      <c r="C1218">
        <v>0.59</v>
      </c>
    </row>
    <row r="1219" spans="1:3" x14ac:dyDescent="0.25">
      <c r="A1219">
        <v>0.42</v>
      </c>
      <c r="B1219">
        <v>0.56999999999999995</v>
      </c>
      <c r="C1219">
        <v>0.5</v>
      </c>
    </row>
    <row r="1220" spans="1:3" x14ac:dyDescent="0.25">
      <c r="A1220">
        <v>0.42</v>
      </c>
      <c r="B1220">
        <v>0.57999999999999996</v>
      </c>
      <c r="C1220">
        <v>0.85</v>
      </c>
    </row>
    <row r="1221" spans="1:3" x14ac:dyDescent="0.25">
      <c r="A1221">
        <v>0.42</v>
      </c>
      <c r="B1221">
        <v>0.63</v>
      </c>
      <c r="C1221">
        <v>0.22</v>
      </c>
    </row>
    <row r="1222" spans="1:3" x14ac:dyDescent="0.25">
      <c r="A1222">
        <v>0.42</v>
      </c>
      <c r="B1222">
        <v>0.7</v>
      </c>
      <c r="C1222">
        <v>0.64</v>
      </c>
    </row>
    <row r="1223" spans="1:3" x14ac:dyDescent="0.25">
      <c r="A1223">
        <v>0.42</v>
      </c>
      <c r="B1223">
        <v>0.81</v>
      </c>
      <c r="C1223">
        <v>0.94</v>
      </c>
    </row>
    <row r="1224" spans="1:3" x14ac:dyDescent="0.25">
      <c r="A1224">
        <v>0.42</v>
      </c>
      <c r="B1224">
        <v>0.85</v>
      </c>
      <c r="C1224">
        <v>7.0000000000000007E-2</v>
      </c>
    </row>
    <row r="1225" spans="1:3" x14ac:dyDescent="0.25">
      <c r="A1225">
        <v>0.42</v>
      </c>
      <c r="B1225">
        <v>1</v>
      </c>
      <c r="C1225">
        <v>0.72</v>
      </c>
    </row>
    <row r="1226" spans="1:3" x14ac:dyDescent="0.25">
      <c r="A1226">
        <v>0.42</v>
      </c>
      <c r="B1226">
        <v>1.03</v>
      </c>
      <c r="C1226">
        <v>0.08</v>
      </c>
    </row>
    <row r="1227" spans="1:3" x14ac:dyDescent="0.25">
      <c r="A1227">
        <v>0.42</v>
      </c>
      <c r="B1227">
        <v>1.04</v>
      </c>
      <c r="C1227">
        <v>0.19</v>
      </c>
    </row>
    <row r="1228" spans="1:3" x14ac:dyDescent="0.25">
      <c r="A1228">
        <v>0.42</v>
      </c>
      <c r="B1228">
        <v>1.07</v>
      </c>
      <c r="C1228">
        <v>0.45</v>
      </c>
    </row>
    <row r="1229" spans="1:3" x14ac:dyDescent="0.25">
      <c r="A1229">
        <v>0.42</v>
      </c>
      <c r="B1229">
        <v>1.07</v>
      </c>
      <c r="C1229">
        <v>0.69</v>
      </c>
    </row>
    <row r="1230" spans="1:3" x14ac:dyDescent="0.25">
      <c r="A1230">
        <v>0.42</v>
      </c>
      <c r="B1230">
        <v>1.08</v>
      </c>
      <c r="C1230">
        <v>0.33</v>
      </c>
    </row>
    <row r="1231" spans="1:3" x14ac:dyDescent="0.25">
      <c r="A1231">
        <v>0.42</v>
      </c>
      <c r="B1231">
        <v>1.1100000000000001</v>
      </c>
      <c r="C1231">
        <v>0.6</v>
      </c>
    </row>
    <row r="1232" spans="1:3" x14ac:dyDescent="0.25">
      <c r="A1232">
        <v>0.42</v>
      </c>
      <c r="B1232">
        <v>1.1599999999999999</v>
      </c>
      <c r="C1232">
        <v>0.24</v>
      </c>
    </row>
    <row r="1233" spans="1:3" x14ac:dyDescent="0.25">
      <c r="A1233">
        <v>0.42</v>
      </c>
      <c r="B1233">
        <v>1.17</v>
      </c>
      <c r="C1233">
        <v>0.55000000000000004</v>
      </c>
    </row>
    <row r="1234" spans="1:3" x14ac:dyDescent="0.25">
      <c r="A1234">
        <v>0.42</v>
      </c>
      <c r="B1234">
        <v>1.18</v>
      </c>
      <c r="C1234">
        <v>0.73</v>
      </c>
    </row>
    <row r="1235" spans="1:3" x14ac:dyDescent="0.25">
      <c r="A1235">
        <v>0.42</v>
      </c>
      <c r="B1235">
        <v>1.21</v>
      </c>
      <c r="C1235">
        <v>0.3</v>
      </c>
    </row>
    <row r="1236" spans="1:3" x14ac:dyDescent="0.25">
      <c r="A1236">
        <v>0.42</v>
      </c>
      <c r="B1236">
        <v>1.23</v>
      </c>
      <c r="C1236">
        <v>0.42</v>
      </c>
    </row>
    <row r="1237" spans="1:3" x14ac:dyDescent="0.25">
      <c r="A1237">
        <v>0.42</v>
      </c>
      <c r="B1237">
        <v>1.3</v>
      </c>
      <c r="C1237">
        <v>0.41</v>
      </c>
    </row>
    <row r="1238" spans="1:3" x14ac:dyDescent="0.25">
      <c r="A1238">
        <v>0.42</v>
      </c>
      <c r="B1238">
        <v>1.31</v>
      </c>
      <c r="C1238">
        <v>0.53</v>
      </c>
    </row>
    <row r="1239" spans="1:3" x14ac:dyDescent="0.25">
      <c r="A1239">
        <v>0.42</v>
      </c>
      <c r="B1239">
        <v>1.36</v>
      </c>
      <c r="C1239">
        <v>0.39</v>
      </c>
    </row>
    <row r="1240" spans="1:3" x14ac:dyDescent="0.25">
      <c r="A1240">
        <v>0.42</v>
      </c>
      <c r="B1240">
        <v>1.41</v>
      </c>
      <c r="C1240">
        <v>0.34</v>
      </c>
    </row>
    <row r="1241" spans="1:3" x14ac:dyDescent="0.25">
      <c r="A1241">
        <v>0.42</v>
      </c>
      <c r="B1241">
        <v>1.43</v>
      </c>
      <c r="C1241">
        <v>0.09</v>
      </c>
    </row>
    <row r="1242" spans="1:3" x14ac:dyDescent="0.25">
      <c r="A1242">
        <v>0.42</v>
      </c>
      <c r="B1242">
        <v>1.49</v>
      </c>
      <c r="C1242">
        <v>0.36</v>
      </c>
    </row>
    <row r="1243" spans="1:3" x14ac:dyDescent="0.25">
      <c r="A1243">
        <v>0.43</v>
      </c>
      <c r="B1243">
        <v>0.52</v>
      </c>
      <c r="C1243">
        <v>0.11</v>
      </c>
    </row>
    <row r="1244" spans="1:3" x14ac:dyDescent="0.25">
      <c r="A1244">
        <v>0.43</v>
      </c>
      <c r="B1244">
        <v>0.53</v>
      </c>
      <c r="C1244">
        <v>0.73</v>
      </c>
    </row>
    <row r="1245" spans="1:3" x14ac:dyDescent="0.25">
      <c r="A1245">
        <v>0.43</v>
      </c>
      <c r="B1245">
        <v>0.54</v>
      </c>
      <c r="C1245">
        <v>0.36</v>
      </c>
    </row>
    <row r="1246" spans="1:3" x14ac:dyDescent="0.25">
      <c r="A1246">
        <v>0.43</v>
      </c>
      <c r="B1246">
        <v>0.55000000000000004</v>
      </c>
      <c r="C1246">
        <v>0.83</v>
      </c>
    </row>
    <row r="1247" spans="1:3" x14ac:dyDescent="0.25">
      <c r="A1247">
        <v>0.43</v>
      </c>
      <c r="B1247">
        <v>0.64</v>
      </c>
      <c r="C1247">
        <v>0.09</v>
      </c>
    </row>
    <row r="1248" spans="1:3" x14ac:dyDescent="0.25">
      <c r="A1248">
        <v>0.43</v>
      </c>
      <c r="B1248">
        <v>0.67</v>
      </c>
      <c r="C1248">
        <v>7.0000000000000007E-2</v>
      </c>
    </row>
    <row r="1249" spans="1:3" x14ac:dyDescent="0.25">
      <c r="A1249">
        <v>0.43</v>
      </c>
      <c r="B1249">
        <v>0.67</v>
      </c>
      <c r="C1249">
        <v>0.3</v>
      </c>
    </row>
    <row r="1250" spans="1:3" x14ac:dyDescent="0.25">
      <c r="A1250">
        <v>0.43</v>
      </c>
      <c r="B1250">
        <v>0.69</v>
      </c>
      <c r="C1250">
        <v>0.51</v>
      </c>
    </row>
    <row r="1251" spans="1:3" x14ac:dyDescent="0.25">
      <c r="A1251">
        <v>0.43</v>
      </c>
      <c r="B1251">
        <v>0.7</v>
      </c>
      <c r="C1251">
        <v>0.51</v>
      </c>
    </row>
    <row r="1252" spans="1:3" x14ac:dyDescent="0.25">
      <c r="A1252">
        <v>0.43</v>
      </c>
      <c r="B1252">
        <v>0.7</v>
      </c>
      <c r="C1252">
        <v>0.66</v>
      </c>
    </row>
    <row r="1253" spans="1:3" x14ac:dyDescent="0.25">
      <c r="A1253">
        <v>0.43</v>
      </c>
      <c r="B1253">
        <v>0.7</v>
      </c>
      <c r="C1253">
        <v>0.52</v>
      </c>
    </row>
    <row r="1254" spans="1:3" x14ac:dyDescent="0.25">
      <c r="A1254">
        <v>0.43</v>
      </c>
      <c r="B1254">
        <v>0.72</v>
      </c>
      <c r="C1254">
        <v>0.47</v>
      </c>
    </row>
    <row r="1255" spans="1:3" x14ac:dyDescent="0.25">
      <c r="A1255">
        <v>0.43</v>
      </c>
      <c r="B1255">
        <v>0.73</v>
      </c>
      <c r="C1255">
        <v>0.7</v>
      </c>
    </row>
    <row r="1256" spans="1:3" x14ac:dyDescent="0.25">
      <c r="A1256">
        <v>0.43</v>
      </c>
      <c r="B1256">
        <v>0.83</v>
      </c>
      <c r="C1256">
        <v>0.09</v>
      </c>
    </row>
    <row r="1257" spans="1:3" x14ac:dyDescent="0.25">
      <c r="A1257">
        <v>0.43</v>
      </c>
      <c r="B1257">
        <v>0.84</v>
      </c>
      <c r="C1257">
        <v>0.13</v>
      </c>
    </row>
    <row r="1258" spans="1:3" x14ac:dyDescent="0.25">
      <c r="A1258">
        <v>0.43</v>
      </c>
      <c r="B1258">
        <v>0.84</v>
      </c>
      <c r="C1258">
        <v>0.54</v>
      </c>
    </row>
    <row r="1259" spans="1:3" x14ac:dyDescent="0.25">
      <c r="A1259">
        <v>0.43</v>
      </c>
      <c r="B1259">
        <v>0.84</v>
      </c>
      <c r="C1259">
        <v>0.75</v>
      </c>
    </row>
    <row r="1260" spans="1:3" x14ac:dyDescent="0.25">
      <c r="A1260">
        <v>0.43</v>
      </c>
      <c r="B1260">
        <v>0.87</v>
      </c>
      <c r="C1260">
        <v>0.85</v>
      </c>
    </row>
    <row r="1261" spans="1:3" x14ac:dyDescent="0.25">
      <c r="A1261">
        <v>0.43</v>
      </c>
      <c r="B1261">
        <v>0.9</v>
      </c>
      <c r="C1261">
        <v>0.06</v>
      </c>
    </row>
    <row r="1262" spans="1:3" x14ac:dyDescent="0.25">
      <c r="A1262">
        <v>0.43</v>
      </c>
      <c r="B1262">
        <v>0.93</v>
      </c>
      <c r="C1262">
        <v>0.52</v>
      </c>
    </row>
    <row r="1263" spans="1:3" x14ac:dyDescent="0.25">
      <c r="A1263">
        <v>0.43</v>
      </c>
      <c r="B1263">
        <v>0.96</v>
      </c>
      <c r="C1263">
        <v>0.51</v>
      </c>
    </row>
    <row r="1264" spans="1:3" x14ac:dyDescent="0.25">
      <c r="A1264">
        <v>0.43</v>
      </c>
      <c r="B1264">
        <v>0.98</v>
      </c>
      <c r="C1264">
        <v>0.21</v>
      </c>
    </row>
    <row r="1265" spans="1:3" x14ac:dyDescent="0.25">
      <c r="A1265">
        <v>0.43</v>
      </c>
      <c r="B1265">
        <v>0.99</v>
      </c>
      <c r="C1265">
        <v>0.67</v>
      </c>
    </row>
    <row r="1266" spans="1:3" x14ac:dyDescent="0.25">
      <c r="A1266">
        <v>0.43</v>
      </c>
      <c r="B1266">
        <v>1.01</v>
      </c>
      <c r="C1266">
        <v>0.76</v>
      </c>
    </row>
    <row r="1267" spans="1:3" x14ac:dyDescent="0.25">
      <c r="A1267">
        <v>0.43</v>
      </c>
      <c r="B1267">
        <v>1.05</v>
      </c>
      <c r="C1267">
        <v>0.26</v>
      </c>
    </row>
    <row r="1268" spans="1:3" x14ac:dyDescent="0.25">
      <c r="A1268">
        <v>0.43</v>
      </c>
      <c r="B1268">
        <v>1.05</v>
      </c>
      <c r="C1268">
        <v>0.44</v>
      </c>
    </row>
    <row r="1269" spans="1:3" x14ac:dyDescent="0.25">
      <c r="A1269">
        <v>0.43</v>
      </c>
      <c r="B1269">
        <v>1.08</v>
      </c>
      <c r="C1269">
        <v>0.6</v>
      </c>
    </row>
    <row r="1270" spans="1:3" x14ac:dyDescent="0.25">
      <c r="A1270">
        <v>0.43</v>
      </c>
      <c r="B1270">
        <v>1.08</v>
      </c>
      <c r="C1270">
        <v>0.12</v>
      </c>
    </row>
    <row r="1271" spans="1:3" x14ac:dyDescent="0.25">
      <c r="A1271">
        <v>0.43</v>
      </c>
      <c r="B1271">
        <v>1.1200000000000001</v>
      </c>
      <c r="C1271">
        <v>0.31</v>
      </c>
    </row>
    <row r="1272" spans="1:3" x14ac:dyDescent="0.25">
      <c r="A1272">
        <v>0.43</v>
      </c>
      <c r="B1272">
        <v>1.17</v>
      </c>
      <c r="C1272">
        <v>0.09</v>
      </c>
    </row>
    <row r="1273" spans="1:3" x14ac:dyDescent="0.25">
      <c r="A1273">
        <v>0.43</v>
      </c>
      <c r="B1273">
        <v>1.21</v>
      </c>
      <c r="C1273">
        <v>0.8</v>
      </c>
    </row>
    <row r="1274" spans="1:3" x14ac:dyDescent="0.25">
      <c r="A1274">
        <v>0.43</v>
      </c>
      <c r="B1274">
        <v>1.21</v>
      </c>
      <c r="C1274">
        <v>0.43</v>
      </c>
    </row>
    <row r="1275" spans="1:3" x14ac:dyDescent="0.25">
      <c r="A1275">
        <v>0.43</v>
      </c>
      <c r="B1275">
        <v>1.22</v>
      </c>
      <c r="C1275">
        <v>0.77</v>
      </c>
    </row>
    <row r="1276" spans="1:3" x14ac:dyDescent="0.25">
      <c r="A1276">
        <v>0.43</v>
      </c>
      <c r="B1276">
        <v>1.27</v>
      </c>
      <c r="C1276">
        <v>0.25</v>
      </c>
    </row>
    <row r="1277" spans="1:3" x14ac:dyDescent="0.25">
      <c r="A1277">
        <v>0.43</v>
      </c>
      <c r="B1277">
        <v>1.31</v>
      </c>
      <c r="C1277">
        <v>0.28000000000000003</v>
      </c>
    </row>
    <row r="1278" spans="1:3" x14ac:dyDescent="0.25">
      <c r="A1278">
        <v>0.43</v>
      </c>
      <c r="B1278">
        <v>1.34</v>
      </c>
      <c r="C1278">
        <v>0.64</v>
      </c>
    </row>
    <row r="1279" spans="1:3" x14ac:dyDescent="0.25">
      <c r="A1279">
        <v>0.43</v>
      </c>
      <c r="B1279">
        <v>1.4</v>
      </c>
      <c r="C1279">
        <v>0.51</v>
      </c>
    </row>
    <row r="1280" spans="1:3" x14ac:dyDescent="0.25">
      <c r="A1280">
        <v>0.43</v>
      </c>
      <c r="B1280">
        <v>1.46</v>
      </c>
      <c r="C1280">
        <v>0.23</v>
      </c>
    </row>
    <row r="1281" spans="1:3" x14ac:dyDescent="0.25">
      <c r="A1281">
        <v>0.43</v>
      </c>
      <c r="B1281">
        <v>1.46</v>
      </c>
      <c r="C1281">
        <v>0.65</v>
      </c>
    </row>
    <row r="1282" spans="1:3" x14ac:dyDescent="0.25">
      <c r="A1282">
        <v>0.43</v>
      </c>
      <c r="B1282">
        <v>1.48</v>
      </c>
      <c r="C1282">
        <v>0.75</v>
      </c>
    </row>
    <row r="1283" spans="1:3" x14ac:dyDescent="0.25">
      <c r="A1283">
        <v>0.43</v>
      </c>
      <c r="B1283">
        <v>1.48</v>
      </c>
      <c r="C1283">
        <v>0.78</v>
      </c>
    </row>
    <row r="1284" spans="1:3" x14ac:dyDescent="0.25">
      <c r="A1284">
        <v>0.44</v>
      </c>
      <c r="B1284">
        <v>0.54</v>
      </c>
      <c r="C1284">
        <v>0.17</v>
      </c>
    </row>
    <row r="1285" spans="1:3" x14ac:dyDescent="0.25">
      <c r="A1285">
        <v>0.44</v>
      </c>
      <c r="B1285">
        <v>0.56000000000000005</v>
      </c>
      <c r="C1285">
        <v>0.69</v>
      </c>
    </row>
    <row r="1286" spans="1:3" x14ac:dyDescent="0.25">
      <c r="A1286">
        <v>0.44</v>
      </c>
      <c r="B1286">
        <v>0.56999999999999995</v>
      </c>
      <c r="C1286">
        <v>0.28999999999999998</v>
      </c>
    </row>
    <row r="1287" spans="1:3" x14ac:dyDescent="0.25">
      <c r="A1287">
        <v>0.44</v>
      </c>
      <c r="B1287">
        <v>0.6</v>
      </c>
      <c r="C1287">
        <v>0.4</v>
      </c>
    </row>
    <row r="1288" spans="1:3" x14ac:dyDescent="0.25">
      <c r="A1288">
        <v>0.44</v>
      </c>
      <c r="B1288">
        <v>0.63</v>
      </c>
      <c r="C1288">
        <v>0.12</v>
      </c>
    </row>
    <row r="1289" spans="1:3" x14ac:dyDescent="0.25">
      <c r="A1289">
        <v>0.44</v>
      </c>
      <c r="B1289">
        <v>0.75</v>
      </c>
      <c r="C1289">
        <v>0.89</v>
      </c>
    </row>
    <row r="1290" spans="1:3" x14ac:dyDescent="0.25">
      <c r="A1290">
        <v>0.44</v>
      </c>
      <c r="B1290">
        <v>0.83</v>
      </c>
      <c r="C1290">
        <v>0.46</v>
      </c>
    </row>
    <row r="1291" spans="1:3" x14ac:dyDescent="0.25">
      <c r="A1291">
        <v>0.44</v>
      </c>
      <c r="B1291">
        <v>0.94</v>
      </c>
      <c r="C1291">
        <v>0.83</v>
      </c>
    </row>
    <row r="1292" spans="1:3" x14ac:dyDescent="0.25">
      <c r="A1292">
        <v>0.44</v>
      </c>
      <c r="B1292">
        <v>0.95</v>
      </c>
      <c r="C1292">
        <v>0.14000000000000001</v>
      </c>
    </row>
    <row r="1293" spans="1:3" x14ac:dyDescent="0.25">
      <c r="A1293">
        <v>0.44</v>
      </c>
      <c r="B1293">
        <v>0.96</v>
      </c>
      <c r="C1293">
        <v>0.25</v>
      </c>
    </row>
    <row r="1294" spans="1:3" x14ac:dyDescent="0.25">
      <c r="A1294">
        <v>0.44</v>
      </c>
      <c r="B1294">
        <v>1.07</v>
      </c>
      <c r="C1294">
        <v>0.82</v>
      </c>
    </row>
    <row r="1295" spans="1:3" x14ac:dyDescent="0.25">
      <c r="A1295">
        <v>0.44</v>
      </c>
      <c r="B1295">
        <v>1.08</v>
      </c>
      <c r="C1295">
        <v>0.83</v>
      </c>
    </row>
    <row r="1296" spans="1:3" x14ac:dyDescent="0.25">
      <c r="A1296">
        <v>0.44</v>
      </c>
      <c r="B1296">
        <v>1.1100000000000001</v>
      </c>
      <c r="C1296">
        <v>0.36</v>
      </c>
    </row>
    <row r="1297" spans="1:3" x14ac:dyDescent="0.25">
      <c r="A1297">
        <v>0.44</v>
      </c>
      <c r="B1297">
        <v>1.1499999999999999</v>
      </c>
      <c r="C1297">
        <v>0.43</v>
      </c>
    </row>
    <row r="1298" spans="1:3" x14ac:dyDescent="0.25">
      <c r="A1298">
        <v>0.44</v>
      </c>
      <c r="B1298">
        <v>1.21</v>
      </c>
      <c r="C1298">
        <v>0.46</v>
      </c>
    </row>
    <row r="1299" spans="1:3" x14ac:dyDescent="0.25">
      <c r="A1299">
        <v>0.44</v>
      </c>
      <c r="B1299">
        <v>1.22</v>
      </c>
      <c r="C1299">
        <v>0.56000000000000005</v>
      </c>
    </row>
    <row r="1300" spans="1:3" x14ac:dyDescent="0.25">
      <c r="A1300">
        <v>0.44</v>
      </c>
      <c r="B1300">
        <v>1.24</v>
      </c>
      <c r="C1300">
        <v>0.61</v>
      </c>
    </row>
    <row r="1301" spans="1:3" x14ac:dyDescent="0.25">
      <c r="A1301">
        <v>0.44</v>
      </c>
      <c r="B1301">
        <v>1.26</v>
      </c>
      <c r="C1301">
        <v>0.37</v>
      </c>
    </row>
    <row r="1302" spans="1:3" x14ac:dyDescent="0.25">
      <c r="A1302">
        <v>0.44</v>
      </c>
      <c r="B1302">
        <v>1.29</v>
      </c>
      <c r="C1302">
        <v>0.41</v>
      </c>
    </row>
    <row r="1303" spans="1:3" x14ac:dyDescent="0.25">
      <c r="A1303">
        <v>0.44</v>
      </c>
      <c r="B1303">
        <v>1.3</v>
      </c>
      <c r="C1303">
        <v>0.93</v>
      </c>
    </row>
    <row r="1304" spans="1:3" x14ac:dyDescent="0.25">
      <c r="A1304">
        <v>0.44</v>
      </c>
      <c r="B1304">
        <v>1.34</v>
      </c>
      <c r="C1304">
        <v>0.4</v>
      </c>
    </row>
    <row r="1305" spans="1:3" x14ac:dyDescent="0.25">
      <c r="A1305">
        <v>0.44</v>
      </c>
      <c r="B1305">
        <v>1.34</v>
      </c>
      <c r="C1305">
        <v>0.9</v>
      </c>
    </row>
    <row r="1306" spans="1:3" x14ac:dyDescent="0.25">
      <c r="A1306">
        <v>0.44</v>
      </c>
      <c r="B1306">
        <v>1.36</v>
      </c>
      <c r="C1306">
        <v>0.37</v>
      </c>
    </row>
    <row r="1307" spans="1:3" x14ac:dyDescent="0.25">
      <c r="A1307">
        <v>0.44</v>
      </c>
      <c r="B1307">
        <v>1.4</v>
      </c>
      <c r="C1307">
        <v>0.14000000000000001</v>
      </c>
    </row>
    <row r="1308" spans="1:3" x14ac:dyDescent="0.25">
      <c r="A1308">
        <v>0.44</v>
      </c>
      <c r="B1308">
        <v>1.41</v>
      </c>
      <c r="C1308">
        <v>0.82</v>
      </c>
    </row>
    <row r="1309" spans="1:3" x14ac:dyDescent="0.25">
      <c r="A1309">
        <v>0.44</v>
      </c>
      <c r="B1309">
        <v>1.44</v>
      </c>
      <c r="C1309">
        <v>0.06</v>
      </c>
    </row>
    <row r="1310" spans="1:3" x14ac:dyDescent="0.25">
      <c r="A1310">
        <v>0.44</v>
      </c>
      <c r="B1310">
        <v>1.45</v>
      </c>
      <c r="C1310">
        <v>0.19</v>
      </c>
    </row>
    <row r="1311" spans="1:3" x14ac:dyDescent="0.25">
      <c r="A1311">
        <v>0.44</v>
      </c>
      <c r="B1311">
        <v>1.45</v>
      </c>
      <c r="C1311">
        <v>0.52</v>
      </c>
    </row>
    <row r="1312" spans="1:3" x14ac:dyDescent="0.25">
      <c r="A1312">
        <v>0.44</v>
      </c>
      <c r="B1312">
        <v>1.45</v>
      </c>
      <c r="C1312">
        <v>0.31</v>
      </c>
    </row>
    <row r="1313" spans="1:3" x14ac:dyDescent="0.25">
      <c r="A1313">
        <v>0.45</v>
      </c>
      <c r="B1313">
        <v>0.56999999999999995</v>
      </c>
      <c r="C1313">
        <v>0.46</v>
      </c>
    </row>
    <row r="1314" spans="1:3" x14ac:dyDescent="0.25">
      <c r="A1314">
        <v>0.45</v>
      </c>
      <c r="B1314">
        <v>0.57999999999999996</v>
      </c>
      <c r="C1314">
        <v>0.87</v>
      </c>
    </row>
    <row r="1315" spans="1:3" x14ac:dyDescent="0.25">
      <c r="A1315">
        <v>0.45</v>
      </c>
      <c r="B1315">
        <v>0.65</v>
      </c>
      <c r="C1315">
        <v>0.19</v>
      </c>
    </row>
    <row r="1316" spans="1:3" x14ac:dyDescent="0.25">
      <c r="A1316">
        <v>0.45</v>
      </c>
      <c r="B1316">
        <v>0.69</v>
      </c>
      <c r="C1316">
        <v>0.12</v>
      </c>
    </row>
    <row r="1317" spans="1:3" x14ac:dyDescent="0.25">
      <c r="A1317">
        <v>0.45</v>
      </c>
      <c r="B1317">
        <v>0.75</v>
      </c>
      <c r="C1317">
        <v>0.32</v>
      </c>
    </row>
    <row r="1318" spans="1:3" x14ac:dyDescent="0.25">
      <c r="A1318">
        <v>0.45</v>
      </c>
      <c r="B1318">
        <v>0.77</v>
      </c>
      <c r="C1318">
        <v>0.67</v>
      </c>
    </row>
    <row r="1319" spans="1:3" x14ac:dyDescent="0.25">
      <c r="A1319">
        <v>0.45</v>
      </c>
      <c r="B1319">
        <v>0.81</v>
      </c>
      <c r="C1319">
        <v>0.26</v>
      </c>
    </row>
    <row r="1320" spans="1:3" x14ac:dyDescent="0.25">
      <c r="A1320">
        <v>0.45</v>
      </c>
      <c r="B1320">
        <v>0.85</v>
      </c>
      <c r="C1320">
        <v>0.91</v>
      </c>
    </row>
    <row r="1321" spans="1:3" x14ac:dyDescent="0.25">
      <c r="A1321">
        <v>0.45</v>
      </c>
      <c r="B1321">
        <v>0.96</v>
      </c>
      <c r="C1321">
        <v>0.87</v>
      </c>
    </row>
    <row r="1322" spans="1:3" x14ac:dyDescent="0.25">
      <c r="A1322">
        <v>0.45</v>
      </c>
      <c r="B1322">
        <v>1.07</v>
      </c>
      <c r="C1322">
        <v>0.35</v>
      </c>
    </row>
    <row r="1323" spans="1:3" x14ac:dyDescent="0.25">
      <c r="A1323">
        <v>0.45</v>
      </c>
      <c r="B1323">
        <v>1.1100000000000001</v>
      </c>
      <c r="C1323">
        <v>0.43</v>
      </c>
    </row>
    <row r="1324" spans="1:3" x14ac:dyDescent="0.25">
      <c r="A1324">
        <v>0.45</v>
      </c>
      <c r="B1324">
        <v>1.1200000000000001</v>
      </c>
      <c r="C1324">
        <v>0.2</v>
      </c>
    </row>
    <row r="1325" spans="1:3" x14ac:dyDescent="0.25">
      <c r="A1325">
        <v>0.45</v>
      </c>
      <c r="B1325">
        <v>1.1599999999999999</v>
      </c>
      <c r="C1325">
        <v>0.71</v>
      </c>
    </row>
    <row r="1326" spans="1:3" x14ac:dyDescent="0.25">
      <c r="A1326">
        <v>0.45</v>
      </c>
      <c r="B1326">
        <v>1.17</v>
      </c>
      <c r="C1326">
        <v>0.43</v>
      </c>
    </row>
    <row r="1327" spans="1:3" x14ac:dyDescent="0.25">
      <c r="A1327">
        <v>0.45</v>
      </c>
      <c r="B1327">
        <v>1.23</v>
      </c>
      <c r="C1327">
        <v>0.45</v>
      </c>
    </row>
    <row r="1328" spans="1:3" x14ac:dyDescent="0.25">
      <c r="A1328">
        <v>0.45</v>
      </c>
      <c r="B1328">
        <v>1.24</v>
      </c>
      <c r="C1328">
        <v>0.62</v>
      </c>
    </row>
    <row r="1329" spans="1:3" x14ac:dyDescent="0.25">
      <c r="A1329">
        <v>0.45</v>
      </c>
      <c r="B1329">
        <v>1.25</v>
      </c>
      <c r="C1329">
        <v>0.78</v>
      </c>
    </row>
    <row r="1330" spans="1:3" x14ac:dyDescent="0.25">
      <c r="A1330">
        <v>0.45</v>
      </c>
      <c r="B1330">
        <v>1.27</v>
      </c>
      <c r="C1330">
        <v>0.47</v>
      </c>
    </row>
    <row r="1331" spans="1:3" x14ac:dyDescent="0.25">
      <c r="A1331">
        <v>0.45</v>
      </c>
      <c r="B1331">
        <v>1.31</v>
      </c>
      <c r="C1331">
        <v>0.4</v>
      </c>
    </row>
    <row r="1332" spans="1:3" x14ac:dyDescent="0.25">
      <c r="A1332">
        <v>0.45</v>
      </c>
      <c r="B1332">
        <v>1.36</v>
      </c>
      <c r="C1332">
        <v>0.92</v>
      </c>
    </row>
    <row r="1333" spans="1:3" x14ac:dyDescent="0.25">
      <c r="A1333">
        <v>0.45</v>
      </c>
      <c r="B1333">
        <v>1.37</v>
      </c>
      <c r="C1333">
        <v>0.44</v>
      </c>
    </row>
    <row r="1334" spans="1:3" x14ac:dyDescent="0.25">
      <c r="A1334">
        <v>0.45</v>
      </c>
      <c r="B1334">
        <v>1.44</v>
      </c>
      <c r="C1334">
        <v>0.82</v>
      </c>
    </row>
    <row r="1335" spans="1:3" x14ac:dyDescent="0.25">
      <c r="A1335">
        <v>0.45</v>
      </c>
      <c r="B1335">
        <v>1.47</v>
      </c>
      <c r="C1335">
        <v>0.26</v>
      </c>
    </row>
    <row r="1336" spans="1:3" x14ac:dyDescent="0.25">
      <c r="A1336">
        <v>0.46</v>
      </c>
      <c r="B1336">
        <v>0.51</v>
      </c>
      <c r="C1336">
        <v>0.49</v>
      </c>
    </row>
    <row r="1337" spans="1:3" x14ac:dyDescent="0.25">
      <c r="A1337">
        <v>0.46</v>
      </c>
      <c r="B1337">
        <v>0.52</v>
      </c>
      <c r="C1337">
        <v>0.85</v>
      </c>
    </row>
    <row r="1338" spans="1:3" x14ac:dyDescent="0.25">
      <c r="A1338">
        <v>0.46</v>
      </c>
      <c r="B1338">
        <v>0.54</v>
      </c>
      <c r="C1338">
        <v>0.31</v>
      </c>
    </row>
    <row r="1339" spans="1:3" x14ac:dyDescent="0.25">
      <c r="A1339">
        <v>0.46</v>
      </c>
      <c r="B1339">
        <v>0.61</v>
      </c>
      <c r="C1339">
        <v>0.12</v>
      </c>
    </row>
    <row r="1340" spans="1:3" x14ac:dyDescent="0.25">
      <c r="A1340">
        <v>0.46</v>
      </c>
      <c r="B1340">
        <v>0.65</v>
      </c>
      <c r="C1340">
        <v>0.48</v>
      </c>
    </row>
    <row r="1341" spans="1:3" x14ac:dyDescent="0.25">
      <c r="A1341">
        <v>0.46</v>
      </c>
      <c r="B1341">
        <v>0.69</v>
      </c>
      <c r="C1341">
        <v>0.64</v>
      </c>
    </row>
    <row r="1342" spans="1:3" x14ac:dyDescent="0.25">
      <c r="A1342">
        <v>0.46</v>
      </c>
      <c r="B1342">
        <v>0.7</v>
      </c>
      <c r="C1342">
        <v>0.42</v>
      </c>
    </row>
    <row r="1343" spans="1:3" x14ac:dyDescent="0.25">
      <c r="A1343">
        <v>0.46</v>
      </c>
      <c r="B1343">
        <v>0.7</v>
      </c>
      <c r="C1343">
        <v>0.76</v>
      </c>
    </row>
    <row r="1344" spans="1:3" x14ac:dyDescent="0.25">
      <c r="A1344">
        <v>0.46</v>
      </c>
      <c r="B1344">
        <v>0.72</v>
      </c>
      <c r="C1344">
        <v>0.88</v>
      </c>
    </row>
    <row r="1345" spans="1:3" x14ac:dyDescent="0.25">
      <c r="A1345">
        <v>0.46</v>
      </c>
      <c r="B1345">
        <v>0.74</v>
      </c>
      <c r="C1345">
        <v>0.48</v>
      </c>
    </row>
    <row r="1346" spans="1:3" x14ac:dyDescent="0.25">
      <c r="A1346">
        <v>0.46</v>
      </c>
      <c r="B1346">
        <v>0.75</v>
      </c>
      <c r="C1346">
        <v>0.79</v>
      </c>
    </row>
    <row r="1347" spans="1:3" x14ac:dyDescent="0.25">
      <c r="A1347">
        <v>0.46</v>
      </c>
      <c r="B1347">
        <v>0.76</v>
      </c>
      <c r="C1347">
        <v>0.11</v>
      </c>
    </row>
    <row r="1348" spans="1:3" x14ac:dyDescent="0.25">
      <c r="A1348">
        <v>0.46</v>
      </c>
      <c r="B1348">
        <v>0.76</v>
      </c>
      <c r="C1348">
        <v>0.54</v>
      </c>
    </row>
    <row r="1349" spans="1:3" x14ac:dyDescent="0.25">
      <c r="A1349">
        <v>0.46</v>
      </c>
      <c r="B1349">
        <v>0.77</v>
      </c>
      <c r="C1349">
        <v>0.16</v>
      </c>
    </row>
    <row r="1350" spans="1:3" x14ac:dyDescent="0.25">
      <c r="A1350">
        <v>0.46</v>
      </c>
      <c r="B1350">
        <v>0.81</v>
      </c>
      <c r="C1350">
        <v>0.26</v>
      </c>
    </row>
    <row r="1351" spans="1:3" x14ac:dyDescent="0.25">
      <c r="A1351">
        <v>0.46</v>
      </c>
      <c r="B1351">
        <v>0.84</v>
      </c>
      <c r="C1351">
        <v>0.16</v>
      </c>
    </row>
    <row r="1352" spans="1:3" x14ac:dyDescent="0.25">
      <c r="A1352">
        <v>0.46</v>
      </c>
      <c r="B1352">
        <v>0.91</v>
      </c>
      <c r="C1352">
        <v>0.21</v>
      </c>
    </row>
    <row r="1353" spans="1:3" x14ac:dyDescent="0.25">
      <c r="A1353">
        <v>0.46</v>
      </c>
      <c r="B1353">
        <v>0.99</v>
      </c>
      <c r="C1353">
        <v>0.31</v>
      </c>
    </row>
    <row r="1354" spans="1:3" x14ac:dyDescent="0.25">
      <c r="A1354">
        <v>0.46</v>
      </c>
      <c r="B1354">
        <v>1.05</v>
      </c>
      <c r="C1354">
        <v>0.68</v>
      </c>
    </row>
    <row r="1355" spans="1:3" x14ac:dyDescent="0.25">
      <c r="A1355">
        <v>0.46</v>
      </c>
      <c r="B1355">
        <v>1.0900000000000001</v>
      </c>
      <c r="C1355">
        <v>0.1</v>
      </c>
    </row>
    <row r="1356" spans="1:3" x14ac:dyDescent="0.25">
      <c r="A1356">
        <v>0.46</v>
      </c>
      <c r="B1356">
        <v>1.1399999999999999</v>
      </c>
      <c r="C1356">
        <v>0.34</v>
      </c>
    </row>
    <row r="1357" spans="1:3" x14ac:dyDescent="0.25">
      <c r="A1357">
        <v>0.46</v>
      </c>
      <c r="B1357">
        <v>1.1599999999999999</v>
      </c>
      <c r="C1357">
        <v>0.69</v>
      </c>
    </row>
    <row r="1358" spans="1:3" x14ac:dyDescent="0.25">
      <c r="A1358">
        <v>0.46</v>
      </c>
      <c r="B1358">
        <v>1.18</v>
      </c>
      <c r="C1358">
        <v>0.83</v>
      </c>
    </row>
    <row r="1359" spans="1:3" x14ac:dyDescent="0.25">
      <c r="A1359">
        <v>0.46</v>
      </c>
      <c r="B1359">
        <v>1.19</v>
      </c>
      <c r="C1359">
        <v>0.16</v>
      </c>
    </row>
    <row r="1360" spans="1:3" x14ac:dyDescent="0.25">
      <c r="A1360">
        <v>0.46</v>
      </c>
      <c r="B1360">
        <v>1.21</v>
      </c>
      <c r="C1360">
        <v>0.63</v>
      </c>
    </row>
    <row r="1361" spans="1:3" x14ac:dyDescent="0.25">
      <c r="A1361">
        <v>0.46</v>
      </c>
      <c r="B1361">
        <v>1.21</v>
      </c>
      <c r="C1361">
        <v>0.11</v>
      </c>
    </row>
    <row r="1362" spans="1:3" x14ac:dyDescent="0.25">
      <c r="A1362">
        <v>0.46</v>
      </c>
      <c r="B1362">
        <v>1.22</v>
      </c>
      <c r="C1362">
        <v>0.14000000000000001</v>
      </c>
    </row>
    <row r="1363" spans="1:3" x14ac:dyDescent="0.25">
      <c r="A1363">
        <v>0.46</v>
      </c>
      <c r="B1363">
        <v>1.23</v>
      </c>
      <c r="C1363">
        <v>0.8</v>
      </c>
    </row>
    <row r="1364" spans="1:3" x14ac:dyDescent="0.25">
      <c r="A1364">
        <v>0.46</v>
      </c>
      <c r="B1364">
        <v>1.25</v>
      </c>
      <c r="C1364">
        <v>0.46</v>
      </c>
    </row>
    <row r="1365" spans="1:3" x14ac:dyDescent="0.25">
      <c r="A1365">
        <v>0.46</v>
      </c>
      <c r="B1365">
        <v>1.26</v>
      </c>
      <c r="C1365">
        <v>0.83</v>
      </c>
    </row>
    <row r="1366" spans="1:3" x14ac:dyDescent="0.25">
      <c r="A1366">
        <v>0.46</v>
      </c>
      <c r="B1366">
        <v>1.35</v>
      </c>
      <c r="C1366">
        <v>0.16</v>
      </c>
    </row>
    <row r="1367" spans="1:3" x14ac:dyDescent="0.25">
      <c r="A1367">
        <v>0.46</v>
      </c>
      <c r="B1367">
        <v>1.36</v>
      </c>
      <c r="C1367">
        <v>0.28000000000000003</v>
      </c>
    </row>
    <row r="1368" spans="1:3" x14ac:dyDescent="0.25">
      <c r="A1368">
        <v>0.46</v>
      </c>
      <c r="B1368">
        <v>1.36</v>
      </c>
      <c r="C1368">
        <v>0.77</v>
      </c>
    </row>
    <row r="1369" spans="1:3" x14ac:dyDescent="0.25">
      <c r="A1369">
        <v>0.46</v>
      </c>
      <c r="B1369">
        <v>1.44</v>
      </c>
      <c r="C1369">
        <v>0.43</v>
      </c>
    </row>
    <row r="1370" spans="1:3" x14ac:dyDescent="0.25">
      <c r="A1370">
        <v>0.46</v>
      </c>
      <c r="B1370">
        <v>1.44</v>
      </c>
      <c r="C1370">
        <v>0.92</v>
      </c>
    </row>
    <row r="1371" spans="1:3" x14ac:dyDescent="0.25">
      <c r="A1371">
        <v>0.46</v>
      </c>
      <c r="B1371">
        <v>1.44</v>
      </c>
      <c r="C1371">
        <v>0.17</v>
      </c>
    </row>
    <row r="1372" spans="1:3" x14ac:dyDescent="0.25">
      <c r="A1372">
        <v>0.46</v>
      </c>
      <c r="B1372">
        <v>1.44</v>
      </c>
      <c r="C1372">
        <v>0.72</v>
      </c>
    </row>
    <row r="1373" spans="1:3" x14ac:dyDescent="0.25">
      <c r="A1373">
        <v>0.46</v>
      </c>
      <c r="B1373">
        <v>1.45</v>
      </c>
      <c r="C1373">
        <v>0.66</v>
      </c>
    </row>
    <row r="1374" spans="1:3" x14ac:dyDescent="0.25">
      <c r="A1374">
        <v>0.46</v>
      </c>
      <c r="B1374">
        <v>1.45</v>
      </c>
      <c r="C1374">
        <v>0.08</v>
      </c>
    </row>
    <row r="1375" spans="1:3" x14ac:dyDescent="0.25">
      <c r="A1375">
        <v>0.47</v>
      </c>
      <c r="B1375">
        <v>0.5</v>
      </c>
      <c r="C1375">
        <v>0.46</v>
      </c>
    </row>
    <row r="1376" spans="1:3" x14ac:dyDescent="0.25">
      <c r="A1376">
        <v>0.47</v>
      </c>
      <c r="B1376">
        <v>0.52</v>
      </c>
      <c r="C1376">
        <v>0.25</v>
      </c>
    </row>
    <row r="1377" spans="1:3" x14ac:dyDescent="0.25">
      <c r="A1377">
        <v>0.47</v>
      </c>
      <c r="B1377">
        <v>0.52</v>
      </c>
      <c r="C1377">
        <v>7.0000000000000007E-2</v>
      </c>
    </row>
    <row r="1378" spans="1:3" x14ac:dyDescent="0.25">
      <c r="A1378">
        <v>0.47</v>
      </c>
      <c r="B1378">
        <v>0.56000000000000005</v>
      </c>
      <c r="C1378">
        <v>0.28000000000000003</v>
      </c>
    </row>
    <row r="1379" spans="1:3" x14ac:dyDescent="0.25">
      <c r="A1379">
        <v>0.47</v>
      </c>
      <c r="B1379">
        <v>0.56999999999999995</v>
      </c>
      <c r="C1379">
        <v>0.5</v>
      </c>
    </row>
    <row r="1380" spans="1:3" x14ac:dyDescent="0.25">
      <c r="A1380">
        <v>0.47</v>
      </c>
      <c r="B1380">
        <v>0.57999999999999996</v>
      </c>
      <c r="C1380">
        <v>0.12</v>
      </c>
    </row>
    <row r="1381" spans="1:3" x14ac:dyDescent="0.25">
      <c r="A1381">
        <v>0.47</v>
      </c>
      <c r="B1381">
        <v>0.63</v>
      </c>
      <c r="C1381">
        <v>0.33</v>
      </c>
    </row>
    <row r="1382" spans="1:3" x14ac:dyDescent="0.25">
      <c r="A1382">
        <v>0.47</v>
      </c>
      <c r="B1382">
        <v>0.63</v>
      </c>
      <c r="C1382">
        <v>0.47</v>
      </c>
    </row>
    <row r="1383" spans="1:3" x14ac:dyDescent="0.25">
      <c r="A1383">
        <v>0.47</v>
      </c>
      <c r="B1383">
        <v>0.68</v>
      </c>
      <c r="C1383">
        <v>0.53</v>
      </c>
    </row>
    <row r="1384" spans="1:3" x14ac:dyDescent="0.25">
      <c r="A1384">
        <v>0.47</v>
      </c>
      <c r="B1384">
        <v>0.7</v>
      </c>
      <c r="C1384">
        <v>0.43</v>
      </c>
    </row>
    <row r="1385" spans="1:3" x14ac:dyDescent="0.25">
      <c r="A1385">
        <v>0.47</v>
      </c>
      <c r="B1385">
        <v>0.73</v>
      </c>
      <c r="C1385">
        <v>0.78</v>
      </c>
    </row>
    <row r="1386" spans="1:3" x14ac:dyDescent="0.25">
      <c r="A1386">
        <v>0.47</v>
      </c>
      <c r="B1386">
        <v>0.79</v>
      </c>
      <c r="C1386">
        <v>0.27</v>
      </c>
    </row>
    <row r="1387" spans="1:3" x14ac:dyDescent="0.25">
      <c r="A1387">
        <v>0.47</v>
      </c>
      <c r="B1387">
        <v>0.8</v>
      </c>
      <c r="C1387">
        <v>0.88</v>
      </c>
    </row>
    <row r="1388" spans="1:3" x14ac:dyDescent="0.25">
      <c r="A1388">
        <v>0.47</v>
      </c>
      <c r="B1388">
        <v>0.82</v>
      </c>
      <c r="C1388">
        <v>0.15</v>
      </c>
    </row>
    <row r="1389" spans="1:3" x14ac:dyDescent="0.25">
      <c r="A1389">
        <v>0.47</v>
      </c>
      <c r="B1389">
        <v>0.82</v>
      </c>
      <c r="C1389">
        <v>0.44</v>
      </c>
    </row>
    <row r="1390" spans="1:3" x14ac:dyDescent="0.25">
      <c r="A1390">
        <v>0.47</v>
      </c>
      <c r="B1390">
        <v>0.88</v>
      </c>
      <c r="C1390">
        <v>0.75</v>
      </c>
    </row>
    <row r="1391" spans="1:3" x14ac:dyDescent="0.25">
      <c r="A1391">
        <v>0.47</v>
      </c>
      <c r="B1391">
        <v>0.91</v>
      </c>
      <c r="C1391">
        <v>0.39</v>
      </c>
    </row>
    <row r="1392" spans="1:3" x14ac:dyDescent="0.25">
      <c r="A1392">
        <v>0.47</v>
      </c>
      <c r="B1392">
        <v>0.92</v>
      </c>
      <c r="C1392">
        <v>0.7</v>
      </c>
    </row>
    <row r="1393" spans="1:3" x14ac:dyDescent="0.25">
      <c r="A1393">
        <v>0.47</v>
      </c>
      <c r="B1393">
        <v>0.93</v>
      </c>
      <c r="C1393">
        <v>0.25</v>
      </c>
    </row>
    <row r="1394" spans="1:3" x14ac:dyDescent="0.25">
      <c r="A1394">
        <v>0.47</v>
      </c>
      <c r="B1394">
        <v>0.98</v>
      </c>
      <c r="C1394">
        <v>0.64</v>
      </c>
    </row>
    <row r="1395" spans="1:3" x14ac:dyDescent="0.25">
      <c r="A1395">
        <v>0.47</v>
      </c>
      <c r="B1395">
        <v>1.01</v>
      </c>
      <c r="C1395">
        <v>0.91</v>
      </c>
    </row>
    <row r="1396" spans="1:3" x14ac:dyDescent="0.25">
      <c r="A1396">
        <v>0.47</v>
      </c>
      <c r="B1396">
        <v>1.03</v>
      </c>
      <c r="C1396">
        <v>0.6</v>
      </c>
    </row>
    <row r="1397" spans="1:3" x14ac:dyDescent="0.25">
      <c r="A1397">
        <v>0.47</v>
      </c>
      <c r="B1397">
        <v>1.0900000000000001</v>
      </c>
      <c r="C1397">
        <v>0.7</v>
      </c>
    </row>
    <row r="1398" spans="1:3" x14ac:dyDescent="0.25">
      <c r="A1398">
        <v>0.47</v>
      </c>
      <c r="B1398">
        <v>1.1299999999999999</v>
      </c>
      <c r="C1398">
        <v>0.56999999999999995</v>
      </c>
    </row>
    <row r="1399" spans="1:3" x14ac:dyDescent="0.25">
      <c r="A1399">
        <v>0.47</v>
      </c>
      <c r="B1399">
        <v>1.1499999999999999</v>
      </c>
      <c r="C1399">
        <v>0.18</v>
      </c>
    </row>
    <row r="1400" spans="1:3" x14ac:dyDescent="0.25">
      <c r="A1400">
        <v>0.47</v>
      </c>
      <c r="B1400">
        <v>1.1599999999999999</v>
      </c>
      <c r="C1400">
        <v>0.66</v>
      </c>
    </row>
    <row r="1401" spans="1:3" x14ac:dyDescent="0.25">
      <c r="A1401">
        <v>0.47</v>
      </c>
      <c r="B1401">
        <v>1.17</v>
      </c>
      <c r="C1401">
        <v>0.68</v>
      </c>
    </row>
    <row r="1402" spans="1:3" x14ac:dyDescent="0.25">
      <c r="A1402">
        <v>0.47</v>
      </c>
      <c r="B1402">
        <v>1.18</v>
      </c>
      <c r="C1402">
        <v>0.92</v>
      </c>
    </row>
    <row r="1403" spans="1:3" x14ac:dyDescent="0.25">
      <c r="A1403">
        <v>0.47</v>
      </c>
      <c r="B1403">
        <v>1.24</v>
      </c>
      <c r="C1403">
        <v>0.65</v>
      </c>
    </row>
    <row r="1404" spans="1:3" x14ac:dyDescent="0.25">
      <c r="A1404">
        <v>0.47</v>
      </c>
      <c r="B1404">
        <v>1.24</v>
      </c>
      <c r="C1404">
        <v>0.36</v>
      </c>
    </row>
    <row r="1405" spans="1:3" x14ac:dyDescent="0.25">
      <c r="A1405">
        <v>0.47</v>
      </c>
      <c r="B1405">
        <v>1.24</v>
      </c>
      <c r="C1405">
        <v>0.41</v>
      </c>
    </row>
    <row r="1406" spans="1:3" x14ac:dyDescent="0.25">
      <c r="A1406">
        <v>0.47</v>
      </c>
      <c r="B1406">
        <v>1.27</v>
      </c>
      <c r="C1406">
        <v>0.93</v>
      </c>
    </row>
    <row r="1407" spans="1:3" x14ac:dyDescent="0.25">
      <c r="A1407">
        <v>0.47</v>
      </c>
      <c r="B1407">
        <v>1.28</v>
      </c>
      <c r="C1407">
        <v>0.32</v>
      </c>
    </row>
    <row r="1408" spans="1:3" x14ac:dyDescent="0.25">
      <c r="A1408">
        <v>0.47</v>
      </c>
      <c r="B1408">
        <v>1.28</v>
      </c>
      <c r="C1408">
        <v>0.44</v>
      </c>
    </row>
    <row r="1409" spans="1:3" x14ac:dyDescent="0.25">
      <c r="A1409">
        <v>0.47</v>
      </c>
      <c r="B1409">
        <v>1.3</v>
      </c>
      <c r="C1409">
        <v>0.85</v>
      </c>
    </row>
    <row r="1410" spans="1:3" x14ac:dyDescent="0.25">
      <c r="A1410">
        <v>0.47</v>
      </c>
      <c r="B1410">
        <v>1.37</v>
      </c>
      <c r="C1410">
        <v>0.35</v>
      </c>
    </row>
    <row r="1411" spans="1:3" x14ac:dyDescent="0.25">
      <c r="A1411">
        <v>0.47</v>
      </c>
      <c r="B1411">
        <v>1.41</v>
      </c>
      <c r="C1411">
        <v>0.8</v>
      </c>
    </row>
    <row r="1412" spans="1:3" x14ac:dyDescent="0.25">
      <c r="A1412">
        <v>0.47</v>
      </c>
      <c r="B1412">
        <v>1.49</v>
      </c>
      <c r="C1412">
        <v>0.56000000000000005</v>
      </c>
    </row>
    <row r="1413" spans="1:3" x14ac:dyDescent="0.25">
      <c r="A1413">
        <v>0.48</v>
      </c>
      <c r="B1413">
        <v>0.51</v>
      </c>
      <c r="C1413">
        <v>0.31</v>
      </c>
    </row>
    <row r="1414" spans="1:3" x14ac:dyDescent="0.25">
      <c r="A1414">
        <v>0.48</v>
      </c>
      <c r="B1414">
        <v>0.54</v>
      </c>
      <c r="C1414">
        <v>0.94</v>
      </c>
    </row>
    <row r="1415" spans="1:3" x14ac:dyDescent="0.25">
      <c r="A1415">
        <v>0.48</v>
      </c>
      <c r="B1415">
        <v>0.57999999999999996</v>
      </c>
      <c r="C1415">
        <v>0.33</v>
      </c>
    </row>
    <row r="1416" spans="1:3" x14ac:dyDescent="0.25">
      <c r="A1416">
        <v>0.48</v>
      </c>
      <c r="B1416">
        <v>0.62</v>
      </c>
      <c r="C1416">
        <v>0.1</v>
      </c>
    </row>
    <row r="1417" spans="1:3" x14ac:dyDescent="0.25">
      <c r="A1417">
        <v>0.48</v>
      </c>
      <c r="B1417">
        <v>0.69</v>
      </c>
      <c r="C1417">
        <v>0.09</v>
      </c>
    </row>
    <row r="1418" spans="1:3" x14ac:dyDescent="0.25">
      <c r="A1418">
        <v>0.48</v>
      </c>
      <c r="B1418">
        <v>0.7</v>
      </c>
      <c r="C1418">
        <v>0.34</v>
      </c>
    </row>
    <row r="1419" spans="1:3" x14ac:dyDescent="0.25">
      <c r="A1419">
        <v>0.48</v>
      </c>
      <c r="B1419">
        <v>0.77</v>
      </c>
      <c r="C1419">
        <v>0.52</v>
      </c>
    </row>
    <row r="1420" spans="1:3" x14ac:dyDescent="0.25">
      <c r="A1420">
        <v>0.48</v>
      </c>
      <c r="B1420">
        <v>0.77</v>
      </c>
      <c r="C1420">
        <v>0.45</v>
      </c>
    </row>
    <row r="1421" spans="1:3" x14ac:dyDescent="0.25">
      <c r="A1421">
        <v>0.48</v>
      </c>
      <c r="B1421">
        <v>0.79</v>
      </c>
      <c r="C1421">
        <v>0.94</v>
      </c>
    </row>
    <row r="1422" spans="1:3" x14ac:dyDescent="0.25">
      <c r="A1422">
        <v>0.48</v>
      </c>
      <c r="B1422">
        <v>0.79</v>
      </c>
      <c r="C1422">
        <v>0.89</v>
      </c>
    </row>
    <row r="1423" spans="1:3" x14ac:dyDescent="0.25">
      <c r="A1423">
        <v>0.48</v>
      </c>
      <c r="B1423">
        <v>0.82</v>
      </c>
      <c r="C1423">
        <v>0.5</v>
      </c>
    </row>
    <row r="1424" spans="1:3" x14ac:dyDescent="0.25">
      <c r="A1424">
        <v>0.48</v>
      </c>
      <c r="B1424">
        <v>0.82</v>
      </c>
      <c r="C1424">
        <v>0.64</v>
      </c>
    </row>
    <row r="1425" spans="1:3" x14ac:dyDescent="0.25">
      <c r="A1425">
        <v>0.48</v>
      </c>
      <c r="B1425">
        <v>0.86</v>
      </c>
      <c r="C1425">
        <v>0.28999999999999998</v>
      </c>
    </row>
    <row r="1426" spans="1:3" x14ac:dyDescent="0.25">
      <c r="A1426">
        <v>0.48</v>
      </c>
      <c r="B1426">
        <v>0.88</v>
      </c>
      <c r="C1426">
        <v>0.26</v>
      </c>
    </row>
    <row r="1427" spans="1:3" x14ac:dyDescent="0.25">
      <c r="A1427">
        <v>0.48</v>
      </c>
      <c r="B1427">
        <v>0.89</v>
      </c>
      <c r="C1427">
        <v>0.84</v>
      </c>
    </row>
    <row r="1428" spans="1:3" x14ac:dyDescent="0.25">
      <c r="A1428">
        <v>0.48</v>
      </c>
      <c r="B1428">
        <v>0.89</v>
      </c>
      <c r="C1428">
        <v>0.6</v>
      </c>
    </row>
    <row r="1429" spans="1:3" x14ac:dyDescent="0.25">
      <c r="A1429">
        <v>0.48</v>
      </c>
      <c r="B1429">
        <v>0.9</v>
      </c>
      <c r="C1429">
        <v>0.74</v>
      </c>
    </row>
    <row r="1430" spans="1:3" x14ac:dyDescent="0.25">
      <c r="A1430">
        <v>0.48</v>
      </c>
      <c r="B1430">
        <v>0.9</v>
      </c>
      <c r="C1430">
        <v>0.17</v>
      </c>
    </row>
    <row r="1431" spans="1:3" x14ac:dyDescent="0.25">
      <c r="A1431">
        <v>0.48</v>
      </c>
      <c r="B1431">
        <v>0.91</v>
      </c>
      <c r="C1431">
        <v>0.49</v>
      </c>
    </row>
    <row r="1432" spans="1:3" x14ac:dyDescent="0.25">
      <c r="A1432">
        <v>0.48</v>
      </c>
      <c r="B1432">
        <v>0.98</v>
      </c>
      <c r="C1432">
        <v>0.55000000000000004</v>
      </c>
    </row>
    <row r="1433" spans="1:3" x14ac:dyDescent="0.25">
      <c r="A1433">
        <v>0.48</v>
      </c>
      <c r="B1433">
        <v>1.02</v>
      </c>
      <c r="C1433">
        <v>0.31</v>
      </c>
    </row>
    <row r="1434" spans="1:3" x14ac:dyDescent="0.25">
      <c r="A1434">
        <v>0.48</v>
      </c>
      <c r="B1434">
        <v>1.17</v>
      </c>
      <c r="C1434">
        <v>0.8</v>
      </c>
    </row>
    <row r="1435" spans="1:3" x14ac:dyDescent="0.25">
      <c r="A1435">
        <v>0.48</v>
      </c>
      <c r="B1435">
        <v>1.17</v>
      </c>
      <c r="C1435">
        <v>0.25</v>
      </c>
    </row>
    <row r="1436" spans="1:3" x14ac:dyDescent="0.25">
      <c r="A1436">
        <v>0.48</v>
      </c>
      <c r="B1436">
        <v>1.21</v>
      </c>
      <c r="C1436">
        <v>0.1</v>
      </c>
    </row>
    <row r="1437" spans="1:3" x14ac:dyDescent="0.25">
      <c r="A1437">
        <v>0.48</v>
      </c>
      <c r="B1437">
        <v>1.22</v>
      </c>
      <c r="C1437">
        <v>0.62</v>
      </c>
    </row>
    <row r="1438" spans="1:3" x14ac:dyDescent="0.25">
      <c r="A1438">
        <v>0.48</v>
      </c>
      <c r="B1438">
        <v>1.25</v>
      </c>
      <c r="C1438">
        <v>0.56999999999999995</v>
      </c>
    </row>
    <row r="1439" spans="1:3" x14ac:dyDescent="0.25">
      <c r="A1439">
        <v>0.48</v>
      </c>
      <c r="B1439">
        <v>1.26</v>
      </c>
      <c r="C1439">
        <v>0.57999999999999996</v>
      </c>
    </row>
    <row r="1440" spans="1:3" x14ac:dyDescent="0.25">
      <c r="A1440">
        <v>0.48</v>
      </c>
      <c r="B1440">
        <v>1.31</v>
      </c>
      <c r="C1440">
        <v>0.53</v>
      </c>
    </row>
    <row r="1441" spans="1:3" x14ac:dyDescent="0.25">
      <c r="A1441">
        <v>0.48</v>
      </c>
      <c r="B1441">
        <v>1.33</v>
      </c>
      <c r="C1441">
        <v>0.9</v>
      </c>
    </row>
    <row r="1442" spans="1:3" x14ac:dyDescent="0.25">
      <c r="A1442">
        <v>0.48</v>
      </c>
      <c r="B1442">
        <v>1.42</v>
      </c>
      <c r="C1442">
        <v>0.33</v>
      </c>
    </row>
    <row r="1443" spans="1:3" x14ac:dyDescent="0.25">
      <c r="A1443">
        <v>0.48</v>
      </c>
      <c r="B1443">
        <v>1.43</v>
      </c>
      <c r="C1443">
        <v>0.1</v>
      </c>
    </row>
    <row r="1444" spans="1:3" x14ac:dyDescent="0.25">
      <c r="A1444">
        <v>0.48</v>
      </c>
      <c r="B1444">
        <v>1.46</v>
      </c>
      <c r="C1444">
        <v>0.69</v>
      </c>
    </row>
    <row r="1445" spans="1:3" x14ac:dyDescent="0.25">
      <c r="A1445">
        <v>0.49</v>
      </c>
      <c r="B1445">
        <v>0.51</v>
      </c>
      <c r="C1445">
        <v>0.56999999999999995</v>
      </c>
    </row>
    <row r="1446" spans="1:3" x14ac:dyDescent="0.25">
      <c r="A1446">
        <v>0.49</v>
      </c>
      <c r="B1446">
        <v>0.52</v>
      </c>
      <c r="C1446">
        <v>0.66</v>
      </c>
    </row>
    <row r="1447" spans="1:3" x14ac:dyDescent="0.25">
      <c r="A1447">
        <v>0.49</v>
      </c>
      <c r="B1447">
        <v>0.56000000000000005</v>
      </c>
      <c r="C1447">
        <v>0.19</v>
      </c>
    </row>
    <row r="1448" spans="1:3" x14ac:dyDescent="0.25">
      <c r="A1448">
        <v>0.49</v>
      </c>
      <c r="B1448">
        <v>0.57999999999999996</v>
      </c>
      <c r="C1448">
        <v>0.55000000000000004</v>
      </c>
    </row>
    <row r="1449" spans="1:3" x14ac:dyDescent="0.25">
      <c r="A1449">
        <v>0.49</v>
      </c>
      <c r="B1449">
        <v>0.61</v>
      </c>
      <c r="C1449">
        <v>0.16</v>
      </c>
    </row>
    <row r="1450" spans="1:3" x14ac:dyDescent="0.25">
      <c r="A1450">
        <v>0.49</v>
      </c>
      <c r="B1450">
        <v>0.63</v>
      </c>
      <c r="C1450">
        <v>0.67</v>
      </c>
    </row>
    <row r="1451" spans="1:3" x14ac:dyDescent="0.25">
      <c r="A1451">
        <v>0.49</v>
      </c>
      <c r="B1451">
        <v>0.66</v>
      </c>
      <c r="C1451">
        <v>0.87</v>
      </c>
    </row>
    <row r="1452" spans="1:3" x14ac:dyDescent="0.25">
      <c r="A1452">
        <v>0.49</v>
      </c>
      <c r="B1452">
        <v>0.7</v>
      </c>
      <c r="C1452">
        <v>0.64</v>
      </c>
    </row>
    <row r="1453" spans="1:3" x14ac:dyDescent="0.25">
      <c r="A1453">
        <v>0.49</v>
      </c>
      <c r="B1453">
        <v>0.91</v>
      </c>
      <c r="C1453">
        <v>0.61</v>
      </c>
    </row>
    <row r="1454" spans="1:3" x14ac:dyDescent="0.25">
      <c r="A1454">
        <v>0.49</v>
      </c>
      <c r="B1454">
        <v>0.94</v>
      </c>
      <c r="C1454">
        <v>0.42</v>
      </c>
    </row>
    <row r="1455" spans="1:3" x14ac:dyDescent="0.25">
      <c r="A1455">
        <v>0.49</v>
      </c>
      <c r="B1455">
        <v>0.94</v>
      </c>
      <c r="C1455">
        <v>0.51</v>
      </c>
    </row>
    <row r="1456" spans="1:3" x14ac:dyDescent="0.25">
      <c r="A1456">
        <v>0.49</v>
      </c>
      <c r="B1456">
        <v>1.07</v>
      </c>
      <c r="C1456">
        <v>0.59</v>
      </c>
    </row>
    <row r="1457" spans="1:3" x14ac:dyDescent="0.25">
      <c r="A1457">
        <v>0.49</v>
      </c>
      <c r="B1457">
        <v>1.19</v>
      </c>
      <c r="C1457">
        <v>0.44</v>
      </c>
    </row>
    <row r="1458" spans="1:3" x14ac:dyDescent="0.25">
      <c r="A1458">
        <v>0.49</v>
      </c>
      <c r="B1458">
        <v>1.23</v>
      </c>
      <c r="C1458">
        <v>0.82</v>
      </c>
    </row>
    <row r="1459" spans="1:3" x14ac:dyDescent="0.25">
      <c r="A1459">
        <v>0.49</v>
      </c>
      <c r="B1459">
        <v>1.26</v>
      </c>
      <c r="C1459">
        <v>0.51</v>
      </c>
    </row>
    <row r="1460" spans="1:3" x14ac:dyDescent="0.25">
      <c r="A1460">
        <v>0.49</v>
      </c>
      <c r="B1460">
        <v>1.27</v>
      </c>
      <c r="C1460">
        <v>0.74</v>
      </c>
    </row>
    <row r="1461" spans="1:3" x14ac:dyDescent="0.25">
      <c r="A1461">
        <v>0.49</v>
      </c>
      <c r="B1461">
        <v>1.3</v>
      </c>
      <c r="C1461">
        <v>0.79</v>
      </c>
    </row>
    <row r="1462" spans="1:3" x14ac:dyDescent="0.25">
      <c r="A1462">
        <v>0.49</v>
      </c>
      <c r="B1462">
        <v>1.33</v>
      </c>
      <c r="C1462">
        <v>0.51</v>
      </c>
    </row>
    <row r="1463" spans="1:3" x14ac:dyDescent="0.25">
      <c r="A1463">
        <v>0.49</v>
      </c>
      <c r="B1463">
        <v>1.36</v>
      </c>
      <c r="C1463">
        <v>0.34</v>
      </c>
    </row>
    <row r="1464" spans="1:3" x14ac:dyDescent="0.25">
      <c r="A1464">
        <v>0.49</v>
      </c>
      <c r="B1464">
        <v>1.36</v>
      </c>
      <c r="C1464">
        <v>0.81</v>
      </c>
    </row>
    <row r="1465" spans="1:3" x14ac:dyDescent="0.25">
      <c r="A1465">
        <v>0.49</v>
      </c>
      <c r="B1465">
        <v>1.41</v>
      </c>
      <c r="C1465">
        <v>0.54</v>
      </c>
    </row>
    <row r="1466" spans="1:3" x14ac:dyDescent="0.25">
      <c r="A1466">
        <v>0.49</v>
      </c>
      <c r="B1466">
        <v>1.41</v>
      </c>
      <c r="C1466">
        <v>0.91</v>
      </c>
    </row>
    <row r="1467" spans="1:3" x14ac:dyDescent="0.25">
      <c r="A1467">
        <v>0.49</v>
      </c>
      <c r="B1467">
        <v>1.43</v>
      </c>
      <c r="C1467">
        <v>0.55000000000000004</v>
      </c>
    </row>
    <row r="1468" spans="1:3" x14ac:dyDescent="0.25">
      <c r="A1468">
        <v>0.49</v>
      </c>
      <c r="B1468">
        <v>1.43</v>
      </c>
      <c r="C1468">
        <v>0.77</v>
      </c>
    </row>
    <row r="1469" spans="1:3" x14ac:dyDescent="0.25">
      <c r="A1469">
        <v>0.49</v>
      </c>
      <c r="B1469">
        <v>1.47</v>
      </c>
      <c r="C1469">
        <v>0.62</v>
      </c>
    </row>
    <row r="1470" spans="1:3" x14ac:dyDescent="0.25">
      <c r="A1470">
        <v>0.49</v>
      </c>
      <c r="B1470">
        <v>1.47</v>
      </c>
      <c r="C1470">
        <v>0.61</v>
      </c>
    </row>
    <row r="1471" spans="1:3" x14ac:dyDescent="0.25">
      <c r="A1471">
        <v>0.5</v>
      </c>
      <c r="B1471">
        <v>0.51</v>
      </c>
      <c r="C1471">
        <v>0.85</v>
      </c>
    </row>
    <row r="1472" spans="1:3" x14ac:dyDescent="0.25">
      <c r="A1472">
        <v>0.5</v>
      </c>
      <c r="B1472">
        <v>0.52</v>
      </c>
      <c r="C1472">
        <v>0.14000000000000001</v>
      </c>
    </row>
    <row r="1473" spans="1:3" x14ac:dyDescent="0.25">
      <c r="A1473">
        <v>0.5</v>
      </c>
      <c r="B1473">
        <v>0.56999999999999995</v>
      </c>
      <c r="C1473">
        <v>0.15</v>
      </c>
    </row>
    <row r="1474" spans="1:3" x14ac:dyDescent="0.25">
      <c r="A1474">
        <v>0.5</v>
      </c>
      <c r="B1474">
        <v>0.57999999999999996</v>
      </c>
      <c r="C1474">
        <v>0.55000000000000004</v>
      </c>
    </row>
    <row r="1475" spans="1:3" x14ac:dyDescent="0.25">
      <c r="A1475">
        <v>0.5</v>
      </c>
      <c r="B1475">
        <v>0.6</v>
      </c>
      <c r="C1475">
        <v>0.4</v>
      </c>
    </row>
    <row r="1476" spans="1:3" x14ac:dyDescent="0.25">
      <c r="A1476">
        <v>0.5</v>
      </c>
      <c r="B1476">
        <v>0.64</v>
      </c>
      <c r="C1476">
        <v>0.64</v>
      </c>
    </row>
    <row r="1477" spans="1:3" x14ac:dyDescent="0.25">
      <c r="A1477">
        <v>0.5</v>
      </c>
      <c r="B1477">
        <v>0.66</v>
      </c>
      <c r="C1477">
        <v>0.79</v>
      </c>
    </row>
    <row r="1478" spans="1:3" x14ac:dyDescent="0.25">
      <c r="A1478">
        <v>0.5</v>
      </c>
      <c r="B1478">
        <v>0.71</v>
      </c>
      <c r="C1478">
        <v>0.32</v>
      </c>
    </row>
    <row r="1479" spans="1:3" x14ac:dyDescent="0.25">
      <c r="A1479">
        <v>0.5</v>
      </c>
      <c r="B1479">
        <v>0.8</v>
      </c>
      <c r="C1479">
        <v>0.41</v>
      </c>
    </row>
    <row r="1480" spans="1:3" x14ac:dyDescent="0.25">
      <c r="A1480">
        <v>0.5</v>
      </c>
      <c r="B1480">
        <v>0.83</v>
      </c>
      <c r="C1480">
        <v>0.14000000000000001</v>
      </c>
    </row>
    <row r="1481" spans="1:3" x14ac:dyDescent="0.25">
      <c r="A1481">
        <v>0.5</v>
      </c>
      <c r="B1481">
        <v>0.84</v>
      </c>
      <c r="C1481">
        <v>0.55000000000000004</v>
      </c>
    </row>
    <row r="1482" spans="1:3" x14ac:dyDescent="0.25">
      <c r="A1482">
        <v>0.5</v>
      </c>
      <c r="B1482">
        <v>0.86</v>
      </c>
      <c r="C1482">
        <v>0.35</v>
      </c>
    </row>
    <row r="1483" spans="1:3" x14ac:dyDescent="0.25">
      <c r="A1483">
        <v>0.5</v>
      </c>
      <c r="B1483">
        <v>0.87</v>
      </c>
      <c r="C1483">
        <v>0.6</v>
      </c>
    </row>
    <row r="1484" spans="1:3" x14ac:dyDescent="0.25">
      <c r="A1484">
        <v>0.5</v>
      </c>
      <c r="B1484">
        <v>0.89</v>
      </c>
      <c r="C1484">
        <v>0.17</v>
      </c>
    </row>
    <row r="1485" spans="1:3" x14ac:dyDescent="0.25">
      <c r="A1485">
        <v>0.5</v>
      </c>
      <c r="B1485">
        <v>0.9</v>
      </c>
      <c r="C1485">
        <v>0.39</v>
      </c>
    </row>
    <row r="1486" spans="1:3" x14ac:dyDescent="0.25">
      <c r="A1486">
        <v>0.5</v>
      </c>
      <c r="B1486">
        <v>0.91</v>
      </c>
      <c r="C1486">
        <v>0.67</v>
      </c>
    </row>
    <row r="1487" spans="1:3" x14ac:dyDescent="0.25">
      <c r="A1487">
        <v>0.5</v>
      </c>
      <c r="B1487">
        <v>0.92</v>
      </c>
      <c r="C1487">
        <v>0.38</v>
      </c>
    </row>
    <row r="1488" spans="1:3" x14ac:dyDescent="0.25">
      <c r="A1488">
        <v>0.5</v>
      </c>
      <c r="B1488">
        <v>0.95</v>
      </c>
      <c r="C1488">
        <v>0.61</v>
      </c>
    </row>
    <row r="1489" spans="1:3" x14ac:dyDescent="0.25">
      <c r="A1489">
        <v>0.5</v>
      </c>
      <c r="B1489">
        <v>0.95</v>
      </c>
      <c r="C1489">
        <v>0.9</v>
      </c>
    </row>
    <row r="1490" spans="1:3" x14ac:dyDescent="0.25">
      <c r="A1490">
        <v>0.5</v>
      </c>
      <c r="B1490">
        <v>1.01</v>
      </c>
      <c r="C1490">
        <v>0.44</v>
      </c>
    </row>
    <row r="1491" spans="1:3" x14ac:dyDescent="0.25">
      <c r="A1491">
        <v>0.5</v>
      </c>
      <c r="B1491">
        <v>1.02</v>
      </c>
      <c r="C1491">
        <v>0.55000000000000004</v>
      </c>
    </row>
    <row r="1492" spans="1:3" x14ac:dyDescent="0.25">
      <c r="A1492">
        <v>0.5</v>
      </c>
      <c r="B1492">
        <v>1.07</v>
      </c>
      <c r="C1492">
        <v>0.88</v>
      </c>
    </row>
    <row r="1493" spans="1:3" x14ac:dyDescent="0.25">
      <c r="A1493">
        <v>0.5</v>
      </c>
      <c r="B1493">
        <v>1.1100000000000001</v>
      </c>
      <c r="C1493">
        <v>0.82</v>
      </c>
    </row>
    <row r="1494" spans="1:3" x14ac:dyDescent="0.25">
      <c r="A1494">
        <v>0.5</v>
      </c>
      <c r="B1494">
        <v>1.1200000000000001</v>
      </c>
      <c r="C1494">
        <v>0.43</v>
      </c>
    </row>
    <row r="1495" spans="1:3" x14ac:dyDescent="0.25">
      <c r="A1495">
        <v>0.5</v>
      </c>
      <c r="B1495">
        <v>1.17</v>
      </c>
      <c r="C1495">
        <v>0.33</v>
      </c>
    </row>
    <row r="1496" spans="1:3" x14ac:dyDescent="0.25">
      <c r="A1496">
        <v>0.5</v>
      </c>
      <c r="B1496">
        <v>1.2</v>
      </c>
      <c r="C1496">
        <v>0.33</v>
      </c>
    </row>
    <row r="1497" spans="1:3" x14ac:dyDescent="0.25">
      <c r="A1497">
        <v>0.5</v>
      </c>
      <c r="B1497">
        <v>1.21</v>
      </c>
      <c r="C1497">
        <v>0.83</v>
      </c>
    </row>
    <row r="1498" spans="1:3" x14ac:dyDescent="0.25">
      <c r="A1498">
        <v>0.5</v>
      </c>
      <c r="B1498">
        <v>1.33</v>
      </c>
      <c r="C1498">
        <v>0.9</v>
      </c>
    </row>
    <row r="1499" spans="1:3" x14ac:dyDescent="0.25">
      <c r="A1499">
        <v>0.5</v>
      </c>
      <c r="B1499">
        <v>1.39</v>
      </c>
      <c r="C1499">
        <v>0.64</v>
      </c>
    </row>
    <row r="1500" spans="1:3" x14ac:dyDescent="0.25">
      <c r="A1500">
        <v>0.5</v>
      </c>
      <c r="B1500">
        <v>1.45</v>
      </c>
      <c r="C1500">
        <v>0.84</v>
      </c>
    </row>
    <row r="1501" spans="1:3" x14ac:dyDescent="0.25">
      <c r="A1501">
        <v>0.5</v>
      </c>
      <c r="B1501">
        <v>1.48</v>
      </c>
      <c r="C1501">
        <v>0.68</v>
      </c>
    </row>
    <row r="1502" spans="1:3" x14ac:dyDescent="0.25">
      <c r="A1502">
        <v>0.5</v>
      </c>
      <c r="B1502">
        <v>1.5</v>
      </c>
      <c r="C1502">
        <v>0.82</v>
      </c>
    </row>
    <row r="1503" spans="1:3" x14ac:dyDescent="0.25">
      <c r="A1503">
        <v>0.51</v>
      </c>
      <c r="B1503">
        <v>0.51</v>
      </c>
      <c r="C1503">
        <v>0.42</v>
      </c>
    </row>
    <row r="1504" spans="1:3" x14ac:dyDescent="0.25">
      <c r="A1504">
        <v>0.51</v>
      </c>
      <c r="B1504">
        <v>0.61</v>
      </c>
      <c r="C1504">
        <v>0.33</v>
      </c>
    </row>
    <row r="1505" spans="1:3" x14ac:dyDescent="0.25">
      <c r="A1505">
        <v>0.51</v>
      </c>
      <c r="B1505">
        <v>0.62</v>
      </c>
      <c r="C1505">
        <v>0.46</v>
      </c>
    </row>
    <row r="1506" spans="1:3" x14ac:dyDescent="0.25">
      <c r="A1506">
        <v>0.51</v>
      </c>
      <c r="B1506">
        <v>0.68</v>
      </c>
      <c r="C1506">
        <v>0.62</v>
      </c>
    </row>
    <row r="1507" spans="1:3" x14ac:dyDescent="0.25">
      <c r="A1507">
        <v>0.51</v>
      </c>
      <c r="B1507">
        <v>0.7</v>
      </c>
      <c r="C1507">
        <v>0.43</v>
      </c>
    </row>
    <row r="1508" spans="1:3" x14ac:dyDescent="0.25">
      <c r="A1508">
        <v>0.51</v>
      </c>
      <c r="B1508">
        <v>0.78</v>
      </c>
      <c r="C1508">
        <v>0.12</v>
      </c>
    </row>
    <row r="1509" spans="1:3" x14ac:dyDescent="0.25">
      <c r="A1509">
        <v>0.51</v>
      </c>
      <c r="B1509">
        <v>0.8</v>
      </c>
      <c r="C1509">
        <v>0.36</v>
      </c>
    </row>
    <row r="1510" spans="1:3" x14ac:dyDescent="0.25">
      <c r="A1510">
        <v>0.51</v>
      </c>
      <c r="B1510">
        <v>0.8</v>
      </c>
      <c r="C1510">
        <v>0.63</v>
      </c>
    </row>
    <row r="1511" spans="1:3" x14ac:dyDescent="0.25">
      <c r="A1511">
        <v>0.51</v>
      </c>
      <c r="B1511">
        <v>0.81</v>
      </c>
      <c r="C1511">
        <v>0.81</v>
      </c>
    </row>
    <row r="1512" spans="1:3" x14ac:dyDescent="0.25">
      <c r="A1512">
        <v>0.51</v>
      </c>
      <c r="B1512">
        <v>0.82</v>
      </c>
      <c r="C1512">
        <v>0.54</v>
      </c>
    </row>
    <row r="1513" spans="1:3" x14ac:dyDescent="0.25">
      <c r="A1513">
        <v>0.51</v>
      </c>
      <c r="B1513">
        <v>0.85</v>
      </c>
      <c r="C1513">
        <v>0.37</v>
      </c>
    </row>
    <row r="1514" spans="1:3" x14ac:dyDescent="0.25">
      <c r="A1514">
        <v>0.51</v>
      </c>
      <c r="B1514">
        <v>0.87</v>
      </c>
      <c r="C1514">
        <v>0.48</v>
      </c>
    </row>
    <row r="1515" spans="1:3" x14ac:dyDescent="0.25">
      <c r="A1515">
        <v>0.51</v>
      </c>
      <c r="B1515">
        <v>0.92</v>
      </c>
      <c r="C1515">
        <v>0.48</v>
      </c>
    </row>
    <row r="1516" spans="1:3" x14ac:dyDescent="0.25">
      <c r="A1516">
        <v>0.51</v>
      </c>
      <c r="B1516">
        <v>0.96</v>
      </c>
      <c r="C1516">
        <v>0.7</v>
      </c>
    </row>
    <row r="1517" spans="1:3" x14ac:dyDescent="0.25">
      <c r="A1517">
        <v>0.51</v>
      </c>
      <c r="B1517">
        <v>0.96</v>
      </c>
      <c r="C1517">
        <v>0.86</v>
      </c>
    </row>
    <row r="1518" spans="1:3" x14ac:dyDescent="0.25">
      <c r="A1518">
        <v>0.51</v>
      </c>
      <c r="B1518">
        <v>0.97</v>
      </c>
      <c r="C1518">
        <v>0.24</v>
      </c>
    </row>
    <row r="1519" spans="1:3" x14ac:dyDescent="0.25">
      <c r="A1519">
        <v>0.51</v>
      </c>
      <c r="B1519">
        <v>0.99</v>
      </c>
      <c r="C1519">
        <v>0.62</v>
      </c>
    </row>
    <row r="1520" spans="1:3" x14ac:dyDescent="0.25">
      <c r="A1520">
        <v>0.51</v>
      </c>
      <c r="B1520">
        <v>1</v>
      </c>
      <c r="C1520">
        <v>0.08</v>
      </c>
    </row>
    <row r="1521" spans="1:3" x14ac:dyDescent="0.25">
      <c r="A1521">
        <v>0.51</v>
      </c>
      <c r="B1521">
        <v>1</v>
      </c>
      <c r="C1521">
        <v>0.43</v>
      </c>
    </row>
    <row r="1522" spans="1:3" x14ac:dyDescent="0.25">
      <c r="A1522">
        <v>0.51</v>
      </c>
      <c r="B1522">
        <v>1.04</v>
      </c>
      <c r="C1522">
        <v>0.4</v>
      </c>
    </row>
    <row r="1523" spans="1:3" x14ac:dyDescent="0.25">
      <c r="A1523">
        <v>0.51</v>
      </c>
      <c r="B1523">
        <v>1.04</v>
      </c>
      <c r="C1523">
        <v>0.87</v>
      </c>
    </row>
    <row r="1524" spans="1:3" x14ac:dyDescent="0.25">
      <c r="A1524">
        <v>0.51</v>
      </c>
      <c r="B1524">
        <v>1.1299999999999999</v>
      </c>
      <c r="C1524">
        <v>0.4</v>
      </c>
    </row>
    <row r="1525" spans="1:3" x14ac:dyDescent="0.25">
      <c r="A1525">
        <v>0.51</v>
      </c>
      <c r="B1525">
        <v>1.17</v>
      </c>
      <c r="C1525">
        <v>0.26</v>
      </c>
    </row>
    <row r="1526" spans="1:3" x14ac:dyDescent="0.25">
      <c r="A1526">
        <v>0.51</v>
      </c>
      <c r="B1526">
        <v>1.17</v>
      </c>
      <c r="C1526">
        <v>0.8</v>
      </c>
    </row>
    <row r="1527" spans="1:3" x14ac:dyDescent="0.25">
      <c r="A1527">
        <v>0.51</v>
      </c>
      <c r="B1527">
        <v>1.18</v>
      </c>
      <c r="C1527">
        <v>0.47</v>
      </c>
    </row>
    <row r="1528" spans="1:3" x14ac:dyDescent="0.25">
      <c r="A1528">
        <v>0.51</v>
      </c>
      <c r="B1528">
        <v>1.18</v>
      </c>
      <c r="C1528">
        <v>0.31</v>
      </c>
    </row>
    <row r="1529" spans="1:3" x14ac:dyDescent="0.25">
      <c r="A1529">
        <v>0.51</v>
      </c>
      <c r="B1529">
        <v>1.24</v>
      </c>
      <c r="C1529">
        <v>0.56999999999999995</v>
      </c>
    </row>
    <row r="1530" spans="1:3" x14ac:dyDescent="0.25">
      <c r="A1530">
        <v>0.51</v>
      </c>
      <c r="B1530">
        <v>1.26</v>
      </c>
      <c r="C1530">
        <v>0.09</v>
      </c>
    </row>
    <row r="1531" spans="1:3" x14ac:dyDescent="0.25">
      <c r="A1531">
        <v>0.51</v>
      </c>
      <c r="B1531">
        <v>1.31</v>
      </c>
      <c r="C1531">
        <v>0.32</v>
      </c>
    </row>
    <row r="1532" spans="1:3" x14ac:dyDescent="0.25">
      <c r="A1532">
        <v>0.51</v>
      </c>
      <c r="B1532">
        <v>1.31</v>
      </c>
      <c r="C1532">
        <v>0.59</v>
      </c>
    </row>
    <row r="1533" spans="1:3" x14ac:dyDescent="0.25">
      <c r="A1533">
        <v>0.51</v>
      </c>
      <c r="B1533">
        <v>1.31</v>
      </c>
      <c r="C1533">
        <v>0.89</v>
      </c>
    </row>
    <row r="1534" spans="1:3" x14ac:dyDescent="0.25">
      <c r="A1534">
        <v>0.51</v>
      </c>
      <c r="B1534">
        <v>1.34</v>
      </c>
      <c r="C1534">
        <v>0.43</v>
      </c>
    </row>
    <row r="1535" spans="1:3" x14ac:dyDescent="0.25">
      <c r="A1535">
        <v>0.52</v>
      </c>
      <c r="B1535">
        <v>0.54</v>
      </c>
      <c r="C1535">
        <v>0.39</v>
      </c>
    </row>
    <row r="1536" spans="1:3" x14ac:dyDescent="0.25">
      <c r="A1536">
        <v>0.52</v>
      </c>
      <c r="B1536">
        <v>0.56999999999999995</v>
      </c>
      <c r="C1536">
        <v>0.14000000000000001</v>
      </c>
    </row>
    <row r="1537" spans="1:3" x14ac:dyDescent="0.25">
      <c r="A1537">
        <v>0.52</v>
      </c>
      <c r="B1537">
        <v>0.61</v>
      </c>
      <c r="C1537">
        <v>0.27</v>
      </c>
    </row>
    <row r="1538" spans="1:3" x14ac:dyDescent="0.25">
      <c r="A1538">
        <v>0.52</v>
      </c>
      <c r="B1538">
        <v>0.62</v>
      </c>
      <c r="C1538">
        <v>0.64</v>
      </c>
    </row>
    <row r="1539" spans="1:3" x14ac:dyDescent="0.25">
      <c r="A1539">
        <v>0.52</v>
      </c>
      <c r="B1539">
        <v>0.62</v>
      </c>
      <c r="C1539">
        <v>0.39</v>
      </c>
    </row>
    <row r="1540" spans="1:3" x14ac:dyDescent="0.25">
      <c r="A1540">
        <v>0.52</v>
      </c>
      <c r="B1540">
        <v>0.63</v>
      </c>
      <c r="C1540">
        <v>0.35</v>
      </c>
    </row>
    <row r="1541" spans="1:3" x14ac:dyDescent="0.25">
      <c r="A1541">
        <v>0.52</v>
      </c>
      <c r="B1541">
        <v>0.64</v>
      </c>
      <c r="C1541">
        <v>0.38</v>
      </c>
    </row>
    <row r="1542" spans="1:3" x14ac:dyDescent="0.25">
      <c r="A1542">
        <v>0.52</v>
      </c>
      <c r="B1542">
        <v>0.64</v>
      </c>
      <c r="C1542">
        <v>0.81</v>
      </c>
    </row>
    <row r="1543" spans="1:3" x14ac:dyDescent="0.25">
      <c r="A1543">
        <v>0.52</v>
      </c>
      <c r="B1543">
        <v>0.65</v>
      </c>
      <c r="C1543">
        <v>0.23</v>
      </c>
    </row>
    <row r="1544" spans="1:3" x14ac:dyDescent="0.25">
      <c r="A1544">
        <v>0.52</v>
      </c>
      <c r="B1544">
        <v>0.67</v>
      </c>
      <c r="C1544">
        <v>0.62</v>
      </c>
    </row>
    <row r="1545" spans="1:3" x14ac:dyDescent="0.25">
      <c r="A1545">
        <v>0.52</v>
      </c>
      <c r="B1545">
        <v>0.8</v>
      </c>
      <c r="C1545">
        <v>0.4</v>
      </c>
    </row>
    <row r="1546" spans="1:3" x14ac:dyDescent="0.25">
      <c r="A1546">
        <v>0.52</v>
      </c>
      <c r="B1546">
        <v>0.8</v>
      </c>
      <c r="C1546">
        <v>0.59</v>
      </c>
    </row>
    <row r="1547" spans="1:3" x14ac:dyDescent="0.25">
      <c r="A1547">
        <v>0.52</v>
      </c>
      <c r="B1547">
        <v>0.89</v>
      </c>
      <c r="C1547">
        <v>0.89</v>
      </c>
    </row>
    <row r="1548" spans="1:3" x14ac:dyDescent="0.25">
      <c r="A1548">
        <v>0.52</v>
      </c>
      <c r="B1548">
        <v>1.04</v>
      </c>
      <c r="C1548">
        <v>0.51</v>
      </c>
    </row>
    <row r="1549" spans="1:3" x14ac:dyDescent="0.25">
      <c r="A1549">
        <v>0.52</v>
      </c>
      <c r="B1549">
        <v>1.04</v>
      </c>
      <c r="C1549">
        <v>0.43</v>
      </c>
    </row>
    <row r="1550" spans="1:3" x14ac:dyDescent="0.25">
      <c r="A1550">
        <v>0.52</v>
      </c>
      <c r="B1550">
        <v>1.06</v>
      </c>
      <c r="C1550">
        <v>0.59</v>
      </c>
    </row>
    <row r="1551" spans="1:3" x14ac:dyDescent="0.25">
      <c r="A1551">
        <v>0.52</v>
      </c>
      <c r="B1551">
        <v>1.07</v>
      </c>
      <c r="C1551">
        <v>0.3</v>
      </c>
    </row>
    <row r="1552" spans="1:3" x14ac:dyDescent="0.25">
      <c r="A1552">
        <v>0.52</v>
      </c>
      <c r="B1552">
        <v>1.08</v>
      </c>
      <c r="C1552">
        <v>0.89</v>
      </c>
    </row>
    <row r="1553" spans="1:3" x14ac:dyDescent="0.25">
      <c r="A1553">
        <v>0.52</v>
      </c>
      <c r="B1553">
        <v>1.08</v>
      </c>
      <c r="C1553">
        <v>0.24</v>
      </c>
    </row>
    <row r="1554" spans="1:3" x14ac:dyDescent="0.25">
      <c r="A1554">
        <v>0.52</v>
      </c>
      <c r="B1554">
        <v>1.1299999999999999</v>
      </c>
      <c r="C1554">
        <v>0.22</v>
      </c>
    </row>
    <row r="1555" spans="1:3" x14ac:dyDescent="0.25">
      <c r="A1555">
        <v>0.52</v>
      </c>
      <c r="B1555">
        <v>1.17</v>
      </c>
      <c r="C1555">
        <v>0.32</v>
      </c>
    </row>
    <row r="1556" spans="1:3" x14ac:dyDescent="0.25">
      <c r="A1556">
        <v>0.52</v>
      </c>
      <c r="B1556">
        <v>1.17</v>
      </c>
      <c r="C1556">
        <v>0.72</v>
      </c>
    </row>
    <row r="1557" spans="1:3" x14ac:dyDescent="0.25">
      <c r="A1557">
        <v>0.52</v>
      </c>
      <c r="B1557">
        <v>1.2</v>
      </c>
      <c r="C1557">
        <v>0.37</v>
      </c>
    </row>
    <row r="1558" spans="1:3" x14ac:dyDescent="0.25">
      <c r="A1558">
        <v>0.52</v>
      </c>
      <c r="B1558">
        <v>1.23</v>
      </c>
      <c r="C1558">
        <v>0.31</v>
      </c>
    </row>
    <row r="1559" spans="1:3" x14ac:dyDescent="0.25">
      <c r="A1559">
        <v>0.52</v>
      </c>
      <c r="B1559">
        <v>1.24</v>
      </c>
      <c r="C1559">
        <v>0.19</v>
      </c>
    </row>
    <row r="1560" spans="1:3" x14ac:dyDescent="0.25">
      <c r="A1560">
        <v>0.52</v>
      </c>
      <c r="B1560">
        <v>1.25</v>
      </c>
      <c r="C1560">
        <v>0.08</v>
      </c>
    </row>
    <row r="1561" spans="1:3" x14ac:dyDescent="0.25">
      <c r="A1561">
        <v>0.52</v>
      </c>
      <c r="B1561">
        <v>1.26</v>
      </c>
      <c r="C1561">
        <v>0.43</v>
      </c>
    </row>
    <row r="1562" spans="1:3" x14ac:dyDescent="0.25">
      <c r="A1562">
        <v>0.52</v>
      </c>
      <c r="B1562">
        <v>1.33</v>
      </c>
      <c r="C1562">
        <v>0.47</v>
      </c>
    </row>
    <row r="1563" spans="1:3" x14ac:dyDescent="0.25">
      <c r="A1563">
        <v>0.52</v>
      </c>
      <c r="B1563">
        <v>1.4</v>
      </c>
      <c r="C1563">
        <v>0.38</v>
      </c>
    </row>
    <row r="1564" spans="1:3" x14ac:dyDescent="0.25">
      <c r="A1564">
        <v>0.52</v>
      </c>
      <c r="B1564">
        <v>1.45</v>
      </c>
      <c r="C1564">
        <v>0.56000000000000005</v>
      </c>
    </row>
    <row r="1565" spans="1:3" x14ac:dyDescent="0.25">
      <c r="A1565">
        <v>0.52</v>
      </c>
      <c r="B1565">
        <v>1.45</v>
      </c>
      <c r="C1565">
        <v>0.82</v>
      </c>
    </row>
    <row r="1566" spans="1:3" x14ac:dyDescent="0.25">
      <c r="A1566">
        <v>0.52</v>
      </c>
      <c r="B1566">
        <v>1.46</v>
      </c>
      <c r="C1566">
        <v>0.64</v>
      </c>
    </row>
    <row r="1567" spans="1:3" x14ac:dyDescent="0.25">
      <c r="A1567">
        <v>0.53</v>
      </c>
      <c r="B1567">
        <v>0.5</v>
      </c>
      <c r="C1567">
        <v>0.25</v>
      </c>
    </row>
    <row r="1568" spans="1:3" x14ac:dyDescent="0.25">
      <c r="A1568">
        <v>0.53</v>
      </c>
      <c r="B1568">
        <v>0.52</v>
      </c>
      <c r="C1568">
        <v>0.36</v>
      </c>
    </row>
    <row r="1569" spans="1:3" x14ac:dyDescent="0.25">
      <c r="A1569">
        <v>0.53</v>
      </c>
      <c r="B1569">
        <v>0.53</v>
      </c>
      <c r="C1569">
        <v>0.49</v>
      </c>
    </row>
    <row r="1570" spans="1:3" x14ac:dyDescent="0.25">
      <c r="A1570">
        <v>0.53</v>
      </c>
      <c r="B1570">
        <v>0.56000000000000005</v>
      </c>
      <c r="C1570">
        <v>0.73</v>
      </c>
    </row>
    <row r="1571" spans="1:3" x14ac:dyDescent="0.25">
      <c r="A1571">
        <v>0.53</v>
      </c>
      <c r="B1571">
        <v>0.56000000000000005</v>
      </c>
      <c r="C1571">
        <v>0.26</v>
      </c>
    </row>
    <row r="1572" spans="1:3" x14ac:dyDescent="0.25">
      <c r="A1572">
        <v>0.53</v>
      </c>
      <c r="B1572">
        <v>0.6</v>
      </c>
      <c r="C1572">
        <v>0.92</v>
      </c>
    </row>
    <row r="1573" spans="1:3" x14ac:dyDescent="0.25">
      <c r="A1573">
        <v>0.53</v>
      </c>
      <c r="B1573">
        <v>0.62</v>
      </c>
      <c r="C1573">
        <v>0.85</v>
      </c>
    </row>
    <row r="1574" spans="1:3" x14ac:dyDescent="0.25">
      <c r="A1574">
        <v>0.53</v>
      </c>
      <c r="B1574">
        <v>0.63</v>
      </c>
      <c r="C1574">
        <v>0.17</v>
      </c>
    </row>
    <row r="1575" spans="1:3" x14ac:dyDescent="0.25">
      <c r="A1575">
        <v>0.53</v>
      </c>
      <c r="B1575">
        <v>0.68</v>
      </c>
      <c r="C1575">
        <v>0.55000000000000004</v>
      </c>
    </row>
    <row r="1576" spans="1:3" x14ac:dyDescent="0.25">
      <c r="A1576">
        <v>0.53</v>
      </c>
      <c r="B1576">
        <v>0.69</v>
      </c>
      <c r="C1576">
        <v>0.16</v>
      </c>
    </row>
    <row r="1577" spans="1:3" x14ac:dyDescent="0.25">
      <c r="A1577">
        <v>0.53</v>
      </c>
      <c r="B1577">
        <v>0.73</v>
      </c>
      <c r="C1577">
        <v>0.35</v>
      </c>
    </row>
    <row r="1578" spans="1:3" x14ac:dyDescent="0.25">
      <c r="A1578">
        <v>0.53</v>
      </c>
      <c r="B1578">
        <v>0.78</v>
      </c>
      <c r="C1578">
        <v>0.92</v>
      </c>
    </row>
    <row r="1579" spans="1:3" x14ac:dyDescent="0.25">
      <c r="A1579">
        <v>0.53</v>
      </c>
      <c r="B1579">
        <v>0.79</v>
      </c>
      <c r="C1579">
        <v>0.35</v>
      </c>
    </row>
    <row r="1580" spans="1:3" x14ac:dyDescent="0.25">
      <c r="A1580">
        <v>0.53</v>
      </c>
      <c r="B1580">
        <v>0.87</v>
      </c>
      <c r="C1580">
        <v>0.05</v>
      </c>
    </row>
    <row r="1581" spans="1:3" x14ac:dyDescent="0.25">
      <c r="A1581">
        <v>0.53</v>
      </c>
      <c r="B1581">
        <v>0.87</v>
      </c>
      <c r="C1581">
        <v>0.17</v>
      </c>
    </row>
    <row r="1582" spans="1:3" x14ac:dyDescent="0.25">
      <c r="A1582">
        <v>0.53</v>
      </c>
      <c r="B1582">
        <v>0.88</v>
      </c>
      <c r="C1582">
        <v>0.36</v>
      </c>
    </row>
    <row r="1583" spans="1:3" x14ac:dyDescent="0.25">
      <c r="A1583">
        <v>0.53</v>
      </c>
      <c r="B1583">
        <v>0.88</v>
      </c>
      <c r="C1583">
        <v>0.45</v>
      </c>
    </row>
    <row r="1584" spans="1:3" x14ac:dyDescent="0.25">
      <c r="A1584">
        <v>0.53</v>
      </c>
      <c r="B1584">
        <v>0.91</v>
      </c>
      <c r="C1584">
        <v>0.44</v>
      </c>
    </row>
    <row r="1585" spans="1:3" x14ac:dyDescent="0.25">
      <c r="A1585">
        <v>0.53</v>
      </c>
      <c r="B1585">
        <v>0.91</v>
      </c>
      <c r="C1585">
        <v>0.77</v>
      </c>
    </row>
    <row r="1586" spans="1:3" x14ac:dyDescent="0.25">
      <c r="A1586">
        <v>0.53</v>
      </c>
      <c r="B1586">
        <v>0.91</v>
      </c>
      <c r="C1586">
        <v>0.86</v>
      </c>
    </row>
    <row r="1587" spans="1:3" x14ac:dyDescent="0.25">
      <c r="A1587">
        <v>0.53</v>
      </c>
      <c r="B1587">
        <v>0.98</v>
      </c>
      <c r="C1587">
        <v>0.22</v>
      </c>
    </row>
    <row r="1588" spans="1:3" x14ac:dyDescent="0.25">
      <c r="A1588">
        <v>0.53</v>
      </c>
      <c r="B1588">
        <v>1.05</v>
      </c>
      <c r="C1588">
        <v>0.28000000000000003</v>
      </c>
    </row>
    <row r="1589" spans="1:3" x14ac:dyDescent="0.25">
      <c r="A1589">
        <v>0.53</v>
      </c>
      <c r="B1589">
        <v>1.07</v>
      </c>
      <c r="C1589">
        <v>0.63</v>
      </c>
    </row>
    <row r="1590" spans="1:3" x14ac:dyDescent="0.25">
      <c r="A1590">
        <v>0.53</v>
      </c>
      <c r="B1590">
        <v>1.1299999999999999</v>
      </c>
      <c r="C1590">
        <v>0.45</v>
      </c>
    </row>
    <row r="1591" spans="1:3" x14ac:dyDescent="0.25">
      <c r="A1591">
        <v>0.53</v>
      </c>
      <c r="B1591">
        <v>1.1399999999999999</v>
      </c>
      <c r="C1591">
        <v>0.89</v>
      </c>
    </row>
    <row r="1592" spans="1:3" x14ac:dyDescent="0.25">
      <c r="A1592">
        <v>0.53</v>
      </c>
      <c r="B1592">
        <v>1.18</v>
      </c>
      <c r="C1592">
        <v>0.54</v>
      </c>
    </row>
    <row r="1593" spans="1:3" x14ac:dyDescent="0.25">
      <c r="A1593">
        <v>0.53</v>
      </c>
      <c r="B1593">
        <v>1.19</v>
      </c>
      <c r="C1593">
        <v>0.17</v>
      </c>
    </row>
    <row r="1594" spans="1:3" x14ac:dyDescent="0.25">
      <c r="A1594">
        <v>0.53</v>
      </c>
      <c r="B1594">
        <v>1.25</v>
      </c>
      <c r="C1594">
        <v>0.16</v>
      </c>
    </row>
    <row r="1595" spans="1:3" x14ac:dyDescent="0.25">
      <c r="A1595">
        <v>0.53</v>
      </c>
      <c r="B1595">
        <v>1.25</v>
      </c>
      <c r="C1595">
        <v>0.44</v>
      </c>
    </row>
    <row r="1596" spans="1:3" x14ac:dyDescent="0.25">
      <c r="A1596">
        <v>0.53</v>
      </c>
      <c r="B1596">
        <v>1.3</v>
      </c>
      <c r="C1596">
        <v>0.19</v>
      </c>
    </row>
    <row r="1597" spans="1:3" x14ac:dyDescent="0.25">
      <c r="A1597">
        <v>0.53</v>
      </c>
      <c r="B1597">
        <v>1.3</v>
      </c>
      <c r="C1597">
        <v>0.62</v>
      </c>
    </row>
    <row r="1598" spans="1:3" x14ac:dyDescent="0.25">
      <c r="A1598">
        <v>0.53</v>
      </c>
      <c r="B1598">
        <v>1.35</v>
      </c>
      <c r="C1598">
        <v>0.18</v>
      </c>
    </row>
    <row r="1599" spans="1:3" x14ac:dyDescent="0.25">
      <c r="A1599">
        <v>0.53</v>
      </c>
      <c r="B1599">
        <v>1.35</v>
      </c>
      <c r="C1599">
        <v>0.71</v>
      </c>
    </row>
    <row r="1600" spans="1:3" x14ac:dyDescent="0.25">
      <c r="A1600">
        <v>0.53</v>
      </c>
      <c r="B1600">
        <v>1.37</v>
      </c>
      <c r="C1600">
        <v>0.78</v>
      </c>
    </row>
    <row r="1601" spans="1:3" x14ac:dyDescent="0.25">
      <c r="A1601">
        <v>0.53</v>
      </c>
      <c r="B1601">
        <v>1.4</v>
      </c>
      <c r="C1601">
        <v>0.72</v>
      </c>
    </row>
    <row r="1602" spans="1:3" x14ac:dyDescent="0.25">
      <c r="A1602">
        <v>0.53</v>
      </c>
      <c r="B1602">
        <v>1.43</v>
      </c>
      <c r="C1602">
        <v>0.32</v>
      </c>
    </row>
    <row r="1603" spans="1:3" x14ac:dyDescent="0.25">
      <c r="A1603">
        <v>0.53</v>
      </c>
      <c r="B1603">
        <v>1.46</v>
      </c>
      <c r="C1603">
        <v>0.93</v>
      </c>
    </row>
    <row r="1604" spans="1:3" x14ac:dyDescent="0.25">
      <c r="A1604">
        <v>0.54</v>
      </c>
      <c r="B1604">
        <v>0.63</v>
      </c>
      <c r="C1604">
        <v>0.42</v>
      </c>
    </row>
    <row r="1605" spans="1:3" x14ac:dyDescent="0.25">
      <c r="A1605">
        <v>0.54</v>
      </c>
      <c r="B1605">
        <v>0.63</v>
      </c>
      <c r="C1605">
        <v>0.24</v>
      </c>
    </row>
    <row r="1606" spans="1:3" x14ac:dyDescent="0.25">
      <c r="A1606">
        <v>0.54</v>
      </c>
      <c r="B1606">
        <v>0.66</v>
      </c>
      <c r="C1606">
        <v>0.17</v>
      </c>
    </row>
    <row r="1607" spans="1:3" x14ac:dyDescent="0.25">
      <c r="A1607">
        <v>0.54</v>
      </c>
      <c r="B1607">
        <v>0.8</v>
      </c>
      <c r="C1607">
        <v>0.22</v>
      </c>
    </row>
    <row r="1608" spans="1:3" x14ac:dyDescent="0.25">
      <c r="A1608">
        <v>0.54</v>
      </c>
      <c r="B1608">
        <v>0.81</v>
      </c>
      <c r="C1608">
        <v>0.5</v>
      </c>
    </row>
    <row r="1609" spans="1:3" x14ac:dyDescent="0.25">
      <c r="A1609">
        <v>0.54</v>
      </c>
      <c r="B1609">
        <v>0.85</v>
      </c>
      <c r="C1609">
        <v>0.76</v>
      </c>
    </row>
    <row r="1610" spans="1:3" x14ac:dyDescent="0.25">
      <c r="A1610">
        <v>0.54</v>
      </c>
      <c r="B1610">
        <v>0.87</v>
      </c>
      <c r="C1610">
        <v>0.27</v>
      </c>
    </row>
    <row r="1611" spans="1:3" x14ac:dyDescent="0.25">
      <c r="A1611">
        <v>0.54</v>
      </c>
      <c r="B1611">
        <v>0.95</v>
      </c>
      <c r="C1611">
        <v>0.48</v>
      </c>
    </row>
    <row r="1612" spans="1:3" x14ac:dyDescent="0.25">
      <c r="A1612">
        <v>0.54</v>
      </c>
      <c r="B1612">
        <v>0.96</v>
      </c>
      <c r="C1612">
        <v>0.48</v>
      </c>
    </row>
    <row r="1613" spans="1:3" x14ac:dyDescent="0.25">
      <c r="A1613">
        <v>0.54</v>
      </c>
      <c r="B1613">
        <v>0.96</v>
      </c>
      <c r="C1613">
        <v>0.78</v>
      </c>
    </row>
    <row r="1614" spans="1:3" x14ac:dyDescent="0.25">
      <c r="A1614">
        <v>0.54</v>
      </c>
      <c r="B1614">
        <v>0.96</v>
      </c>
      <c r="C1614">
        <v>0.78</v>
      </c>
    </row>
    <row r="1615" spans="1:3" x14ac:dyDescent="0.25">
      <c r="A1615">
        <v>0.54</v>
      </c>
      <c r="B1615">
        <v>1</v>
      </c>
      <c r="C1615">
        <v>0.34</v>
      </c>
    </row>
    <row r="1616" spans="1:3" x14ac:dyDescent="0.25">
      <c r="A1616">
        <v>0.54</v>
      </c>
      <c r="B1616">
        <v>1</v>
      </c>
      <c r="C1616">
        <v>0.4</v>
      </c>
    </row>
    <row r="1617" spans="1:3" x14ac:dyDescent="0.25">
      <c r="A1617">
        <v>0.54</v>
      </c>
      <c r="B1617">
        <v>1.04</v>
      </c>
      <c r="C1617">
        <v>0.17</v>
      </c>
    </row>
    <row r="1618" spans="1:3" x14ac:dyDescent="0.25">
      <c r="A1618">
        <v>0.54</v>
      </c>
      <c r="B1618">
        <v>1.04</v>
      </c>
      <c r="C1618">
        <v>0.39</v>
      </c>
    </row>
    <row r="1619" spans="1:3" x14ac:dyDescent="0.25">
      <c r="A1619">
        <v>0.54</v>
      </c>
      <c r="B1619">
        <v>1.05</v>
      </c>
      <c r="C1619">
        <v>0.21</v>
      </c>
    </row>
    <row r="1620" spans="1:3" x14ac:dyDescent="0.25">
      <c r="A1620">
        <v>0.54</v>
      </c>
      <c r="B1620">
        <v>1.1299999999999999</v>
      </c>
      <c r="C1620">
        <v>0.11</v>
      </c>
    </row>
    <row r="1621" spans="1:3" x14ac:dyDescent="0.25">
      <c r="A1621">
        <v>0.54</v>
      </c>
      <c r="B1621">
        <v>1.1499999999999999</v>
      </c>
      <c r="C1621">
        <v>0.77</v>
      </c>
    </row>
    <row r="1622" spans="1:3" x14ac:dyDescent="0.25">
      <c r="A1622">
        <v>0.54</v>
      </c>
      <c r="B1622">
        <v>1.1499999999999999</v>
      </c>
      <c r="C1622">
        <v>0.51</v>
      </c>
    </row>
    <row r="1623" spans="1:3" x14ac:dyDescent="0.25">
      <c r="A1623">
        <v>0.54</v>
      </c>
      <c r="B1623">
        <v>1.17</v>
      </c>
      <c r="C1623">
        <v>0.44</v>
      </c>
    </row>
    <row r="1624" spans="1:3" x14ac:dyDescent="0.25">
      <c r="A1624">
        <v>0.54</v>
      </c>
      <c r="B1624">
        <v>1.19</v>
      </c>
      <c r="C1624">
        <v>0.49</v>
      </c>
    </row>
    <row r="1625" spans="1:3" x14ac:dyDescent="0.25">
      <c r="A1625">
        <v>0.54</v>
      </c>
      <c r="B1625">
        <v>1.21</v>
      </c>
      <c r="C1625">
        <v>0.13</v>
      </c>
    </row>
    <row r="1626" spans="1:3" x14ac:dyDescent="0.25">
      <c r="A1626">
        <v>0.54</v>
      </c>
      <c r="B1626">
        <v>1.21</v>
      </c>
      <c r="C1626">
        <v>0.44</v>
      </c>
    </row>
    <row r="1627" spans="1:3" x14ac:dyDescent="0.25">
      <c r="A1627">
        <v>0.54</v>
      </c>
      <c r="B1627">
        <v>1.21</v>
      </c>
      <c r="C1627">
        <v>0.46</v>
      </c>
    </row>
    <row r="1628" spans="1:3" x14ac:dyDescent="0.25">
      <c r="A1628">
        <v>0.54</v>
      </c>
      <c r="B1628">
        <v>1.27</v>
      </c>
      <c r="C1628">
        <v>0.95</v>
      </c>
    </row>
    <row r="1629" spans="1:3" x14ac:dyDescent="0.25">
      <c r="A1629">
        <v>0.54</v>
      </c>
      <c r="B1629">
        <v>1.27</v>
      </c>
      <c r="C1629">
        <v>0.39</v>
      </c>
    </row>
    <row r="1630" spans="1:3" x14ac:dyDescent="0.25">
      <c r="A1630">
        <v>0.54</v>
      </c>
      <c r="B1630">
        <v>1.31</v>
      </c>
      <c r="C1630">
        <v>0.77</v>
      </c>
    </row>
    <row r="1631" spans="1:3" x14ac:dyDescent="0.25">
      <c r="A1631">
        <v>0.54</v>
      </c>
      <c r="B1631">
        <v>1.35</v>
      </c>
      <c r="C1631">
        <v>0.06</v>
      </c>
    </row>
    <row r="1632" spans="1:3" x14ac:dyDescent="0.25">
      <c r="A1632">
        <v>0.54</v>
      </c>
      <c r="B1632">
        <v>1.37</v>
      </c>
      <c r="C1632">
        <v>0.59</v>
      </c>
    </row>
    <row r="1633" spans="1:3" x14ac:dyDescent="0.25">
      <c r="A1633">
        <v>0.54</v>
      </c>
      <c r="B1633">
        <v>1.4</v>
      </c>
      <c r="C1633">
        <v>0.2</v>
      </c>
    </row>
    <row r="1634" spans="1:3" x14ac:dyDescent="0.25">
      <c r="A1634">
        <v>0.54</v>
      </c>
      <c r="B1634">
        <v>1.41</v>
      </c>
      <c r="C1634">
        <v>0.37</v>
      </c>
    </row>
    <row r="1635" spans="1:3" x14ac:dyDescent="0.25">
      <c r="A1635">
        <v>0.54</v>
      </c>
      <c r="B1635">
        <v>1.45</v>
      </c>
      <c r="C1635">
        <v>0.24</v>
      </c>
    </row>
    <row r="1636" spans="1:3" x14ac:dyDescent="0.25">
      <c r="A1636">
        <v>0.54</v>
      </c>
      <c r="B1636">
        <v>1.46</v>
      </c>
      <c r="C1636">
        <v>0.27</v>
      </c>
    </row>
    <row r="1637" spans="1:3" x14ac:dyDescent="0.25">
      <c r="A1637">
        <v>0.55000000000000004</v>
      </c>
      <c r="B1637">
        <v>0.54</v>
      </c>
      <c r="C1637">
        <v>0.73</v>
      </c>
    </row>
    <row r="1638" spans="1:3" x14ac:dyDescent="0.25">
      <c r="A1638">
        <v>0.55000000000000004</v>
      </c>
      <c r="B1638">
        <v>0.56000000000000005</v>
      </c>
      <c r="C1638">
        <v>0.87</v>
      </c>
    </row>
    <row r="1639" spans="1:3" x14ac:dyDescent="0.25">
      <c r="A1639">
        <v>0.55000000000000004</v>
      </c>
      <c r="B1639">
        <v>0.56999999999999995</v>
      </c>
      <c r="C1639">
        <v>0.61</v>
      </c>
    </row>
    <row r="1640" spans="1:3" x14ac:dyDescent="0.25">
      <c r="A1640">
        <v>0.55000000000000004</v>
      </c>
      <c r="B1640">
        <v>0.57999999999999996</v>
      </c>
      <c r="C1640">
        <v>0.9</v>
      </c>
    </row>
    <row r="1641" spans="1:3" x14ac:dyDescent="0.25">
      <c r="A1641">
        <v>0.55000000000000004</v>
      </c>
      <c r="B1641">
        <v>0.57999999999999996</v>
      </c>
      <c r="C1641">
        <v>0.9</v>
      </c>
    </row>
    <row r="1642" spans="1:3" x14ac:dyDescent="0.25">
      <c r="A1642">
        <v>0.55000000000000004</v>
      </c>
      <c r="B1642">
        <v>0.62</v>
      </c>
      <c r="C1642">
        <v>0.67</v>
      </c>
    </row>
    <row r="1643" spans="1:3" x14ac:dyDescent="0.25">
      <c r="A1643">
        <v>0.55000000000000004</v>
      </c>
      <c r="B1643">
        <v>0.69</v>
      </c>
      <c r="C1643">
        <v>0.14000000000000001</v>
      </c>
    </row>
    <row r="1644" spans="1:3" x14ac:dyDescent="0.25">
      <c r="A1644">
        <v>0.55000000000000004</v>
      </c>
      <c r="B1644">
        <v>0.76</v>
      </c>
      <c r="C1644">
        <v>0.63</v>
      </c>
    </row>
    <row r="1645" spans="1:3" x14ac:dyDescent="0.25">
      <c r="A1645">
        <v>0.55000000000000004</v>
      </c>
      <c r="B1645">
        <v>0.77</v>
      </c>
      <c r="C1645">
        <v>0.73</v>
      </c>
    </row>
    <row r="1646" spans="1:3" x14ac:dyDescent="0.25">
      <c r="A1646">
        <v>0.55000000000000004</v>
      </c>
      <c r="B1646">
        <v>0.8</v>
      </c>
      <c r="C1646">
        <v>0.15</v>
      </c>
    </row>
    <row r="1647" spans="1:3" x14ac:dyDescent="0.25">
      <c r="A1647">
        <v>0.55000000000000004</v>
      </c>
      <c r="B1647">
        <v>0.81</v>
      </c>
      <c r="C1647">
        <v>0.17</v>
      </c>
    </row>
    <row r="1648" spans="1:3" x14ac:dyDescent="0.25">
      <c r="A1648">
        <v>0.55000000000000004</v>
      </c>
      <c r="B1648">
        <v>0.83</v>
      </c>
      <c r="C1648">
        <v>0.72</v>
      </c>
    </row>
    <row r="1649" spans="1:3" x14ac:dyDescent="0.25">
      <c r="A1649">
        <v>0.55000000000000004</v>
      </c>
      <c r="B1649">
        <v>0.84</v>
      </c>
      <c r="C1649">
        <v>0.71</v>
      </c>
    </row>
    <row r="1650" spans="1:3" x14ac:dyDescent="0.25">
      <c r="A1650">
        <v>0.55000000000000004</v>
      </c>
      <c r="B1650">
        <v>0.87</v>
      </c>
      <c r="C1650">
        <v>0.65</v>
      </c>
    </row>
    <row r="1651" spans="1:3" x14ac:dyDescent="0.25">
      <c r="A1651">
        <v>0.55000000000000004</v>
      </c>
      <c r="B1651">
        <v>0.88</v>
      </c>
      <c r="C1651">
        <v>0.36</v>
      </c>
    </row>
    <row r="1652" spans="1:3" x14ac:dyDescent="0.25">
      <c r="A1652">
        <v>0.55000000000000004</v>
      </c>
      <c r="B1652">
        <v>0.88</v>
      </c>
      <c r="C1652">
        <v>0.73</v>
      </c>
    </row>
    <row r="1653" spans="1:3" x14ac:dyDescent="0.25">
      <c r="A1653">
        <v>0.55000000000000004</v>
      </c>
      <c r="B1653">
        <v>0.89</v>
      </c>
      <c r="C1653">
        <v>0.33</v>
      </c>
    </row>
    <row r="1654" spans="1:3" x14ac:dyDescent="0.25">
      <c r="A1654">
        <v>0.55000000000000004</v>
      </c>
      <c r="B1654">
        <v>0.93</v>
      </c>
      <c r="C1654">
        <v>0.73</v>
      </c>
    </row>
    <row r="1655" spans="1:3" x14ac:dyDescent="0.25">
      <c r="A1655">
        <v>0.55000000000000004</v>
      </c>
      <c r="B1655">
        <v>0.93</v>
      </c>
      <c r="C1655">
        <v>0.83</v>
      </c>
    </row>
    <row r="1656" spans="1:3" x14ac:dyDescent="0.25">
      <c r="A1656">
        <v>0.55000000000000004</v>
      </c>
      <c r="B1656">
        <v>1</v>
      </c>
      <c r="C1656">
        <v>0.13</v>
      </c>
    </row>
    <row r="1657" spans="1:3" x14ac:dyDescent="0.25">
      <c r="A1657">
        <v>0.55000000000000004</v>
      </c>
      <c r="B1657">
        <v>1.03</v>
      </c>
      <c r="C1657">
        <v>0.75</v>
      </c>
    </row>
    <row r="1658" spans="1:3" x14ac:dyDescent="0.25">
      <c r="A1658">
        <v>0.55000000000000004</v>
      </c>
      <c r="B1658">
        <v>1.06</v>
      </c>
      <c r="C1658">
        <v>0.45</v>
      </c>
    </row>
    <row r="1659" spans="1:3" x14ac:dyDescent="0.25">
      <c r="A1659">
        <v>0.55000000000000004</v>
      </c>
      <c r="B1659">
        <v>1.1100000000000001</v>
      </c>
      <c r="C1659">
        <v>0.88</v>
      </c>
    </row>
    <row r="1660" spans="1:3" x14ac:dyDescent="0.25">
      <c r="A1660">
        <v>0.55000000000000004</v>
      </c>
      <c r="B1660">
        <v>1.1200000000000001</v>
      </c>
      <c r="C1660">
        <v>0.77</v>
      </c>
    </row>
    <row r="1661" spans="1:3" x14ac:dyDescent="0.25">
      <c r="A1661">
        <v>0.55000000000000004</v>
      </c>
      <c r="B1661">
        <v>1.1599999999999999</v>
      </c>
      <c r="C1661">
        <v>0.43</v>
      </c>
    </row>
    <row r="1662" spans="1:3" x14ac:dyDescent="0.25">
      <c r="A1662">
        <v>0.55000000000000004</v>
      </c>
      <c r="B1662">
        <v>1.1599999999999999</v>
      </c>
      <c r="C1662">
        <v>0.27</v>
      </c>
    </row>
    <row r="1663" spans="1:3" x14ac:dyDescent="0.25">
      <c r="A1663">
        <v>0.55000000000000004</v>
      </c>
      <c r="B1663">
        <v>1.1599999999999999</v>
      </c>
      <c r="C1663">
        <v>0.89</v>
      </c>
    </row>
    <row r="1664" spans="1:3" x14ac:dyDescent="0.25">
      <c r="A1664">
        <v>0.55000000000000004</v>
      </c>
      <c r="B1664">
        <v>1.19</v>
      </c>
      <c r="C1664">
        <v>0.36</v>
      </c>
    </row>
    <row r="1665" spans="1:3" x14ac:dyDescent="0.25">
      <c r="A1665">
        <v>0.55000000000000004</v>
      </c>
      <c r="B1665">
        <v>1.25</v>
      </c>
      <c r="C1665">
        <v>0.85</v>
      </c>
    </row>
    <row r="1666" spans="1:3" x14ac:dyDescent="0.25">
      <c r="A1666">
        <v>0.55000000000000004</v>
      </c>
      <c r="B1666">
        <v>1.34</v>
      </c>
      <c r="C1666">
        <v>0.37</v>
      </c>
    </row>
    <row r="1667" spans="1:3" x14ac:dyDescent="0.25">
      <c r="A1667">
        <v>0.55000000000000004</v>
      </c>
      <c r="B1667">
        <v>1.36</v>
      </c>
      <c r="C1667">
        <v>0.22</v>
      </c>
    </row>
    <row r="1668" spans="1:3" x14ac:dyDescent="0.25">
      <c r="A1668">
        <v>0.55000000000000004</v>
      </c>
      <c r="B1668">
        <v>1.37</v>
      </c>
      <c r="C1668">
        <v>0.83</v>
      </c>
    </row>
    <row r="1669" spans="1:3" x14ac:dyDescent="0.25">
      <c r="A1669">
        <v>0.55000000000000004</v>
      </c>
      <c r="B1669">
        <v>1.38</v>
      </c>
      <c r="C1669">
        <v>0.56999999999999995</v>
      </c>
    </row>
    <row r="1670" spans="1:3" x14ac:dyDescent="0.25">
      <c r="A1670">
        <v>0.55000000000000004</v>
      </c>
      <c r="B1670">
        <v>1.4</v>
      </c>
      <c r="C1670">
        <v>0.14000000000000001</v>
      </c>
    </row>
    <row r="1671" spans="1:3" x14ac:dyDescent="0.25">
      <c r="A1671">
        <v>0.55000000000000004</v>
      </c>
      <c r="B1671">
        <v>1.46</v>
      </c>
      <c r="C1671">
        <v>0.24</v>
      </c>
    </row>
    <row r="1672" spans="1:3" x14ac:dyDescent="0.25">
      <c r="A1672">
        <v>0.55000000000000004</v>
      </c>
      <c r="B1672">
        <v>1.49</v>
      </c>
      <c r="C1672">
        <v>0.9</v>
      </c>
    </row>
    <row r="1673" spans="1:3" x14ac:dyDescent="0.25">
      <c r="A1673">
        <v>0.56000000000000005</v>
      </c>
      <c r="B1673">
        <v>0.51</v>
      </c>
      <c r="C1673">
        <v>0.13</v>
      </c>
    </row>
    <row r="1674" spans="1:3" x14ac:dyDescent="0.25">
      <c r="A1674">
        <v>0.56000000000000005</v>
      </c>
      <c r="B1674">
        <v>0.56000000000000005</v>
      </c>
      <c r="C1674">
        <v>0.2</v>
      </c>
    </row>
    <row r="1675" spans="1:3" x14ac:dyDescent="0.25">
      <c r="A1675">
        <v>0.56000000000000005</v>
      </c>
      <c r="B1675">
        <v>0.56000000000000005</v>
      </c>
      <c r="C1675">
        <v>0.53</v>
      </c>
    </row>
    <row r="1676" spans="1:3" x14ac:dyDescent="0.25">
      <c r="A1676">
        <v>0.56000000000000005</v>
      </c>
      <c r="B1676">
        <v>0.57999999999999996</v>
      </c>
      <c r="C1676">
        <v>0.28000000000000003</v>
      </c>
    </row>
    <row r="1677" spans="1:3" x14ac:dyDescent="0.25">
      <c r="A1677">
        <v>0.56000000000000005</v>
      </c>
      <c r="B1677">
        <v>0.6</v>
      </c>
      <c r="C1677">
        <v>0.53</v>
      </c>
    </row>
    <row r="1678" spans="1:3" x14ac:dyDescent="0.25">
      <c r="A1678">
        <v>0.56000000000000005</v>
      </c>
      <c r="B1678">
        <v>0.61</v>
      </c>
      <c r="C1678">
        <v>0.36</v>
      </c>
    </row>
    <row r="1679" spans="1:3" x14ac:dyDescent="0.25">
      <c r="A1679">
        <v>0.56000000000000005</v>
      </c>
      <c r="B1679">
        <v>0.61</v>
      </c>
      <c r="C1679">
        <v>0.69</v>
      </c>
    </row>
    <row r="1680" spans="1:3" x14ac:dyDescent="0.25">
      <c r="A1680">
        <v>0.56000000000000005</v>
      </c>
      <c r="B1680">
        <v>0.74</v>
      </c>
      <c r="C1680">
        <v>0.88</v>
      </c>
    </row>
    <row r="1681" spans="1:3" x14ac:dyDescent="0.25">
      <c r="A1681">
        <v>0.56000000000000005</v>
      </c>
      <c r="B1681">
        <v>0.75</v>
      </c>
      <c r="C1681">
        <v>0.76</v>
      </c>
    </row>
    <row r="1682" spans="1:3" x14ac:dyDescent="0.25">
      <c r="A1682">
        <v>0.56000000000000005</v>
      </c>
      <c r="B1682">
        <v>0.75</v>
      </c>
      <c r="C1682">
        <v>0.31</v>
      </c>
    </row>
    <row r="1683" spans="1:3" x14ac:dyDescent="0.25">
      <c r="A1683">
        <v>0.56000000000000005</v>
      </c>
      <c r="B1683">
        <v>0.79</v>
      </c>
      <c r="C1683">
        <v>0.68</v>
      </c>
    </row>
    <row r="1684" spans="1:3" x14ac:dyDescent="0.25">
      <c r="A1684">
        <v>0.56000000000000005</v>
      </c>
      <c r="B1684">
        <v>0.8</v>
      </c>
      <c r="C1684">
        <v>0.37</v>
      </c>
    </row>
    <row r="1685" spans="1:3" x14ac:dyDescent="0.25">
      <c r="A1685">
        <v>0.56000000000000005</v>
      </c>
      <c r="B1685">
        <v>0.82</v>
      </c>
      <c r="C1685">
        <v>0.82</v>
      </c>
    </row>
    <row r="1686" spans="1:3" x14ac:dyDescent="0.25">
      <c r="A1686">
        <v>0.56000000000000005</v>
      </c>
      <c r="B1686">
        <v>0.86</v>
      </c>
      <c r="C1686">
        <v>0.09</v>
      </c>
    </row>
    <row r="1687" spans="1:3" x14ac:dyDescent="0.25">
      <c r="A1687">
        <v>0.56000000000000005</v>
      </c>
      <c r="B1687">
        <v>0.87</v>
      </c>
      <c r="C1687">
        <v>0.1</v>
      </c>
    </row>
    <row r="1688" spans="1:3" x14ac:dyDescent="0.25">
      <c r="A1688">
        <v>0.56000000000000005</v>
      </c>
      <c r="B1688">
        <v>0.92</v>
      </c>
      <c r="C1688">
        <v>0.93</v>
      </c>
    </row>
    <row r="1689" spans="1:3" x14ac:dyDescent="0.25">
      <c r="A1689">
        <v>0.56000000000000005</v>
      </c>
      <c r="B1689">
        <v>0.94</v>
      </c>
      <c r="C1689">
        <v>0.85</v>
      </c>
    </row>
    <row r="1690" spans="1:3" x14ac:dyDescent="0.25">
      <c r="A1690">
        <v>0.56000000000000005</v>
      </c>
      <c r="B1690">
        <v>1</v>
      </c>
      <c r="C1690">
        <v>0.36</v>
      </c>
    </row>
    <row r="1691" spans="1:3" x14ac:dyDescent="0.25">
      <c r="A1691">
        <v>0.56000000000000005</v>
      </c>
      <c r="B1691">
        <v>1.02</v>
      </c>
      <c r="C1691">
        <v>0.18</v>
      </c>
    </row>
    <row r="1692" spans="1:3" x14ac:dyDescent="0.25">
      <c r="A1692">
        <v>0.56000000000000005</v>
      </c>
      <c r="B1692">
        <v>1.04</v>
      </c>
      <c r="C1692">
        <v>0.31</v>
      </c>
    </row>
    <row r="1693" spans="1:3" x14ac:dyDescent="0.25">
      <c r="A1693">
        <v>0.56000000000000005</v>
      </c>
      <c r="B1693">
        <v>1.0900000000000001</v>
      </c>
      <c r="C1693">
        <v>0.79</v>
      </c>
    </row>
    <row r="1694" spans="1:3" x14ac:dyDescent="0.25">
      <c r="A1694">
        <v>0.56000000000000005</v>
      </c>
      <c r="B1694">
        <v>1.1000000000000001</v>
      </c>
      <c r="C1694">
        <v>0.44</v>
      </c>
    </row>
    <row r="1695" spans="1:3" x14ac:dyDescent="0.25">
      <c r="A1695">
        <v>0.56000000000000005</v>
      </c>
      <c r="B1695">
        <v>1.1000000000000001</v>
      </c>
      <c r="C1695">
        <v>0.84</v>
      </c>
    </row>
    <row r="1696" spans="1:3" x14ac:dyDescent="0.25">
      <c r="A1696">
        <v>0.56000000000000005</v>
      </c>
      <c r="B1696">
        <v>1.1499999999999999</v>
      </c>
      <c r="C1696">
        <v>0.05</v>
      </c>
    </row>
    <row r="1697" spans="1:3" x14ac:dyDescent="0.25">
      <c r="A1697">
        <v>0.56000000000000005</v>
      </c>
      <c r="B1697">
        <v>1.1499999999999999</v>
      </c>
      <c r="C1697">
        <v>0.09</v>
      </c>
    </row>
    <row r="1698" spans="1:3" x14ac:dyDescent="0.25">
      <c r="A1698">
        <v>0.56000000000000005</v>
      </c>
      <c r="B1698">
        <v>1.2</v>
      </c>
      <c r="C1698">
        <v>0.38</v>
      </c>
    </row>
    <row r="1699" spans="1:3" x14ac:dyDescent="0.25">
      <c r="A1699">
        <v>0.56000000000000005</v>
      </c>
      <c r="B1699">
        <v>1.2</v>
      </c>
      <c r="C1699">
        <v>0.62</v>
      </c>
    </row>
    <row r="1700" spans="1:3" x14ac:dyDescent="0.25">
      <c r="A1700">
        <v>0.56000000000000005</v>
      </c>
      <c r="B1700">
        <v>1.21</v>
      </c>
      <c r="C1700">
        <v>0.24</v>
      </c>
    </row>
    <row r="1701" spans="1:3" x14ac:dyDescent="0.25">
      <c r="A1701">
        <v>0.56000000000000005</v>
      </c>
      <c r="B1701">
        <v>1.26</v>
      </c>
      <c r="C1701">
        <v>0.61</v>
      </c>
    </row>
    <row r="1702" spans="1:3" x14ac:dyDescent="0.25">
      <c r="A1702">
        <v>0.56000000000000005</v>
      </c>
      <c r="B1702">
        <v>1.29</v>
      </c>
      <c r="C1702">
        <v>0.84</v>
      </c>
    </row>
    <row r="1703" spans="1:3" x14ac:dyDescent="0.25">
      <c r="A1703">
        <v>0.56000000000000005</v>
      </c>
      <c r="B1703">
        <v>1.33</v>
      </c>
      <c r="C1703">
        <v>0.59</v>
      </c>
    </row>
    <row r="1704" spans="1:3" x14ac:dyDescent="0.25">
      <c r="A1704">
        <v>0.56000000000000005</v>
      </c>
      <c r="B1704">
        <v>1.38</v>
      </c>
      <c r="C1704">
        <v>0.31</v>
      </c>
    </row>
    <row r="1705" spans="1:3" x14ac:dyDescent="0.25">
      <c r="A1705">
        <v>0.56000000000000005</v>
      </c>
      <c r="B1705">
        <v>1.45</v>
      </c>
      <c r="C1705">
        <v>0.9</v>
      </c>
    </row>
    <row r="1706" spans="1:3" x14ac:dyDescent="0.25">
      <c r="A1706">
        <v>0.56000000000000005</v>
      </c>
      <c r="B1706">
        <v>1.46</v>
      </c>
      <c r="C1706">
        <v>0.71</v>
      </c>
    </row>
    <row r="1707" spans="1:3" x14ac:dyDescent="0.25">
      <c r="A1707">
        <v>0.56999999999999995</v>
      </c>
      <c r="B1707">
        <v>0.57999999999999996</v>
      </c>
      <c r="C1707">
        <v>0.69</v>
      </c>
    </row>
    <row r="1708" spans="1:3" x14ac:dyDescent="0.25">
      <c r="A1708">
        <v>0.56999999999999995</v>
      </c>
      <c r="B1708">
        <v>0.64</v>
      </c>
      <c r="C1708">
        <v>0.76</v>
      </c>
    </row>
    <row r="1709" spans="1:3" x14ac:dyDescent="0.25">
      <c r="A1709">
        <v>0.56999999999999995</v>
      </c>
      <c r="B1709">
        <v>0.69</v>
      </c>
      <c r="C1709">
        <v>0.62</v>
      </c>
    </row>
    <row r="1710" spans="1:3" x14ac:dyDescent="0.25">
      <c r="A1710">
        <v>0.56999999999999995</v>
      </c>
      <c r="B1710">
        <v>0.77</v>
      </c>
      <c r="C1710">
        <v>0.46</v>
      </c>
    </row>
    <row r="1711" spans="1:3" x14ac:dyDescent="0.25">
      <c r="A1711">
        <v>0.56999999999999995</v>
      </c>
      <c r="B1711">
        <v>0.94</v>
      </c>
      <c r="C1711">
        <v>0.62</v>
      </c>
    </row>
    <row r="1712" spans="1:3" x14ac:dyDescent="0.25">
      <c r="A1712">
        <v>0.56999999999999995</v>
      </c>
      <c r="B1712">
        <v>0.94</v>
      </c>
      <c r="C1712">
        <v>0.52</v>
      </c>
    </row>
    <row r="1713" spans="1:3" x14ac:dyDescent="0.25">
      <c r="A1713">
        <v>0.56999999999999995</v>
      </c>
      <c r="B1713">
        <v>0.97</v>
      </c>
      <c r="C1713">
        <v>0.82</v>
      </c>
    </row>
    <row r="1714" spans="1:3" x14ac:dyDescent="0.25">
      <c r="A1714">
        <v>0.56999999999999995</v>
      </c>
      <c r="B1714">
        <v>0.98</v>
      </c>
      <c r="C1714">
        <v>0.13</v>
      </c>
    </row>
    <row r="1715" spans="1:3" x14ac:dyDescent="0.25">
      <c r="A1715">
        <v>0.56999999999999995</v>
      </c>
      <c r="B1715">
        <v>1.02</v>
      </c>
      <c r="C1715">
        <v>0.56000000000000005</v>
      </c>
    </row>
    <row r="1716" spans="1:3" x14ac:dyDescent="0.25">
      <c r="A1716">
        <v>0.56999999999999995</v>
      </c>
      <c r="B1716">
        <v>1.03</v>
      </c>
      <c r="C1716">
        <v>0.61</v>
      </c>
    </row>
    <row r="1717" spans="1:3" x14ac:dyDescent="0.25">
      <c r="A1717">
        <v>0.56999999999999995</v>
      </c>
      <c r="B1717">
        <v>1.05</v>
      </c>
      <c r="C1717">
        <v>0.8</v>
      </c>
    </row>
    <row r="1718" spans="1:3" x14ac:dyDescent="0.25">
      <c r="A1718">
        <v>0.56999999999999995</v>
      </c>
      <c r="B1718">
        <v>1.1399999999999999</v>
      </c>
      <c r="C1718">
        <v>0.68</v>
      </c>
    </row>
    <row r="1719" spans="1:3" x14ac:dyDescent="0.25">
      <c r="A1719">
        <v>0.56999999999999995</v>
      </c>
      <c r="B1719">
        <v>1.1499999999999999</v>
      </c>
      <c r="C1719">
        <v>0.09</v>
      </c>
    </row>
    <row r="1720" spans="1:3" x14ac:dyDescent="0.25">
      <c r="A1720">
        <v>0.56999999999999995</v>
      </c>
      <c r="B1720">
        <v>1.18</v>
      </c>
      <c r="C1720">
        <v>0.26</v>
      </c>
    </row>
    <row r="1721" spans="1:3" x14ac:dyDescent="0.25">
      <c r="A1721">
        <v>0.56999999999999995</v>
      </c>
      <c r="B1721">
        <v>1.22</v>
      </c>
      <c r="C1721">
        <v>0.24</v>
      </c>
    </row>
    <row r="1722" spans="1:3" x14ac:dyDescent="0.25">
      <c r="A1722">
        <v>0.56999999999999995</v>
      </c>
      <c r="B1722">
        <v>1.24</v>
      </c>
      <c r="C1722">
        <v>0.84</v>
      </c>
    </row>
    <row r="1723" spans="1:3" x14ac:dyDescent="0.25">
      <c r="A1723">
        <v>0.56999999999999995</v>
      </c>
      <c r="B1723">
        <v>1.25</v>
      </c>
      <c r="C1723">
        <v>0.45</v>
      </c>
    </row>
    <row r="1724" spans="1:3" x14ac:dyDescent="0.25">
      <c r="A1724">
        <v>0.56999999999999995</v>
      </c>
      <c r="B1724">
        <v>1.27</v>
      </c>
      <c r="C1724">
        <v>0.92</v>
      </c>
    </row>
    <row r="1725" spans="1:3" x14ac:dyDescent="0.25">
      <c r="A1725">
        <v>0.56999999999999995</v>
      </c>
      <c r="B1725">
        <v>1.29</v>
      </c>
      <c r="C1725">
        <v>0.19</v>
      </c>
    </row>
    <row r="1726" spans="1:3" x14ac:dyDescent="0.25">
      <c r="A1726">
        <v>0.56999999999999995</v>
      </c>
      <c r="B1726">
        <v>1.35</v>
      </c>
      <c r="C1726">
        <v>0.4</v>
      </c>
    </row>
    <row r="1727" spans="1:3" x14ac:dyDescent="0.25">
      <c r="A1727">
        <v>0.56999999999999995</v>
      </c>
      <c r="B1727">
        <v>1.36</v>
      </c>
      <c r="C1727">
        <v>0.82</v>
      </c>
    </row>
    <row r="1728" spans="1:3" x14ac:dyDescent="0.25">
      <c r="A1728">
        <v>0.56999999999999995</v>
      </c>
      <c r="B1728">
        <v>1.37</v>
      </c>
      <c r="C1728">
        <v>0.53</v>
      </c>
    </row>
    <row r="1729" spans="1:3" x14ac:dyDescent="0.25">
      <c r="A1729">
        <v>0.56999999999999995</v>
      </c>
      <c r="B1729">
        <v>1.38</v>
      </c>
      <c r="C1729">
        <v>0.15</v>
      </c>
    </row>
    <row r="1730" spans="1:3" x14ac:dyDescent="0.25">
      <c r="A1730">
        <v>0.56999999999999995</v>
      </c>
      <c r="B1730">
        <v>1.39</v>
      </c>
      <c r="C1730">
        <v>0.49</v>
      </c>
    </row>
    <row r="1731" spans="1:3" x14ac:dyDescent="0.25">
      <c r="A1731">
        <v>0.56999999999999995</v>
      </c>
      <c r="B1731">
        <v>1.39</v>
      </c>
      <c r="C1731">
        <v>0.86</v>
      </c>
    </row>
    <row r="1732" spans="1:3" x14ac:dyDescent="0.25">
      <c r="A1732">
        <v>0.56999999999999995</v>
      </c>
      <c r="B1732">
        <v>1.42</v>
      </c>
      <c r="C1732">
        <v>0.8</v>
      </c>
    </row>
    <row r="1733" spans="1:3" x14ac:dyDescent="0.25">
      <c r="A1733">
        <v>0.56999999999999995</v>
      </c>
      <c r="B1733">
        <v>1.49</v>
      </c>
      <c r="C1733">
        <v>0.85</v>
      </c>
    </row>
    <row r="1734" spans="1:3" x14ac:dyDescent="0.25">
      <c r="A1734">
        <v>0.57999999999999996</v>
      </c>
      <c r="B1734">
        <v>0.56999999999999995</v>
      </c>
      <c r="C1734">
        <v>0.09</v>
      </c>
    </row>
    <row r="1735" spans="1:3" x14ac:dyDescent="0.25">
      <c r="A1735">
        <v>0.57999999999999996</v>
      </c>
      <c r="B1735">
        <v>0.56999999999999995</v>
      </c>
      <c r="C1735">
        <v>0.32</v>
      </c>
    </row>
    <row r="1736" spans="1:3" x14ac:dyDescent="0.25">
      <c r="A1736">
        <v>0.57999999999999996</v>
      </c>
      <c r="B1736">
        <v>0.57999999999999996</v>
      </c>
      <c r="C1736">
        <v>0.8</v>
      </c>
    </row>
    <row r="1737" spans="1:3" x14ac:dyDescent="0.25">
      <c r="A1737">
        <v>0.57999999999999996</v>
      </c>
      <c r="B1737">
        <v>0.59</v>
      </c>
      <c r="C1737">
        <v>0.18</v>
      </c>
    </row>
    <row r="1738" spans="1:3" x14ac:dyDescent="0.25">
      <c r="A1738">
        <v>0.57999999999999996</v>
      </c>
      <c r="B1738">
        <v>0.59</v>
      </c>
      <c r="C1738">
        <v>0.79</v>
      </c>
    </row>
    <row r="1739" spans="1:3" x14ac:dyDescent="0.25">
      <c r="A1739">
        <v>0.57999999999999996</v>
      </c>
      <c r="B1739">
        <v>0.67</v>
      </c>
      <c r="C1739">
        <v>0.47</v>
      </c>
    </row>
    <row r="1740" spans="1:3" x14ac:dyDescent="0.25">
      <c r="A1740">
        <v>0.57999999999999996</v>
      </c>
      <c r="B1740">
        <v>0.67</v>
      </c>
      <c r="C1740">
        <v>0.87</v>
      </c>
    </row>
    <row r="1741" spans="1:3" x14ac:dyDescent="0.25">
      <c r="A1741">
        <v>0.57999999999999996</v>
      </c>
      <c r="B1741">
        <v>0.68</v>
      </c>
      <c r="C1741">
        <v>0.09</v>
      </c>
    </row>
    <row r="1742" spans="1:3" x14ac:dyDescent="0.25">
      <c r="A1742">
        <v>0.57999999999999996</v>
      </c>
      <c r="B1742">
        <v>0.72</v>
      </c>
      <c r="C1742">
        <v>0.77</v>
      </c>
    </row>
    <row r="1743" spans="1:3" x14ac:dyDescent="0.25">
      <c r="A1743">
        <v>0.57999999999999996</v>
      </c>
      <c r="B1743">
        <v>0.74</v>
      </c>
      <c r="C1743">
        <v>0.27</v>
      </c>
    </row>
    <row r="1744" spans="1:3" x14ac:dyDescent="0.25">
      <c r="A1744">
        <v>0.57999999999999996</v>
      </c>
      <c r="B1744">
        <v>0.77</v>
      </c>
      <c r="C1744">
        <v>0.33</v>
      </c>
    </row>
    <row r="1745" spans="1:3" x14ac:dyDescent="0.25">
      <c r="A1745">
        <v>0.57999999999999996</v>
      </c>
      <c r="B1745">
        <v>0.8</v>
      </c>
      <c r="C1745">
        <v>0.31</v>
      </c>
    </row>
    <row r="1746" spans="1:3" x14ac:dyDescent="0.25">
      <c r="A1746">
        <v>0.57999999999999996</v>
      </c>
      <c r="B1746">
        <v>0.83</v>
      </c>
      <c r="C1746">
        <v>0.84</v>
      </c>
    </row>
    <row r="1747" spans="1:3" x14ac:dyDescent="0.25">
      <c r="A1747">
        <v>0.57999999999999996</v>
      </c>
      <c r="B1747">
        <v>0.85</v>
      </c>
      <c r="C1747">
        <v>0.9</v>
      </c>
    </row>
    <row r="1748" spans="1:3" x14ac:dyDescent="0.25">
      <c r="A1748">
        <v>0.57999999999999996</v>
      </c>
      <c r="B1748">
        <v>0.85</v>
      </c>
      <c r="C1748">
        <v>0.19</v>
      </c>
    </row>
    <row r="1749" spans="1:3" x14ac:dyDescent="0.25">
      <c r="A1749">
        <v>0.57999999999999996</v>
      </c>
      <c r="B1749">
        <v>0.87</v>
      </c>
      <c r="C1749">
        <v>0.44</v>
      </c>
    </row>
    <row r="1750" spans="1:3" x14ac:dyDescent="0.25">
      <c r="A1750">
        <v>0.57999999999999996</v>
      </c>
      <c r="B1750">
        <v>0.89</v>
      </c>
      <c r="C1750">
        <v>0.34</v>
      </c>
    </row>
    <row r="1751" spans="1:3" x14ac:dyDescent="0.25">
      <c r="A1751">
        <v>0.57999999999999996</v>
      </c>
      <c r="B1751">
        <v>1.06</v>
      </c>
      <c r="C1751">
        <v>0.19</v>
      </c>
    </row>
    <row r="1752" spans="1:3" x14ac:dyDescent="0.25">
      <c r="A1752">
        <v>0.57999999999999996</v>
      </c>
      <c r="B1752">
        <v>1.06</v>
      </c>
      <c r="C1752">
        <v>0.34</v>
      </c>
    </row>
    <row r="1753" spans="1:3" x14ac:dyDescent="0.25">
      <c r="A1753">
        <v>0.57999999999999996</v>
      </c>
      <c r="B1753">
        <v>1.0900000000000001</v>
      </c>
      <c r="C1753">
        <v>0.53</v>
      </c>
    </row>
    <row r="1754" spans="1:3" x14ac:dyDescent="0.25">
      <c r="A1754">
        <v>0.57999999999999996</v>
      </c>
      <c r="B1754">
        <v>1.18</v>
      </c>
      <c r="C1754">
        <v>0.55000000000000004</v>
      </c>
    </row>
    <row r="1755" spans="1:3" x14ac:dyDescent="0.25">
      <c r="A1755">
        <v>0.57999999999999996</v>
      </c>
      <c r="B1755">
        <v>1.2</v>
      </c>
      <c r="C1755">
        <v>0.86</v>
      </c>
    </row>
    <row r="1756" spans="1:3" x14ac:dyDescent="0.25">
      <c r="A1756">
        <v>0.57999999999999996</v>
      </c>
      <c r="B1756">
        <v>1.2</v>
      </c>
      <c r="C1756">
        <v>0.86</v>
      </c>
    </row>
    <row r="1757" spans="1:3" x14ac:dyDescent="0.25">
      <c r="A1757">
        <v>0.57999999999999996</v>
      </c>
      <c r="B1757">
        <v>1.23</v>
      </c>
      <c r="C1757">
        <v>0.39</v>
      </c>
    </row>
    <row r="1758" spans="1:3" x14ac:dyDescent="0.25">
      <c r="A1758">
        <v>0.57999999999999996</v>
      </c>
      <c r="B1758">
        <v>1.25</v>
      </c>
      <c r="C1758">
        <v>0.9</v>
      </c>
    </row>
    <row r="1759" spans="1:3" x14ac:dyDescent="0.25">
      <c r="A1759">
        <v>0.57999999999999996</v>
      </c>
      <c r="B1759">
        <v>1.3</v>
      </c>
      <c r="C1759">
        <v>0.89</v>
      </c>
    </row>
    <row r="1760" spans="1:3" x14ac:dyDescent="0.25">
      <c r="A1760">
        <v>0.57999999999999996</v>
      </c>
      <c r="B1760">
        <v>1.42</v>
      </c>
      <c r="C1760">
        <v>0.9</v>
      </c>
    </row>
    <row r="1761" spans="1:3" x14ac:dyDescent="0.25">
      <c r="A1761">
        <v>0.57999999999999996</v>
      </c>
      <c r="B1761">
        <v>1.43</v>
      </c>
      <c r="C1761">
        <v>0.13</v>
      </c>
    </row>
    <row r="1762" spans="1:3" x14ac:dyDescent="0.25">
      <c r="A1762">
        <v>0.57999999999999996</v>
      </c>
      <c r="B1762">
        <v>1.44</v>
      </c>
      <c r="C1762">
        <v>0.3</v>
      </c>
    </row>
    <row r="1763" spans="1:3" x14ac:dyDescent="0.25">
      <c r="A1763">
        <v>0.57999999999999996</v>
      </c>
      <c r="B1763">
        <v>1.45</v>
      </c>
      <c r="C1763">
        <v>0.32</v>
      </c>
    </row>
    <row r="1764" spans="1:3" x14ac:dyDescent="0.25">
      <c r="A1764">
        <v>0.57999999999999996</v>
      </c>
      <c r="B1764">
        <v>1.49</v>
      </c>
      <c r="C1764">
        <v>0.45</v>
      </c>
    </row>
    <row r="1765" spans="1:3" x14ac:dyDescent="0.25">
      <c r="A1765">
        <v>0.59</v>
      </c>
      <c r="B1765">
        <v>0.5</v>
      </c>
      <c r="C1765">
        <v>0.12</v>
      </c>
    </row>
    <row r="1766" spans="1:3" x14ac:dyDescent="0.25">
      <c r="A1766">
        <v>0.59</v>
      </c>
      <c r="B1766">
        <v>0.6</v>
      </c>
      <c r="C1766">
        <v>0.49</v>
      </c>
    </row>
    <row r="1767" spans="1:3" x14ac:dyDescent="0.25">
      <c r="A1767">
        <v>0.59</v>
      </c>
      <c r="B1767">
        <v>0.6</v>
      </c>
      <c r="C1767">
        <v>0.43</v>
      </c>
    </row>
    <row r="1768" spans="1:3" x14ac:dyDescent="0.25">
      <c r="A1768">
        <v>0.59</v>
      </c>
      <c r="B1768">
        <v>0.63</v>
      </c>
      <c r="C1768">
        <v>0.36</v>
      </c>
    </row>
    <row r="1769" spans="1:3" x14ac:dyDescent="0.25">
      <c r="A1769">
        <v>0.59</v>
      </c>
      <c r="B1769">
        <v>0.64</v>
      </c>
      <c r="C1769">
        <v>0.56000000000000005</v>
      </c>
    </row>
    <row r="1770" spans="1:3" x14ac:dyDescent="0.25">
      <c r="A1770">
        <v>0.59</v>
      </c>
      <c r="B1770">
        <v>0.67</v>
      </c>
      <c r="C1770">
        <v>0.56000000000000005</v>
      </c>
    </row>
    <row r="1771" spans="1:3" x14ac:dyDescent="0.25">
      <c r="A1771">
        <v>0.59</v>
      </c>
      <c r="B1771">
        <v>0.69</v>
      </c>
      <c r="C1771">
        <v>0.92</v>
      </c>
    </row>
    <row r="1772" spans="1:3" x14ac:dyDescent="0.25">
      <c r="A1772">
        <v>0.59</v>
      </c>
      <c r="B1772">
        <v>0.71</v>
      </c>
      <c r="C1772">
        <v>0.54</v>
      </c>
    </row>
    <row r="1773" spans="1:3" x14ac:dyDescent="0.25">
      <c r="A1773">
        <v>0.59</v>
      </c>
      <c r="B1773">
        <v>0.79</v>
      </c>
      <c r="C1773">
        <v>0.09</v>
      </c>
    </row>
    <row r="1774" spans="1:3" x14ac:dyDescent="0.25">
      <c r="A1774">
        <v>0.59</v>
      </c>
      <c r="B1774">
        <v>0.85</v>
      </c>
      <c r="C1774">
        <v>0.82</v>
      </c>
    </row>
    <row r="1775" spans="1:3" x14ac:dyDescent="0.25">
      <c r="A1775">
        <v>0.59</v>
      </c>
      <c r="B1775">
        <v>0.88</v>
      </c>
      <c r="C1775">
        <v>0.43</v>
      </c>
    </row>
    <row r="1776" spans="1:3" x14ac:dyDescent="0.25">
      <c r="A1776">
        <v>0.59</v>
      </c>
      <c r="B1776">
        <v>0.92</v>
      </c>
      <c r="C1776">
        <v>0.33</v>
      </c>
    </row>
    <row r="1777" spans="1:3" x14ac:dyDescent="0.25">
      <c r="A1777">
        <v>0.59</v>
      </c>
      <c r="B1777">
        <v>0.94</v>
      </c>
      <c r="C1777">
        <v>0.77</v>
      </c>
    </row>
    <row r="1778" spans="1:3" x14ac:dyDescent="0.25">
      <c r="A1778">
        <v>0.59</v>
      </c>
      <c r="B1778">
        <v>0.96</v>
      </c>
      <c r="C1778">
        <v>0.41</v>
      </c>
    </row>
    <row r="1779" spans="1:3" x14ac:dyDescent="0.25">
      <c r="A1779">
        <v>0.59</v>
      </c>
      <c r="B1779">
        <v>1.03</v>
      </c>
      <c r="C1779">
        <v>0.68</v>
      </c>
    </row>
    <row r="1780" spans="1:3" x14ac:dyDescent="0.25">
      <c r="A1780">
        <v>0.59</v>
      </c>
      <c r="B1780">
        <v>1.04</v>
      </c>
      <c r="C1780">
        <v>0.05</v>
      </c>
    </row>
    <row r="1781" spans="1:3" x14ac:dyDescent="0.25">
      <c r="A1781">
        <v>0.59</v>
      </c>
      <c r="B1781">
        <v>1.04</v>
      </c>
      <c r="C1781">
        <v>0.81</v>
      </c>
    </row>
    <row r="1782" spans="1:3" x14ac:dyDescent="0.25">
      <c r="A1782">
        <v>0.59</v>
      </c>
      <c r="B1782">
        <v>1.08</v>
      </c>
      <c r="C1782">
        <v>0.34</v>
      </c>
    </row>
    <row r="1783" spans="1:3" x14ac:dyDescent="0.25">
      <c r="A1783">
        <v>0.59</v>
      </c>
      <c r="B1783">
        <v>1.1100000000000001</v>
      </c>
      <c r="C1783">
        <v>0.51</v>
      </c>
    </row>
    <row r="1784" spans="1:3" x14ac:dyDescent="0.25">
      <c r="A1784">
        <v>0.59</v>
      </c>
      <c r="B1784">
        <v>1.1200000000000001</v>
      </c>
      <c r="C1784">
        <v>0.86</v>
      </c>
    </row>
    <row r="1785" spans="1:3" x14ac:dyDescent="0.25">
      <c r="A1785">
        <v>0.59</v>
      </c>
      <c r="B1785">
        <v>1.1499999999999999</v>
      </c>
      <c r="C1785">
        <v>0.48</v>
      </c>
    </row>
    <row r="1786" spans="1:3" x14ac:dyDescent="0.25">
      <c r="A1786">
        <v>0.59</v>
      </c>
      <c r="B1786">
        <v>1.22</v>
      </c>
      <c r="C1786">
        <v>0.56000000000000005</v>
      </c>
    </row>
    <row r="1787" spans="1:3" x14ac:dyDescent="0.25">
      <c r="A1787">
        <v>0.59</v>
      </c>
      <c r="B1787">
        <v>1.25</v>
      </c>
      <c r="C1787">
        <v>0.13</v>
      </c>
    </row>
    <row r="1788" spans="1:3" x14ac:dyDescent="0.25">
      <c r="A1788">
        <v>0.59</v>
      </c>
      <c r="B1788">
        <v>1.33</v>
      </c>
      <c r="C1788">
        <v>0.81</v>
      </c>
    </row>
    <row r="1789" spans="1:3" x14ac:dyDescent="0.25">
      <c r="A1789">
        <v>0.59</v>
      </c>
      <c r="B1789">
        <v>1.39</v>
      </c>
      <c r="C1789">
        <v>0.2</v>
      </c>
    </row>
    <row r="1790" spans="1:3" x14ac:dyDescent="0.25">
      <c r="A1790">
        <v>0.59</v>
      </c>
      <c r="B1790">
        <v>1.39</v>
      </c>
      <c r="C1790">
        <v>0.5</v>
      </c>
    </row>
    <row r="1791" spans="1:3" x14ac:dyDescent="0.25">
      <c r="A1791">
        <v>0.59</v>
      </c>
      <c r="B1791">
        <v>1.46</v>
      </c>
      <c r="C1791">
        <v>0.34</v>
      </c>
    </row>
    <row r="1792" spans="1:3" x14ac:dyDescent="0.25">
      <c r="A1792">
        <v>0.59</v>
      </c>
      <c r="B1792">
        <v>1.47</v>
      </c>
      <c r="C1792">
        <v>0.74</v>
      </c>
    </row>
    <row r="1793" spans="1:3" x14ac:dyDescent="0.25">
      <c r="A1793">
        <v>0.6</v>
      </c>
      <c r="B1793">
        <v>0.52</v>
      </c>
      <c r="C1793">
        <v>0.43</v>
      </c>
    </row>
    <row r="1794" spans="1:3" x14ac:dyDescent="0.25">
      <c r="A1794">
        <v>0.6</v>
      </c>
      <c r="B1794">
        <v>0.53</v>
      </c>
      <c r="C1794">
        <v>0.49</v>
      </c>
    </row>
    <row r="1795" spans="1:3" x14ac:dyDescent="0.25">
      <c r="A1795">
        <v>0.6</v>
      </c>
      <c r="B1795">
        <v>0.66</v>
      </c>
      <c r="C1795">
        <v>0.42</v>
      </c>
    </row>
    <row r="1796" spans="1:3" x14ac:dyDescent="0.25">
      <c r="A1796">
        <v>0.6</v>
      </c>
      <c r="B1796">
        <v>0.67</v>
      </c>
      <c r="C1796">
        <v>0.89</v>
      </c>
    </row>
    <row r="1797" spans="1:3" x14ac:dyDescent="0.25">
      <c r="A1797">
        <v>0.6</v>
      </c>
      <c r="B1797">
        <v>0.68</v>
      </c>
      <c r="C1797">
        <v>0.36</v>
      </c>
    </row>
    <row r="1798" spans="1:3" x14ac:dyDescent="0.25">
      <c r="A1798">
        <v>0.6</v>
      </c>
      <c r="B1798">
        <v>0.72</v>
      </c>
      <c r="C1798">
        <v>0.13</v>
      </c>
    </row>
    <row r="1799" spans="1:3" x14ac:dyDescent="0.25">
      <c r="A1799">
        <v>0.6</v>
      </c>
      <c r="B1799">
        <v>0.76</v>
      </c>
      <c r="C1799">
        <v>0.51</v>
      </c>
    </row>
    <row r="1800" spans="1:3" x14ac:dyDescent="0.25">
      <c r="A1800">
        <v>0.6</v>
      </c>
      <c r="B1800">
        <v>0.77</v>
      </c>
      <c r="C1800">
        <v>0.38</v>
      </c>
    </row>
    <row r="1801" spans="1:3" x14ac:dyDescent="0.25">
      <c r="A1801">
        <v>0.6</v>
      </c>
      <c r="B1801">
        <v>0.79</v>
      </c>
      <c r="C1801">
        <v>0.57999999999999996</v>
      </c>
    </row>
    <row r="1802" spans="1:3" x14ac:dyDescent="0.25">
      <c r="A1802">
        <v>0.6</v>
      </c>
      <c r="B1802">
        <v>0.85</v>
      </c>
      <c r="C1802">
        <v>0.16</v>
      </c>
    </row>
    <row r="1803" spans="1:3" x14ac:dyDescent="0.25">
      <c r="A1803">
        <v>0.6</v>
      </c>
      <c r="B1803">
        <v>0.93</v>
      </c>
      <c r="C1803">
        <v>0.72</v>
      </c>
    </row>
    <row r="1804" spans="1:3" x14ac:dyDescent="0.25">
      <c r="A1804">
        <v>0.6</v>
      </c>
      <c r="B1804">
        <v>0.96</v>
      </c>
      <c r="C1804">
        <v>0.33</v>
      </c>
    </row>
    <row r="1805" spans="1:3" x14ac:dyDescent="0.25">
      <c r="A1805">
        <v>0.6</v>
      </c>
      <c r="B1805">
        <v>0.97</v>
      </c>
      <c r="C1805">
        <v>0.43</v>
      </c>
    </row>
    <row r="1806" spans="1:3" x14ac:dyDescent="0.25">
      <c r="A1806">
        <v>0.6</v>
      </c>
      <c r="B1806">
        <v>0.99</v>
      </c>
      <c r="C1806">
        <v>0.32</v>
      </c>
    </row>
    <row r="1807" spans="1:3" x14ac:dyDescent="0.25">
      <c r="A1807">
        <v>0.6</v>
      </c>
      <c r="B1807">
        <v>1.01</v>
      </c>
      <c r="C1807">
        <v>0.31</v>
      </c>
    </row>
    <row r="1808" spans="1:3" x14ac:dyDescent="0.25">
      <c r="A1808">
        <v>0.6</v>
      </c>
      <c r="B1808">
        <v>1.04</v>
      </c>
      <c r="C1808">
        <v>0.54</v>
      </c>
    </row>
    <row r="1809" spans="1:3" x14ac:dyDescent="0.25">
      <c r="A1809">
        <v>0.6</v>
      </c>
      <c r="B1809">
        <v>1.06</v>
      </c>
      <c r="C1809">
        <v>0.8</v>
      </c>
    </row>
    <row r="1810" spans="1:3" x14ac:dyDescent="0.25">
      <c r="A1810">
        <v>0.6</v>
      </c>
      <c r="B1810">
        <v>1.1100000000000001</v>
      </c>
      <c r="C1810">
        <v>0.51</v>
      </c>
    </row>
    <row r="1811" spans="1:3" x14ac:dyDescent="0.25">
      <c r="A1811">
        <v>0.6</v>
      </c>
      <c r="B1811">
        <v>1.1299999999999999</v>
      </c>
      <c r="C1811">
        <v>0.61</v>
      </c>
    </row>
    <row r="1812" spans="1:3" x14ac:dyDescent="0.25">
      <c r="A1812">
        <v>0.6</v>
      </c>
      <c r="B1812">
        <v>1.1499999999999999</v>
      </c>
      <c r="C1812">
        <v>0.38</v>
      </c>
    </row>
    <row r="1813" spans="1:3" x14ac:dyDescent="0.25">
      <c r="A1813">
        <v>0.6</v>
      </c>
      <c r="B1813">
        <v>1.1499999999999999</v>
      </c>
      <c r="C1813">
        <v>0.83</v>
      </c>
    </row>
    <row r="1814" spans="1:3" x14ac:dyDescent="0.25">
      <c r="A1814">
        <v>0.6</v>
      </c>
      <c r="B1814">
        <v>1.19</v>
      </c>
      <c r="C1814">
        <v>0.8</v>
      </c>
    </row>
    <row r="1815" spans="1:3" x14ac:dyDescent="0.25">
      <c r="A1815">
        <v>0.6</v>
      </c>
      <c r="B1815">
        <v>1.19</v>
      </c>
      <c r="C1815">
        <v>0.53</v>
      </c>
    </row>
    <row r="1816" spans="1:3" x14ac:dyDescent="0.25">
      <c r="A1816">
        <v>0.6</v>
      </c>
      <c r="B1816">
        <v>1.24</v>
      </c>
      <c r="C1816">
        <v>0.38</v>
      </c>
    </row>
    <row r="1817" spans="1:3" x14ac:dyDescent="0.25">
      <c r="A1817">
        <v>0.6</v>
      </c>
      <c r="B1817">
        <v>1.26</v>
      </c>
      <c r="C1817">
        <v>0.51</v>
      </c>
    </row>
    <row r="1818" spans="1:3" x14ac:dyDescent="0.25">
      <c r="A1818">
        <v>0.6</v>
      </c>
      <c r="B1818">
        <v>1.3</v>
      </c>
      <c r="C1818">
        <v>0.48</v>
      </c>
    </row>
    <row r="1819" spans="1:3" x14ac:dyDescent="0.25">
      <c r="A1819">
        <v>0.6</v>
      </c>
      <c r="B1819">
        <v>1.31</v>
      </c>
      <c r="C1819">
        <v>0.56000000000000005</v>
      </c>
    </row>
    <row r="1820" spans="1:3" x14ac:dyDescent="0.25">
      <c r="A1820">
        <v>0.6</v>
      </c>
      <c r="B1820">
        <v>1.38</v>
      </c>
      <c r="C1820">
        <v>0.72</v>
      </c>
    </row>
    <row r="1821" spans="1:3" x14ac:dyDescent="0.25">
      <c r="A1821">
        <v>0.6</v>
      </c>
      <c r="B1821">
        <v>1.44</v>
      </c>
      <c r="C1821">
        <v>0.13</v>
      </c>
    </row>
    <row r="1822" spans="1:3" x14ac:dyDescent="0.25">
      <c r="A1822">
        <v>0.6</v>
      </c>
      <c r="B1822">
        <v>1.48</v>
      </c>
      <c r="C1822">
        <v>0.68</v>
      </c>
    </row>
    <row r="1823" spans="1:3" x14ac:dyDescent="0.25">
      <c r="A1823">
        <v>0.6</v>
      </c>
      <c r="B1823">
        <v>1.5</v>
      </c>
      <c r="C1823">
        <v>0.08</v>
      </c>
    </row>
    <row r="1824" spans="1:3" x14ac:dyDescent="0.25">
      <c r="A1824">
        <v>0.61</v>
      </c>
      <c r="B1824">
        <v>0.52</v>
      </c>
      <c r="C1824">
        <v>0.35</v>
      </c>
    </row>
    <row r="1825" spans="1:3" x14ac:dyDescent="0.25">
      <c r="A1825">
        <v>0.61</v>
      </c>
      <c r="B1825">
        <v>0.6</v>
      </c>
      <c r="C1825">
        <v>0.91</v>
      </c>
    </row>
    <row r="1826" spans="1:3" x14ac:dyDescent="0.25">
      <c r="A1826">
        <v>0.61</v>
      </c>
      <c r="B1826">
        <v>0.65</v>
      </c>
      <c r="C1826">
        <v>0.35</v>
      </c>
    </row>
    <row r="1827" spans="1:3" x14ac:dyDescent="0.25">
      <c r="A1827">
        <v>0.61</v>
      </c>
      <c r="B1827">
        <v>0.67</v>
      </c>
      <c r="C1827">
        <v>0.7</v>
      </c>
    </row>
    <row r="1828" spans="1:3" x14ac:dyDescent="0.25">
      <c r="A1828">
        <v>0.61</v>
      </c>
      <c r="B1828">
        <v>0.73</v>
      </c>
      <c r="C1828">
        <v>0.6</v>
      </c>
    </row>
    <row r="1829" spans="1:3" x14ac:dyDescent="0.25">
      <c r="A1829">
        <v>0.61</v>
      </c>
      <c r="B1829">
        <v>0.74</v>
      </c>
      <c r="C1829">
        <v>0.75</v>
      </c>
    </row>
    <row r="1830" spans="1:3" x14ac:dyDescent="0.25">
      <c r="A1830">
        <v>0.61</v>
      </c>
      <c r="B1830">
        <v>0.84</v>
      </c>
      <c r="C1830">
        <v>0.42</v>
      </c>
    </row>
    <row r="1831" spans="1:3" x14ac:dyDescent="0.25">
      <c r="A1831">
        <v>0.61</v>
      </c>
      <c r="B1831">
        <v>0.85</v>
      </c>
      <c r="C1831">
        <v>0.13</v>
      </c>
    </row>
    <row r="1832" spans="1:3" x14ac:dyDescent="0.25">
      <c r="A1832">
        <v>0.61</v>
      </c>
      <c r="B1832">
        <v>0.86</v>
      </c>
      <c r="C1832">
        <v>0.73</v>
      </c>
    </row>
    <row r="1833" spans="1:3" x14ac:dyDescent="0.25">
      <c r="A1833">
        <v>0.61</v>
      </c>
      <c r="B1833">
        <v>0.89</v>
      </c>
      <c r="C1833">
        <v>0.11</v>
      </c>
    </row>
    <row r="1834" spans="1:3" x14ac:dyDescent="0.25">
      <c r="A1834">
        <v>0.61</v>
      </c>
      <c r="B1834">
        <v>0.9</v>
      </c>
      <c r="C1834">
        <v>0.75</v>
      </c>
    </row>
    <row r="1835" spans="1:3" x14ac:dyDescent="0.25">
      <c r="A1835">
        <v>0.61</v>
      </c>
      <c r="B1835">
        <v>0.9</v>
      </c>
      <c r="C1835">
        <v>0.56000000000000005</v>
      </c>
    </row>
    <row r="1836" spans="1:3" x14ac:dyDescent="0.25">
      <c r="A1836">
        <v>0.61</v>
      </c>
      <c r="B1836">
        <v>0.95</v>
      </c>
      <c r="C1836">
        <v>0.85</v>
      </c>
    </row>
    <row r="1837" spans="1:3" x14ac:dyDescent="0.25">
      <c r="A1837">
        <v>0.61</v>
      </c>
      <c r="B1837">
        <v>0.96</v>
      </c>
      <c r="C1837">
        <v>0.72</v>
      </c>
    </row>
    <row r="1838" spans="1:3" x14ac:dyDescent="0.25">
      <c r="A1838">
        <v>0.61</v>
      </c>
      <c r="B1838">
        <v>1.05</v>
      </c>
      <c r="C1838">
        <v>0.39</v>
      </c>
    </row>
    <row r="1839" spans="1:3" x14ac:dyDescent="0.25">
      <c r="A1839">
        <v>0.61</v>
      </c>
      <c r="B1839">
        <v>1.1100000000000001</v>
      </c>
      <c r="C1839">
        <v>0.6</v>
      </c>
    </row>
    <row r="1840" spans="1:3" x14ac:dyDescent="0.25">
      <c r="A1840">
        <v>0.61</v>
      </c>
      <c r="B1840">
        <v>1.1100000000000001</v>
      </c>
      <c r="C1840">
        <v>0.61</v>
      </c>
    </row>
    <row r="1841" spans="1:3" x14ac:dyDescent="0.25">
      <c r="A1841">
        <v>0.61</v>
      </c>
      <c r="B1841">
        <v>1.1599999999999999</v>
      </c>
      <c r="C1841">
        <v>0.71</v>
      </c>
    </row>
    <row r="1842" spans="1:3" x14ac:dyDescent="0.25">
      <c r="A1842">
        <v>0.61</v>
      </c>
      <c r="B1842">
        <v>1.18</v>
      </c>
      <c r="C1842">
        <v>0.5</v>
      </c>
    </row>
    <row r="1843" spans="1:3" x14ac:dyDescent="0.25">
      <c r="A1843">
        <v>0.61</v>
      </c>
      <c r="B1843">
        <v>1.2</v>
      </c>
      <c r="C1843">
        <v>0.48</v>
      </c>
    </row>
    <row r="1844" spans="1:3" x14ac:dyDescent="0.25">
      <c r="A1844">
        <v>0.61</v>
      </c>
      <c r="B1844">
        <v>1.2</v>
      </c>
      <c r="C1844">
        <v>0.28000000000000003</v>
      </c>
    </row>
    <row r="1845" spans="1:3" x14ac:dyDescent="0.25">
      <c r="A1845">
        <v>0.61</v>
      </c>
      <c r="B1845">
        <v>1.22</v>
      </c>
      <c r="C1845">
        <v>0.14000000000000001</v>
      </c>
    </row>
    <row r="1846" spans="1:3" x14ac:dyDescent="0.25">
      <c r="A1846">
        <v>0.61</v>
      </c>
      <c r="B1846">
        <v>1.24</v>
      </c>
      <c r="C1846">
        <v>0.78</v>
      </c>
    </row>
    <row r="1847" spans="1:3" x14ac:dyDescent="0.25">
      <c r="A1847">
        <v>0.61</v>
      </c>
      <c r="B1847">
        <v>1.27</v>
      </c>
      <c r="C1847">
        <v>0.48</v>
      </c>
    </row>
    <row r="1848" spans="1:3" x14ac:dyDescent="0.25">
      <c r="A1848">
        <v>0.61</v>
      </c>
      <c r="B1848">
        <v>1.3</v>
      </c>
      <c r="C1848">
        <v>0.95</v>
      </c>
    </row>
    <row r="1849" spans="1:3" x14ac:dyDescent="0.25">
      <c r="A1849">
        <v>0.61</v>
      </c>
      <c r="B1849">
        <v>1.35</v>
      </c>
      <c r="C1849">
        <v>0.49</v>
      </c>
    </row>
    <row r="1850" spans="1:3" x14ac:dyDescent="0.25">
      <c r="A1850">
        <v>0.61</v>
      </c>
      <c r="B1850">
        <v>1.37</v>
      </c>
      <c r="C1850">
        <v>0.2</v>
      </c>
    </row>
    <row r="1851" spans="1:3" x14ac:dyDescent="0.25">
      <c r="A1851">
        <v>0.61</v>
      </c>
      <c r="B1851">
        <v>1.41</v>
      </c>
      <c r="C1851">
        <v>0.36</v>
      </c>
    </row>
    <row r="1852" spans="1:3" x14ac:dyDescent="0.25">
      <c r="A1852">
        <v>0.61</v>
      </c>
      <c r="B1852">
        <v>1.41</v>
      </c>
      <c r="C1852">
        <v>0.44</v>
      </c>
    </row>
    <row r="1853" spans="1:3" x14ac:dyDescent="0.25">
      <c r="A1853">
        <v>0.61</v>
      </c>
      <c r="B1853">
        <v>1.49</v>
      </c>
      <c r="C1853">
        <v>0.45</v>
      </c>
    </row>
    <row r="1854" spans="1:3" x14ac:dyDescent="0.25">
      <c r="A1854">
        <v>0.61</v>
      </c>
      <c r="B1854">
        <v>1.5</v>
      </c>
      <c r="C1854">
        <v>0.74</v>
      </c>
    </row>
    <row r="1855" spans="1:3" x14ac:dyDescent="0.25">
      <c r="A1855">
        <v>0.62</v>
      </c>
      <c r="B1855">
        <v>0.53</v>
      </c>
      <c r="C1855">
        <v>0.16</v>
      </c>
    </row>
    <row r="1856" spans="1:3" x14ac:dyDescent="0.25">
      <c r="A1856">
        <v>0.62</v>
      </c>
      <c r="B1856">
        <v>0.54</v>
      </c>
      <c r="C1856">
        <v>0.17</v>
      </c>
    </row>
    <row r="1857" spans="1:3" x14ac:dyDescent="0.25">
      <c r="A1857">
        <v>0.62</v>
      </c>
      <c r="B1857">
        <v>0.63</v>
      </c>
      <c r="C1857">
        <v>0.55000000000000004</v>
      </c>
    </row>
    <row r="1858" spans="1:3" x14ac:dyDescent="0.25">
      <c r="A1858">
        <v>0.62</v>
      </c>
      <c r="B1858">
        <v>0.64</v>
      </c>
      <c r="C1858">
        <v>0.18</v>
      </c>
    </row>
    <row r="1859" spans="1:3" x14ac:dyDescent="0.25">
      <c r="A1859">
        <v>0.62</v>
      </c>
      <c r="B1859">
        <v>0.67</v>
      </c>
      <c r="C1859">
        <v>0.77</v>
      </c>
    </row>
    <row r="1860" spans="1:3" x14ac:dyDescent="0.25">
      <c r="A1860">
        <v>0.62</v>
      </c>
      <c r="B1860">
        <v>0.68</v>
      </c>
      <c r="C1860">
        <v>0.42</v>
      </c>
    </row>
    <row r="1861" spans="1:3" x14ac:dyDescent="0.25">
      <c r="A1861">
        <v>0.62</v>
      </c>
      <c r="B1861">
        <v>0.69</v>
      </c>
      <c r="C1861">
        <v>0.82</v>
      </c>
    </row>
    <row r="1862" spans="1:3" x14ac:dyDescent="0.25">
      <c r="A1862">
        <v>0.62</v>
      </c>
      <c r="B1862">
        <v>0.72</v>
      </c>
      <c r="C1862">
        <v>0.16</v>
      </c>
    </row>
    <row r="1863" spans="1:3" x14ac:dyDescent="0.25">
      <c r="A1863">
        <v>0.62</v>
      </c>
      <c r="B1863">
        <v>0.74</v>
      </c>
      <c r="C1863">
        <v>0.59</v>
      </c>
    </row>
    <row r="1864" spans="1:3" x14ac:dyDescent="0.25">
      <c r="A1864">
        <v>0.62</v>
      </c>
      <c r="B1864">
        <v>0.88</v>
      </c>
      <c r="C1864">
        <v>0.38</v>
      </c>
    </row>
    <row r="1865" spans="1:3" x14ac:dyDescent="0.25">
      <c r="A1865">
        <v>0.62</v>
      </c>
      <c r="B1865">
        <v>0.88</v>
      </c>
      <c r="C1865">
        <v>0.22</v>
      </c>
    </row>
    <row r="1866" spans="1:3" x14ac:dyDescent="0.25">
      <c r="A1866">
        <v>0.62</v>
      </c>
      <c r="B1866">
        <v>0.9</v>
      </c>
      <c r="C1866">
        <v>0.74</v>
      </c>
    </row>
    <row r="1867" spans="1:3" x14ac:dyDescent="0.25">
      <c r="A1867">
        <v>0.62</v>
      </c>
      <c r="B1867">
        <v>0.91</v>
      </c>
      <c r="C1867">
        <v>0.56999999999999995</v>
      </c>
    </row>
    <row r="1868" spans="1:3" x14ac:dyDescent="0.25">
      <c r="A1868">
        <v>0.62</v>
      </c>
      <c r="B1868">
        <v>0.93</v>
      </c>
      <c r="C1868">
        <v>0.42</v>
      </c>
    </row>
    <row r="1869" spans="1:3" x14ac:dyDescent="0.25">
      <c r="A1869">
        <v>0.62</v>
      </c>
      <c r="B1869">
        <v>0.94</v>
      </c>
      <c r="C1869">
        <v>0.75</v>
      </c>
    </row>
    <row r="1870" spans="1:3" x14ac:dyDescent="0.25">
      <c r="A1870">
        <v>0.62</v>
      </c>
      <c r="B1870">
        <v>0.98</v>
      </c>
      <c r="C1870">
        <v>0.46</v>
      </c>
    </row>
    <row r="1871" spans="1:3" x14ac:dyDescent="0.25">
      <c r="A1871">
        <v>0.62</v>
      </c>
      <c r="B1871">
        <v>0.99</v>
      </c>
      <c r="C1871">
        <v>0.05</v>
      </c>
    </row>
    <row r="1872" spans="1:3" x14ac:dyDescent="0.25">
      <c r="A1872">
        <v>0.62</v>
      </c>
      <c r="B1872">
        <v>1.01</v>
      </c>
      <c r="C1872">
        <v>0.78</v>
      </c>
    </row>
    <row r="1873" spans="1:3" x14ac:dyDescent="0.25">
      <c r="A1873">
        <v>0.62</v>
      </c>
      <c r="B1873">
        <v>1.07</v>
      </c>
      <c r="C1873">
        <v>0.74</v>
      </c>
    </row>
    <row r="1874" spans="1:3" x14ac:dyDescent="0.25">
      <c r="A1874">
        <v>0.62</v>
      </c>
      <c r="B1874">
        <v>1.08</v>
      </c>
      <c r="C1874">
        <v>0.75</v>
      </c>
    </row>
    <row r="1875" spans="1:3" x14ac:dyDescent="0.25">
      <c r="A1875">
        <v>0.62</v>
      </c>
      <c r="B1875">
        <v>1.1100000000000001</v>
      </c>
      <c r="C1875">
        <v>0.05</v>
      </c>
    </row>
    <row r="1876" spans="1:3" x14ac:dyDescent="0.25">
      <c r="A1876">
        <v>0.62</v>
      </c>
      <c r="B1876">
        <v>1.1100000000000001</v>
      </c>
      <c r="C1876">
        <v>0.39</v>
      </c>
    </row>
    <row r="1877" spans="1:3" x14ac:dyDescent="0.25">
      <c r="A1877">
        <v>0.62</v>
      </c>
      <c r="B1877">
        <v>1.23</v>
      </c>
      <c r="C1877">
        <v>0.32</v>
      </c>
    </row>
    <row r="1878" spans="1:3" x14ac:dyDescent="0.25">
      <c r="A1878">
        <v>0.62</v>
      </c>
      <c r="B1878">
        <v>1.26</v>
      </c>
      <c r="C1878">
        <v>0.91</v>
      </c>
    </row>
    <row r="1879" spans="1:3" x14ac:dyDescent="0.25">
      <c r="A1879">
        <v>0.62</v>
      </c>
      <c r="B1879">
        <v>1.35</v>
      </c>
      <c r="C1879">
        <v>0.11</v>
      </c>
    </row>
    <row r="1880" spans="1:3" x14ac:dyDescent="0.25">
      <c r="A1880">
        <v>0.62</v>
      </c>
      <c r="B1880">
        <v>1.37</v>
      </c>
      <c r="C1880">
        <v>0.22</v>
      </c>
    </row>
    <row r="1881" spans="1:3" x14ac:dyDescent="0.25">
      <c r="A1881">
        <v>0.62</v>
      </c>
      <c r="B1881">
        <v>1.38</v>
      </c>
      <c r="C1881">
        <v>0.37</v>
      </c>
    </row>
    <row r="1882" spans="1:3" x14ac:dyDescent="0.25">
      <c r="A1882">
        <v>0.62</v>
      </c>
      <c r="B1882">
        <v>1.39</v>
      </c>
      <c r="C1882">
        <v>0.71</v>
      </c>
    </row>
    <row r="1883" spans="1:3" x14ac:dyDescent="0.25">
      <c r="A1883">
        <v>0.62</v>
      </c>
      <c r="B1883">
        <v>1.44</v>
      </c>
      <c r="C1883">
        <v>0.44</v>
      </c>
    </row>
    <row r="1884" spans="1:3" x14ac:dyDescent="0.25">
      <c r="A1884">
        <v>0.62</v>
      </c>
      <c r="B1884">
        <v>1.47</v>
      </c>
      <c r="C1884">
        <v>0.08</v>
      </c>
    </row>
    <row r="1885" spans="1:3" x14ac:dyDescent="0.25">
      <c r="A1885">
        <v>0.62</v>
      </c>
      <c r="B1885">
        <v>1.47</v>
      </c>
      <c r="C1885">
        <v>0.42</v>
      </c>
    </row>
    <row r="1886" spans="1:3" x14ac:dyDescent="0.25">
      <c r="A1886">
        <v>0.62</v>
      </c>
      <c r="B1886">
        <v>1.48</v>
      </c>
      <c r="C1886">
        <v>0.55000000000000004</v>
      </c>
    </row>
    <row r="1887" spans="1:3" x14ac:dyDescent="0.25">
      <c r="A1887">
        <v>0.63</v>
      </c>
      <c r="B1887">
        <v>0.56999999999999995</v>
      </c>
      <c r="C1887">
        <v>0.37</v>
      </c>
    </row>
    <row r="1888" spans="1:3" x14ac:dyDescent="0.25">
      <c r="A1888">
        <v>0.63</v>
      </c>
      <c r="B1888">
        <v>0.57999999999999996</v>
      </c>
      <c r="C1888">
        <v>0.35</v>
      </c>
    </row>
    <row r="1889" spans="1:3" x14ac:dyDescent="0.25">
      <c r="A1889">
        <v>0.63</v>
      </c>
      <c r="B1889">
        <v>0.63</v>
      </c>
      <c r="C1889">
        <v>0.39</v>
      </c>
    </row>
    <row r="1890" spans="1:3" x14ac:dyDescent="0.25">
      <c r="A1890">
        <v>0.63</v>
      </c>
      <c r="B1890">
        <v>0.64</v>
      </c>
      <c r="C1890">
        <v>0.44</v>
      </c>
    </row>
    <row r="1891" spans="1:3" x14ac:dyDescent="0.25">
      <c r="A1891">
        <v>0.63</v>
      </c>
      <c r="B1891">
        <v>0.67</v>
      </c>
      <c r="C1891">
        <v>0.27</v>
      </c>
    </row>
    <row r="1892" spans="1:3" x14ac:dyDescent="0.25">
      <c r="A1892">
        <v>0.63</v>
      </c>
      <c r="B1892">
        <v>0.68</v>
      </c>
      <c r="C1892">
        <v>0.34</v>
      </c>
    </row>
    <row r="1893" spans="1:3" x14ac:dyDescent="0.25">
      <c r="A1893">
        <v>0.63</v>
      </c>
      <c r="B1893">
        <v>0.72</v>
      </c>
      <c r="C1893">
        <v>0.8</v>
      </c>
    </row>
    <row r="1894" spans="1:3" x14ac:dyDescent="0.25">
      <c r="A1894">
        <v>0.63</v>
      </c>
      <c r="B1894">
        <v>0.72</v>
      </c>
      <c r="C1894">
        <v>0.4</v>
      </c>
    </row>
    <row r="1895" spans="1:3" x14ac:dyDescent="0.25">
      <c r="A1895">
        <v>0.63</v>
      </c>
      <c r="B1895">
        <v>0.78</v>
      </c>
      <c r="C1895">
        <v>0.93</v>
      </c>
    </row>
    <row r="1896" spans="1:3" x14ac:dyDescent="0.25">
      <c r="A1896">
        <v>0.63</v>
      </c>
      <c r="B1896">
        <v>0.79</v>
      </c>
      <c r="C1896">
        <v>0.34</v>
      </c>
    </row>
    <row r="1897" spans="1:3" x14ac:dyDescent="0.25">
      <c r="A1897">
        <v>0.63</v>
      </c>
      <c r="B1897">
        <v>0.85</v>
      </c>
      <c r="C1897">
        <v>0.77</v>
      </c>
    </row>
    <row r="1898" spans="1:3" x14ac:dyDescent="0.25">
      <c r="A1898">
        <v>0.63</v>
      </c>
      <c r="B1898">
        <v>0.92</v>
      </c>
      <c r="C1898">
        <v>0.52</v>
      </c>
    </row>
    <row r="1899" spans="1:3" x14ac:dyDescent="0.25">
      <c r="A1899">
        <v>0.63</v>
      </c>
      <c r="B1899">
        <v>0.98</v>
      </c>
      <c r="C1899">
        <v>0.3</v>
      </c>
    </row>
    <row r="1900" spans="1:3" x14ac:dyDescent="0.25">
      <c r="A1900">
        <v>0.63</v>
      </c>
      <c r="B1900">
        <v>1.01</v>
      </c>
      <c r="C1900">
        <v>0.49</v>
      </c>
    </row>
    <row r="1901" spans="1:3" x14ac:dyDescent="0.25">
      <c r="A1901">
        <v>0.63</v>
      </c>
      <c r="B1901">
        <v>1.05</v>
      </c>
      <c r="C1901">
        <v>0.53</v>
      </c>
    </row>
    <row r="1902" spans="1:3" x14ac:dyDescent="0.25">
      <c r="A1902">
        <v>0.63</v>
      </c>
      <c r="B1902">
        <v>1.08</v>
      </c>
      <c r="C1902">
        <v>0.69</v>
      </c>
    </row>
    <row r="1903" spans="1:3" x14ac:dyDescent="0.25">
      <c r="A1903">
        <v>0.63</v>
      </c>
      <c r="B1903">
        <v>1.1100000000000001</v>
      </c>
      <c r="C1903">
        <v>0.12</v>
      </c>
    </row>
    <row r="1904" spans="1:3" x14ac:dyDescent="0.25">
      <c r="A1904">
        <v>0.63</v>
      </c>
      <c r="B1904">
        <v>1.1200000000000001</v>
      </c>
      <c r="C1904">
        <v>0.08</v>
      </c>
    </row>
    <row r="1905" spans="1:3" x14ac:dyDescent="0.25">
      <c r="A1905">
        <v>0.63</v>
      </c>
      <c r="B1905">
        <v>1.1599999999999999</v>
      </c>
      <c r="C1905">
        <v>0.49</v>
      </c>
    </row>
    <row r="1906" spans="1:3" x14ac:dyDescent="0.25">
      <c r="A1906">
        <v>0.63</v>
      </c>
      <c r="B1906">
        <v>1.2</v>
      </c>
      <c r="C1906">
        <v>0.56000000000000005</v>
      </c>
    </row>
    <row r="1907" spans="1:3" x14ac:dyDescent="0.25">
      <c r="A1907">
        <v>0.63</v>
      </c>
      <c r="B1907">
        <v>1.2</v>
      </c>
      <c r="C1907">
        <v>0.46</v>
      </c>
    </row>
    <row r="1908" spans="1:3" x14ac:dyDescent="0.25">
      <c r="A1908">
        <v>0.63</v>
      </c>
      <c r="B1908">
        <v>1.27</v>
      </c>
      <c r="C1908">
        <v>0.41</v>
      </c>
    </row>
    <row r="1909" spans="1:3" x14ac:dyDescent="0.25">
      <c r="A1909">
        <v>0.63</v>
      </c>
      <c r="B1909">
        <v>1.31</v>
      </c>
      <c r="C1909">
        <v>0.91</v>
      </c>
    </row>
    <row r="1910" spans="1:3" x14ac:dyDescent="0.25">
      <c r="A1910">
        <v>0.63</v>
      </c>
      <c r="B1910">
        <v>1.35</v>
      </c>
      <c r="C1910">
        <v>0.21</v>
      </c>
    </row>
    <row r="1911" spans="1:3" x14ac:dyDescent="0.25">
      <c r="A1911">
        <v>0.63</v>
      </c>
      <c r="B1911">
        <v>1.35</v>
      </c>
      <c r="C1911">
        <v>0.91</v>
      </c>
    </row>
    <row r="1912" spans="1:3" x14ac:dyDescent="0.25">
      <c r="A1912">
        <v>0.63</v>
      </c>
      <c r="B1912">
        <v>1.38</v>
      </c>
      <c r="C1912">
        <v>0.92</v>
      </c>
    </row>
    <row r="1913" spans="1:3" x14ac:dyDescent="0.25">
      <c r="A1913">
        <v>0.63</v>
      </c>
      <c r="B1913">
        <v>1.39</v>
      </c>
      <c r="C1913">
        <v>0.85</v>
      </c>
    </row>
    <row r="1914" spans="1:3" x14ac:dyDescent="0.25">
      <c r="A1914">
        <v>0.63</v>
      </c>
      <c r="B1914">
        <v>1.42</v>
      </c>
      <c r="C1914">
        <v>0.81</v>
      </c>
    </row>
    <row r="1915" spans="1:3" x14ac:dyDescent="0.25">
      <c r="A1915">
        <v>0.63</v>
      </c>
      <c r="B1915">
        <v>1.43</v>
      </c>
      <c r="C1915">
        <v>0.53</v>
      </c>
    </row>
    <row r="1916" spans="1:3" x14ac:dyDescent="0.25">
      <c r="A1916">
        <v>0.64</v>
      </c>
      <c r="B1916">
        <v>0.5</v>
      </c>
      <c r="C1916">
        <v>0.4</v>
      </c>
    </row>
    <row r="1917" spans="1:3" x14ac:dyDescent="0.25">
      <c r="A1917">
        <v>0.64</v>
      </c>
      <c r="B1917">
        <v>0.51</v>
      </c>
      <c r="C1917">
        <v>0.71</v>
      </c>
    </row>
    <row r="1918" spans="1:3" x14ac:dyDescent="0.25">
      <c r="A1918">
        <v>0.64</v>
      </c>
      <c r="B1918">
        <v>0.53</v>
      </c>
      <c r="C1918">
        <v>0.22</v>
      </c>
    </row>
    <row r="1919" spans="1:3" x14ac:dyDescent="0.25">
      <c r="A1919">
        <v>0.64</v>
      </c>
      <c r="B1919">
        <v>0.59</v>
      </c>
      <c r="C1919">
        <v>0.31</v>
      </c>
    </row>
    <row r="1920" spans="1:3" x14ac:dyDescent="0.25">
      <c r="A1920">
        <v>0.64</v>
      </c>
      <c r="B1920">
        <v>0.63</v>
      </c>
      <c r="C1920">
        <v>0.31</v>
      </c>
    </row>
    <row r="1921" spans="1:3" x14ac:dyDescent="0.25">
      <c r="A1921">
        <v>0.64</v>
      </c>
      <c r="B1921">
        <v>0.64</v>
      </c>
      <c r="C1921">
        <v>0.67</v>
      </c>
    </row>
    <row r="1922" spans="1:3" x14ac:dyDescent="0.25">
      <c r="A1922">
        <v>0.64</v>
      </c>
      <c r="B1922">
        <v>0.66</v>
      </c>
      <c r="C1922">
        <v>0.42</v>
      </c>
    </row>
    <row r="1923" spans="1:3" x14ac:dyDescent="0.25">
      <c r="A1923">
        <v>0.64</v>
      </c>
      <c r="B1923">
        <v>0.67</v>
      </c>
      <c r="C1923">
        <v>7.0000000000000007E-2</v>
      </c>
    </row>
    <row r="1924" spans="1:3" x14ac:dyDescent="0.25">
      <c r="A1924">
        <v>0.64</v>
      </c>
      <c r="B1924">
        <v>0.7</v>
      </c>
      <c r="C1924">
        <v>0.92</v>
      </c>
    </row>
    <row r="1925" spans="1:3" x14ac:dyDescent="0.25">
      <c r="A1925">
        <v>0.64</v>
      </c>
      <c r="B1925">
        <v>0.71</v>
      </c>
      <c r="C1925">
        <v>0.2</v>
      </c>
    </row>
    <row r="1926" spans="1:3" x14ac:dyDescent="0.25">
      <c r="A1926">
        <v>0.64</v>
      </c>
      <c r="B1926">
        <v>0.74</v>
      </c>
      <c r="C1926">
        <v>0.23</v>
      </c>
    </row>
    <row r="1927" spans="1:3" x14ac:dyDescent="0.25">
      <c r="A1927">
        <v>0.64</v>
      </c>
      <c r="B1927">
        <v>0.79</v>
      </c>
      <c r="C1927">
        <v>0.4</v>
      </c>
    </row>
    <row r="1928" spans="1:3" x14ac:dyDescent="0.25">
      <c r="A1928">
        <v>0.64</v>
      </c>
      <c r="B1928">
        <v>0.83</v>
      </c>
      <c r="C1928">
        <v>0.76</v>
      </c>
    </row>
    <row r="1929" spans="1:3" x14ac:dyDescent="0.25">
      <c r="A1929">
        <v>0.64</v>
      </c>
      <c r="B1929">
        <v>0.84</v>
      </c>
      <c r="C1929">
        <v>0.35</v>
      </c>
    </row>
    <row r="1930" spans="1:3" x14ac:dyDescent="0.25">
      <c r="A1930">
        <v>0.64</v>
      </c>
      <c r="B1930">
        <v>0.86</v>
      </c>
      <c r="C1930">
        <v>0.32</v>
      </c>
    </row>
    <row r="1931" spans="1:3" x14ac:dyDescent="0.25">
      <c r="A1931">
        <v>0.64</v>
      </c>
      <c r="B1931">
        <v>0.87</v>
      </c>
      <c r="C1931">
        <v>0.64</v>
      </c>
    </row>
    <row r="1932" spans="1:3" x14ac:dyDescent="0.25">
      <c r="A1932">
        <v>0.64</v>
      </c>
      <c r="B1932">
        <v>0.88</v>
      </c>
      <c r="C1932">
        <v>0.09</v>
      </c>
    </row>
    <row r="1933" spans="1:3" x14ac:dyDescent="0.25">
      <c r="A1933">
        <v>0.64</v>
      </c>
      <c r="B1933">
        <v>0.88</v>
      </c>
      <c r="C1933">
        <v>0.82</v>
      </c>
    </row>
    <row r="1934" spans="1:3" x14ac:dyDescent="0.25">
      <c r="A1934">
        <v>0.64</v>
      </c>
      <c r="B1934">
        <v>0.89</v>
      </c>
      <c r="C1934">
        <v>0.83</v>
      </c>
    </row>
    <row r="1935" spans="1:3" x14ac:dyDescent="0.25">
      <c r="A1935">
        <v>0.64</v>
      </c>
      <c r="B1935">
        <v>0.94</v>
      </c>
      <c r="C1935">
        <v>0.39</v>
      </c>
    </row>
    <row r="1936" spans="1:3" x14ac:dyDescent="0.25">
      <c r="A1936">
        <v>0.64</v>
      </c>
      <c r="B1936">
        <v>1</v>
      </c>
      <c r="C1936">
        <v>0.14000000000000001</v>
      </c>
    </row>
    <row r="1937" spans="1:3" x14ac:dyDescent="0.25">
      <c r="A1937">
        <v>0.64</v>
      </c>
      <c r="B1937">
        <v>1.03</v>
      </c>
      <c r="C1937">
        <v>0.52</v>
      </c>
    </row>
    <row r="1938" spans="1:3" x14ac:dyDescent="0.25">
      <c r="A1938">
        <v>0.64</v>
      </c>
      <c r="B1938">
        <v>1.04</v>
      </c>
      <c r="C1938">
        <v>0.54</v>
      </c>
    </row>
    <row r="1939" spans="1:3" x14ac:dyDescent="0.25">
      <c r="A1939">
        <v>0.64</v>
      </c>
      <c r="B1939">
        <v>1.08</v>
      </c>
      <c r="C1939">
        <v>0.39</v>
      </c>
    </row>
    <row r="1940" spans="1:3" x14ac:dyDescent="0.25">
      <c r="A1940">
        <v>0.64</v>
      </c>
      <c r="B1940">
        <v>1.0900000000000001</v>
      </c>
      <c r="C1940">
        <v>0.27</v>
      </c>
    </row>
    <row r="1941" spans="1:3" x14ac:dyDescent="0.25">
      <c r="A1941">
        <v>0.64</v>
      </c>
      <c r="B1941">
        <v>1.0900000000000001</v>
      </c>
      <c r="C1941">
        <v>0.6</v>
      </c>
    </row>
    <row r="1942" spans="1:3" x14ac:dyDescent="0.25">
      <c r="A1942">
        <v>0.64</v>
      </c>
      <c r="B1942">
        <v>1.1000000000000001</v>
      </c>
      <c r="C1942">
        <v>0.8</v>
      </c>
    </row>
    <row r="1943" spans="1:3" x14ac:dyDescent="0.25">
      <c r="A1943">
        <v>0.64</v>
      </c>
      <c r="B1943">
        <v>1.1399999999999999</v>
      </c>
      <c r="C1943">
        <v>0.59</v>
      </c>
    </row>
    <row r="1944" spans="1:3" x14ac:dyDescent="0.25">
      <c r="A1944">
        <v>0.64</v>
      </c>
      <c r="B1944">
        <v>1.1499999999999999</v>
      </c>
      <c r="C1944">
        <v>7.0000000000000007E-2</v>
      </c>
    </row>
    <row r="1945" spans="1:3" x14ac:dyDescent="0.25">
      <c r="A1945">
        <v>0.64</v>
      </c>
      <c r="B1945">
        <v>1.18</v>
      </c>
      <c r="C1945">
        <v>0.08</v>
      </c>
    </row>
    <row r="1946" spans="1:3" x14ac:dyDescent="0.25">
      <c r="A1946">
        <v>0.64</v>
      </c>
      <c r="B1946">
        <v>1.2</v>
      </c>
      <c r="C1946">
        <v>0.93</v>
      </c>
    </row>
    <row r="1947" spans="1:3" x14ac:dyDescent="0.25">
      <c r="A1947">
        <v>0.64</v>
      </c>
      <c r="B1947">
        <v>1.27</v>
      </c>
      <c r="C1947">
        <v>0.56000000000000005</v>
      </c>
    </row>
    <row r="1948" spans="1:3" x14ac:dyDescent="0.25">
      <c r="A1948">
        <v>0.64</v>
      </c>
      <c r="B1948">
        <v>1.29</v>
      </c>
      <c r="C1948">
        <v>0.73</v>
      </c>
    </row>
    <row r="1949" spans="1:3" x14ac:dyDescent="0.25">
      <c r="A1949">
        <v>0.64</v>
      </c>
      <c r="B1949">
        <v>1.35</v>
      </c>
      <c r="C1949">
        <v>0.52</v>
      </c>
    </row>
    <row r="1950" spans="1:3" x14ac:dyDescent="0.25">
      <c r="A1950">
        <v>0.64</v>
      </c>
      <c r="B1950">
        <v>1.37</v>
      </c>
      <c r="C1950">
        <v>0.9</v>
      </c>
    </row>
    <row r="1951" spans="1:3" x14ac:dyDescent="0.25">
      <c r="A1951">
        <v>0.64</v>
      </c>
      <c r="B1951">
        <v>1.39</v>
      </c>
      <c r="C1951">
        <v>0.27</v>
      </c>
    </row>
    <row r="1952" spans="1:3" x14ac:dyDescent="0.25">
      <c r="A1952">
        <v>0.64</v>
      </c>
      <c r="B1952">
        <v>1.39</v>
      </c>
      <c r="C1952">
        <v>0.28000000000000003</v>
      </c>
    </row>
    <row r="1953" spans="1:3" x14ac:dyDescent="0.25">
      <c r="A1953">
        <v>0.64</v>
      </c>
      <c r="B1953">
        <v>1.45</v>
      </c>
      <c r="C1953">
        <v>0.49</v>
      </c>
    </row>
    <row r="1954" spans="1:3" x14ac:dyDescent="0.25">
      <c r="A1954">
        <v>0.65</v>
      </c>
      <c r="B1954">
        <v>0.5</v>
      </c>
      <c r="C1954">
        <v>0.4</v>
      </c>
    </row>
    <row r="1955" spans="1:3" x14ac:dyDescent="0.25">
      <c r="A1955">
        <v>0.65</v>
      </c>
      <c r="B1955">
        <v>0.55000000000000004</v>
      </c>
      <c r="C1955">
        <v>0.42</v>
      </c>
    </row>
    <row r="1956" spans="1:3" x14ac:dyDescent="0.25">
      <c r="A1956">
        <v>0.65</v>
      </c>
      <c r="B1956">
        <v>0.56000000000000005</v>
      </c>
      <c r="C1956">
        <v>0.25</v>
      </c>
    </row>
    <row r="1957" spans="1:3" x14ac:dyDescent="0.25">
      <c r="A1957">
        <v>0.65</v>
      </c>
      <c r="B1957">
        <v>0.57999999999999996</v>
      </c>
      <c r="C1957">
        <v>0.06</v>
      </c>
    </row>
    <row r="1958" spans="1:3" x14ac:dyDescent="0.25">
      <c r="A1958">
        <v>0.65</v>
      </c>
      <c r="B1958">
        <v>0.62</v>
      </c>
      <c r="C1958">
        <v>0.51</v>
      </c>
    </row>
    <row r="1959" spans="1:3" x14ac:dyDescent="0.25">
      <c r="A1959">
        <v>0.65</v>
      </c>
      <c r="B1959">
        <v>0.65</v>
      </c>
      <c r="C1959">
        <v>0.94</v>
      </c>
    </row>
    <row r="1960" spans="1:3" x14ac:dyDescent="0.25">
      <c r="A1960">
        <v>0.65</v>
      </c>
      <c r="B1960">
        <v>0.65</v>
      </c>
      <c r="C1960">
        <v>0.55000000000000004</v>
      </c>
    </row>
    <row r="1961" spans="1:3" x14ac:dyDescent="0.25">
      <c r="A1961">
        <v>0.65</v>
      </c>
      <c r="B1961">
        <v>0.66</v>
      </c>
      <c r="C1961">
        <v>0.43</v>
      </c>
    </row>
    <row r="1962" spans="1:3" x14ac:dyDescent="0.25">
      <c r="A1962">
        <v>0.65</v>
      </c>
      <c r="B1962">
        <v>0.67</v>
      </c>
      <c r="C1962">
        <v>0.31</v>
      </c>
    </row>
    <row r="1963" spans="1:3" x14ac:dyDescent="0.25">
      <c r="A1963">
        <v>0.65</v>
      </c>
      <c r="B1963">
        <v>0.68</v>
      </c>
      <c r="C1963">
        <v>0.83</v>
      </c>
    </row>
    <row r="1964" spans="1:3" x14ac:dyDescent="0.25">
      <c r="A1964">
        <v>0.65</v>
      </c>
      <c r="B1964">
        <v>0.72</v>
      </c>
      <c r="C1964">
        <v>0.57999999999999996</v>
      </c>
    </row>
    <row r="1965" spans="1:3" x14ac:dyDescent="0.25">
      <c r="A1965">
        <v>0.65</v>
      </c>
      <c r="B1965">
        <v>0.74</v>
      </c>
      <c r="C1965">
        <v>0.35</v>
      </c>
    </row>
    <row r="1966" spans="1:3" x14ac:dyDescent="0.25">
      <c r="A1966">
        <v>0.65</v>
      </c>
      <c r="B1966">
        <v>0.78</v>
      </c>
      <c r="C1966">
        <v>0.62</v>
      </c>
    </row>
    <row r="1967" spans="1:3" x14ac:dyDescent="0.25">
      <c r="A1967">
        <v>0.65</v>
      </c>
      <c r="B1967">
        <v>0.83</v>
      </c>
      <c r="C1967">
        <v>0.46</v>
      </c>
    </row>
    <row r="1968" spans="1:3" x14ac:dyDescent="0.25">
      <c r="A1968">
        <v>0.65</v>
      </c>
      <c r="B1968">
        <v>0.85</v>
      </c>
      <c r="C1968">
        <v>0.67</v>
      </c>
    </row>
    <row r="1969" spans="1:3" x14ac:dyDescent="0.25">
      <c r="A1969">
        <v>0.65</v>
      </c>
      <c r="B1969">
        <v>0.86</v>
      </c>
      <c r="C1969">
        <v>0.11</v>
      </c>
    </row>
    <row r="1970" spans="1:3" x14ac:dyDescent="0.25">
      <c r="A1970">
        <v>0.65</v>
      </c>
      <c r="B1970">
        <v>0.87</v>
      </c>
      <c r="C1970">
        <v>0.43</v>
      </c>
    </row>
    <row r="1971" spans="1:3" x14ac:dyDescent="0.25">
      <c r="A1971">
        <v>0.65</v>
      </c>
      <c r="B1971">
        <v>0.92</v>
      </c>
      <c r="C1971">
        <v>0.35</v>
      </c>
    </row>
    <row r="1972" spans="1:3" x14ac:dyDescent="0.25">
      <c r="A1972">
        <v>0.65</v>
      </c>
      <c r="B1972">
        <v>0.92</v>
      </c>
      <c r="C1972">
        <v>0.57999999999999996</v>
      </c>
    </row>
    <row r="1973" spans="1:3" x14ac:dyDescent="0.25">
      <c r="A1973">
        <v>0.65</v>
      </c>
      <c r="B1973">
        <v>0.94</v>
      </c>
      <c r="C1973">
        <v>0.76</v>
      </c>
    </row>
    <row r="1974" spans="1:3" x14ac:dyDescent="0.25">
      <c r="A1974">
        <v>0.65</v>
      </c>
      <c r="B1974">
        <v>0.97</v>
      </c>
      <c r="C1974">
        <v>0.54</v>
      </c>
    </row>
    <row r="1975" spans="1:3" x14ac:dyDescent="0.25">
      <c r="A1975">
        <v>0.65</v>
      </c>
      <c r="B1975">
        <v>0.98</v>
      </c>
      <c r="C1975">
        <v>0.85</v>
      </c>
    </row>
    <row r="1976" spans="1:3" x14ac:dyDescent="0.25">
      <c r="A1976">
        <v>0.65</v>
      </c>
      <c r="B1976">
        <v>0.99</v>
      </c>
      <c r="C1976">
        <v>0.6</v>
      </c>
    </row>
    <row r="1977" spans="1:3" x14ac:dyDescent="0.25">
      <c r="A1977">
        <v>0.65</v>
      </c>
      <c r="B1977">
        <v>0.99</v>
      </c>
      <c r="C1977">
        <v>0.26</v>
      </c>
    </row>
    <row r="1978" spans="1:3" x14ac:dyDescent="0.25">
      <c r="A1978">
        <v>0.65</v>
      </c>
      <c r="B1978">
        <v>1.03</v>
      </c>
      <c r="C1978">
        <v>0.39</v>
      </c>
    </row>
    <row r="1979" spans="1:3" x14ac:dyDescent="0.25">
      <c r="A1979">
        <v>0.65</v>
      </c>
      <c r="B1979">
        <v>1.04</v>
      </c>
      <c r="C1979">
        <v>0.56999999999999995</v>
      </c>
    </row>
    <row r="1980" spans="1:3" x14ac:dyDescent="0.25">
      <c r="A1980">
        <v>0.65</v>
      </c>
      <c r="B1980">
        <v>1.06</v>
      </c>
      <c r="C1980">
        <v>0.5</v>
      </c>
    </row>
    <row r="1981" spans="1:3" x14ac:dyDescent="0.25">
      <c r="A1981">
        <v>0.65</v>
      </c>
      <c r="B1981">
        <v>1.1100000000000001</v>
      </c>
      <c r="C1981">
        <v>0.77</v>
      </c>
    </row>
    <row r="1982" spans="1:3" x14ac:dyDescent="0.25">
      <c r="A1982">
        <v>0.65</v>
      </c>
      <c r="B1982">
        <v>1.1399999999999999</v>
      </c>
      <c r="C1982">
        <v>0.72</v>
      </c>
    </row>
    <row r="1983" spans="1:3" x14ac:dyDescent="0.25">
      <c r="A1983">
        <v>0.65</v>
      </c>
      <c r="B1983">
        <v>1.23</v>
      </c>
      <c r="C1983">
        <v>0.21</v>
      </c>
    </row>
    <row r="1984" spans="1:3" x14ac:dyDescent="0.25">
      <c r="A1984">
        <v>0.65</v>
      </c>
      <c r="B1984">
        <v>1.23</v>
      </c>
      <c r="C1984">
        <v>0.61</v>
      </c>
    </row>
    <row r="1985" spans="1:3" x14ac:dyDescent="0.25">
      <c r="A1985">
        <v>0.65</v>
      </c>
      <c r="B1985">
        <v>1.24</v>
      </c>
      <c r="C1985">
        <v>0.3</v>
      </c>
    </row>
    <row r="1986" spans="1:3" x14ac:dyDescent="0.25">
      <c r="A1986">
        <v>0.65</v>
      </c>
      <c r="B1986">
        <v>1.25</v>
      </c>
      <c r="C1986">
        <v>0.55000000000000004</v>
      </c>
    </row>
    <row r="1987" spans="1:3" x14ac:dyDescent="0.25">
      <c r="A1987">
        <v>0.65</v>
      </c>
      <c r="B1987">
        <v>1.26</v>
      </c>
      <c r="C1987">
        <v>0.78</v>
      </c>
    </row>
    <row r="1988" spans="1:3" x14ac:dyDescent="0.25">
      <c r="A1988">
        <v>0.65</v>
      </c>
      <c r="B1988">
        <v>1.26</v>
      </c>
      <c r="C1988">
        <v>0.76</v>
      </c>
    </row>
    <row r="1989" spans="1:3" x14ac:dyDescent="0.25">
      <c r="A1989">
        <v>0.65</v>
      </c>
      <c r="B1989">
        <v>1.27</v>
      </c>
      <c r="C1989">
        <v>0.44</v>
      </c>
    </row>
    <row r="1990" spans="1:3" x14ac:dyDescent="0.25">
      <c r="A1990">
        <v>0.65</v>
      </c>
      <c r="B1990">
        <v>1.33</v>
      </c>
      <c r="C1990">
        <v>0.32</v>
      </c>
    </row>
    <row r="1991" spans="1:3" x14ac:dyDescent="0.25">
      <c r="A1991">
        <v>0.65</v>
      </c>
      <c r="B1991">
        <v>1.42</v>
      </c>
      <c r="C1991">
        <v>0.63</v>
      </c>
    </row>
    <row r="1992" spans="1:3" x14ac:dyDescent="0.25">
      <c r="A1992">
        <v>0.65</v>
      </c>
      <c r="B1992">
        <v>1.43</v>
      </c>
      <c r="C1992">
        <v>0.36</v>
      </c>
    </row>
    <row r="1993" spans="1:3" x14ac:dyDescent="0.25">
      <c r="A1993">
        <v>0.65</v>
      </c>
      <c r="B1993">
        <v>1.45</v>
      </c>
      <c r="C1993">
        <v>0.62</v>
      </c>
    </row>
    <row r="1994" spans="1:3" x14ac:dyDescent="0.25">
      <c r="A1994">
        <v>0.65</v>
      </c>
      <c r="B1994">
        <v>1.46</v>
      </c>
      <c r="C1994">
        <v>0.43</v>
      </c>
    </row>
    <row r="1995" spans="1:3" x14ac:dyDescent="0.25">
      <c r="A1995">
        <v>0.65</v>
      </c>
      <c r="B1995">
        <v>1.47</v>
      </c>
      <c r="C1995">
        <v>0.91</v>
      </c>
    </row>
    <row r="1996" spans="1:3" x14ac:dyDescent="0.25">
      <c r="A1996">
        <v>0.65</v>
      </c>
      <c r="B1996">
        <v>1.48</v>
      </c>
      <c r="C1996">
        <v>0.54</v>
      </c>
    </row>
    <row r="1997" spans="1:3" x14ac:dyDescent="0.25">
      <c r="A1997">
        <v>0.66</v>
      </c>
      <c r="B1997">
        <v>0.51</v>
      </c>
      <c r="C1997">
        <v>0.68</v>
      </c>
    </row>
    <row r="1998" spans="1:3" x14ac:dyDescent="0.25">
      <c r="A1998">
        <v>0.66</v>
      </c>
      <c r="B1998">
        <v>0.51</v>
      </c>
      <c r="C1998">
        <v>0.36</v>
      </c>
    </row>
    <row r="1999" spans="1:3" x14ac:dyDescent="0.25">
      <c r="A1999">
        <v>0.66</v>
      </c>
      <c r="B1999">
        <v>0.51</v>
      </c>
      <c r="C1999">
        <v>0.73</v>
      </c>
    </row>
    <row r="2000" spans="1:3" x14ac:dyDescent="0.25">
      <c r="A2000">
        <v>0.66</v>
      </c>
      <c r="B2000">
        <v>0.55000000000000004</v>
      </c>
      <c r="C2000">
        <v>0.08</v>
      </c>
    </row>
    <row r="2001" spans="1:3" x14ac:dyDescent="0.25">
      <c r="A2001">
        <v>0.66</v>
      </c>
      <c r="B2001">
        <v>0.61</v>
      </c>
      <c r="C2001">
        <v>0.66</v>
      </c>
    </row>
    <row r="2002" spans="1:3" x14ac:dyDescent="0.25">
      <c r="A2002">
        <v>0.66</v>
      </c>
      <c r="B2002">
        <v>0.78</v>
      </c>
      <c r="C2002">
        <v>0.63</v>
      </c>
    </row>
    <row r="2003" spans="1:3" x14ac:dyDescent="0.25">
      <c r="A2003">
        <v>0.66</v>
      </c>
      <c r="B2003">
        <v>0.8</v>
      </c>
      <c r="C2003">
        <v>7.0000000000000007E-2</v>
      </c>
    </row>
    <row r="2004" spans="1:3" x14ac:dyDescent="0.25">
      <c r="A2004">
        <v>0.66</v>
      </c>
      <c r="B2004">
        <v>0.81</v>
      </c>
      <c r="C2004">
        <v>0.41</v>
      </c>
    </row>
    <row r="2005" spans="1:3" x14ac:dyDescent="0.25">
      <c r="A2005">
        <v>0.66</v>
      </c>
      <c r="B2005">
        <v>0.81</v>
      </c>
      <c r="C2005">
        <v>0.41</v>
      </c>
    </row>
    <row r="2006" spans="1:3" x14ac:dyDescent="0.25">
      <c r="A2006">
        <v>0.66</v>
      </c>
      <c r="B2006">
        <v>0.84</v>
      </c>
      <c r="C2006">
        <v>0.22</v>
      </c>
    </row>
    <row r="2007" spans="1:3" x14ac:dyDescent="0.25">
      <c r="A2007">
        <v>0.66</v>
      </c>
      <c r="B2007">
        <v>0.87</v>
      </c>
      <c r="C2007">
        <v>0.22</v>
      </c>
    </row>
    <row r="2008" spans="1:3" x14ac:dyDescent="0.25">
      <c r="A2008">
        <v>0.66</v>
      </c>
      <c r="B2008">
        <v>0.89</v>
      </c>
      <c r="C2008">
        <v>0.44</v>
      </c>
    </row>
    <row r="2009" spans="1:3" x14ac:dyDescent="0.25">
      <c r="A2009">
        <v>0.66</v>
      </c>
      <c r="B2009">
        <v>0.89</v>
      </c>
      <c r="C2009">
        <v>0.56999999999999995</v>
      </c>
    </row>
    <row r="2010" spans="1:3" x14ac:dyDescent="0.25">
      <c r="A2010">
        <v>0.66</v>
      </c>
      <c r="B2010">
        <v>0.91</v>
      </c>
      <c r="C2010">
        <v>0.5</v>
      </c>
    </row>
    <row r="2011" spans="1:3" x14ac:dyDescent="0.25">
      <c r="A2011">
        <v>0.66</v>
      </c>
      <c r="B2011">
        <v>0.97</v>
      </c>
      <c r="C2011">
        <v>0.82</v>
      </c>
    </row>
    <row r="2012" spans="1:3" x14ac:dyDescent="0.25">
      <c r="A2012">
        <v>0.66</v>
      </c>
      <c r="B2012">
        <v>0.98</v>
      </c>
      <c r="C2012">
        <v>0.68</v>
      </c>
    </row>
    <row r="2013" spans="1:3" x14ac:dyDescent="0.25">
      <c r="A2013">
        <v>0.66</v>
      </c>
      <c r="B2013">
        <v>1.01</v>
      </c>
      <c r="C2013">
        <v>0.59</v>
      </c>
    </row>
    <row r="2014" spans="1:3" x14ac:dyDescent="0.25">
      <c r="A2014">
        <v>0.66</v>
      </c>
      <c r="B2014">
        <v>1.02</v>
      </c>
      <c r="C2014">
        <v>0.31</v>
      </c>
    </row>
    <row r="2015" spans="1:3" x14ac:dyDescent="0.25">
      <c r="A2015">
        <v>0.66</v>
      </c>
      <c r="B2015">
        <v>1.05</v>
      </c>
      <c r="C2015">
        <v>0.85</v>
      </c>
    </row>
    <row r="2016" spans="1:3" x14ac:dyDescent="0.25">
      <c r="A2016">
        <v>0.66</v>
      </c>
      <c r="B2016">
        <v>1.07</v>
      </c>
      <c r="C2016">
        <v>0.43</v>
      </c>
    </row>
    <row r="2017" spans="1:3" x14ac:dyDescent="0.25">
      <c r="A2017">
        <v>0.66</v>
      </c>
      <c r="B2017">
        <v>1.07</v>
      </c>
      <c r="C2017">
        <v>0.69</v>
      </c>
    </row>
    <row r="2018" spans="1:3" x14ac:dyDescent="0.25">
      <c r="A2018">
        <v>0.66</v>
      </c>
      <c r="B2018">
        <v>1.1000000000000001</v>
      </c>
      <c r="C2018">
        <v>0.47</v>
      </c>
    </row>
    <row r="2019" spans="1:3" x14ac:dyDescent="0.25">
      <c r="A2019">
        <v>0.66</v>
      </c>
      <c r="B2019">
        <v>1.19</v>
      </c>
      <c r="C2019">
        <v>0.65</v>
      </c>
    </row>
    <row r="2020" spans="1:3" x14ac:dyDescent="0.25">
      <c r="A2020">
        <v>0.66</v>
      </c>
      <c r="B2020">
        <v>1.28</v>
      </c>
      <c r="C2020">
        <v>0.55000000000000004</v>
      </c>
    </row>
    <row r="2021" spans="1:3" x14ac:dyDescent="0.25">
      <c r="A2021">
        <v>0.66</v>
      </c>
      <c r="B2021">
        <v>1.28</v>
      </c>
      <c r="C2021">
        <v>0.35</v>
      </c>
    </row>
    <row r="2022" spans="1:3" x14ac:dyDescent="0.25">
      <c r="A2022">
        <v>0.66</v>
      </c>
      <c r="B2022">
        <v>1.29</v>
      </c>
      <c r="C2022">
        <v>0.22</v>
      </c>
    </row>
    <row r="2023" spans="1:3" x14ac:dyDescent="0.25">
      <c r="A2023">
        <v>0.66</v>
      </c>
      <c r="B2023">
        <v>1.44</v>
      </c>
      <c r="C2023">
        <v>0.38</v>
      </c>
    </row>
    <row r="2024" spans="1:3" x14ac:dyDescent="0.25">
      <c r="A2024">
        <v>0.66</v>
      </c>
      <c r="B2024">
        <v>1.46</v>
      </c>
      <c r="C2024">
        <v>0.08</v>
      </c>
    </row>
    <row r="2025" spans="1:3" x14ac:dyDescent="0.25">
      <c r="A2025">
        <v>0.66</v>
      </c>
      <c r="B2025">
        <v>1.48</v>
      </c>
      <c r="C2025">
        <v>0.28999999999999998</v>
      </c>
    </row>
    <row r="2026" spans="1:3" x14ac:dyDescent="0.25">
      <c r="A2026">
        <v>0.67</v>
      </c>
      <c r="B2026">
        <v>0.51</v>
      </c>
      <c r="C2026">
        <v>0.26</v>
      </c>
    </row>
    <row r="2027" spans="1:3" x14ac:dyDescent="0.25">
      <c r="A2027">
        <v>0.67</v>
      </c>
      <c r="B2027">
        <v>0.51</v>
      </c>
      <c r="C2027">
        <v>0.27</v>
      </c>
    </row>
    <row r="2028" spans="1:3" x14ac:dyDescent="0.25">
      <c r="A2028">
        <v>0.67</v>
      </c>
      <c r="B2028">
        <v>0.54</v>
      </c>
      <c r="C2028">
        <v>0.46</v>
      </c>
    </row>
    <row r="2029" spans="1:3" x14ac:dyDescent="0.25">
      <c r="A2029">
        <v>0.67</v>
      </c>
      <c r="B2029">
        <v>0.6</v>
      </c>
      <c r="C2029">
        <v>0.05</v>
      </c>
    </row>
    <row r="2030" spans="1:3" x14ac:dyDescent="0.25">
      <c r="A2030">
        <v>0.67</v>
      </c>
      <c r="B2030">
        <v>0.65</v>
      </c>
      <c r="C2030">
        <v>0.56999999999999995</v>
      </c>
    </row>
    <row r="2031" spans="1:3" x14ac:dyDescent="0.25">
      <c r="A2031">
        <v>0.67</v>
      </c>
      <c r="B2031">
        <v>0.66</v>
      </c>
      <c r="C2031">
        <v>0.76</v>
      </c>
    </row>
    <row r="2032" spans="1:3" x14ac:dyDescent="0.25">
      <c r="A2032">
        <v>0.67</v>
      </c>
      <c r="B2032">
        <v>0.72</v>
      </c>
      <c r="C2032">
        <v>0.31</v>
      </c>
    </row>
    <row r="2033" spans="1:3" x14ac:dyDescent="0.25">
      <c r="A2033">
        <v>0.67</v>
      </c>
      <c r="B2033">
        <v>0.73</v>
      </c>
      <c r="C2033">
        <v>0.13</v>
      </c>
    </row>
    <row r="2034" spans="1:3" x14ac:dyDescent="0.25">
      <c r="A2034">
        <v>0.67</v>
      </c>
      <c r="B2034">
        <v>0.75</v>
      </c>
      <c r="C2034">
        <v>0.78</v>
      </c>
    </row>
    <row r="2035" spans="1:3" x14ac:dyDescent="0.25">
      <c r="A2035">
        <v>0.67</v>
      </c>
      <c r="B2035">
        <v>0.77</v>
      </c>
      <c r="C2035">
        <v>0.35</v>
      </c>
    </row>
    <row r="2036" spans="1:3" x14ac:dyDescent="0.25">
      <c r="A2036">
        <v>0.67</v>
      </c>
      <c r="B2036">
        <v>0.89</v>
      </c>
      <c r="C2036">
        <v>0.46</v>
      </c>
    </row>
    <row r="2037" spans="1:3" x14ac:dyDescent="0.25">
      <c r="A2037">
        <v>0.67</v>
      </c>
      <c r="B2037">
        <v>0.97</v>
      </c>
      <c r="C2037">
        <v>0.44</v>
      </c>
    </row>
    <row r="2038" spans="1:3" x14ac:dyDescent="0.25">
      <c r="A2038">
        <v>0.67</v>
      </c>
      <c r="B2038">
        <v>0.98</v>
      </c>
      <c r="C2038">
        <v>0.15</v>
      </c>
    </row>
    <row r="2039" spans="1:3" x14ac:dyDescent="0.25">
      <c r="A2039">
        <v>0.67</v>
      </c>
      <c r="B2039">
        <v>0.99</v>
      </c>
      <c r="C2039">
        <v>0.56999999999999995</v>
      </c>
    </row>
    <row r="2040" spans="1:3" x14ac:dyDescent="0.25">
      <c r="A2040">
        <v>0.67</v>
      </c>
      <c r="B2040">
        <v>1</v>
      </c>
      <c r="C2040">
        <v>0.63</v>
      </c>
    </row>
    <row r="2041" spans="1:3" x14ac:dyDescent="0.25">
      <c r="A2041">
        <v>0.67</v>
      </c>
      <c r="B2041">
        <v>1.08</v>
      </c>
      <c r="C2041">
        <v>0.28000000000000003</v>
      </c>
    </row>
    <row r="2042" spans="1:3" x14ac:dyDescent="0.25">
      <c r="A2042">
        <v>0.67</v>
      </c>
      <c r="B2042">
        <v>1.0900000000000001</v>
      </c>
      <c r="C2042">
        <v>0.41</v>
      </c>
    </row>
    <row r="2043" spans="1:3" x14ac:dyDescent="0.25">
      <c r="A2043">
        <v>0.67</v>
      </c>
      <c r="B2043">
        <v>1.1100000000000001</v>
      </c>
      <c r="C2043">
        <v>0.23</v>
      </c>
    </row>
    <row r="2044" spans="1:3" x14ac:dyDescent="0.25">
      <c r="A2044">
        <v>0.67</v>
      </c>
      <c r="B2044">
        <v>1.1100000000000001</v>
      </c>
      <c r="C2044">
        <v>0.88</v>
      </c>
    </row>
    <row r="2045" spans="1:3" x14ac:dyDescent="0.25">
      <c r="A2045">
        <v>0.67</v>
      </c>
      <c r="B2045">
        <v>1.1200000000000001</v>
      </c>
      <c r="C2045">
        <v>0.67</v>
      </c>
    </row>
    <row r="2046" spans="1:3" x14ac:dyDescent="0.25">
      <c r="A2046">
        <v>0.67</v>
      </c>
      <c r="B2046">
        <v>1.1399999999999999</v>
      </c>
      <c r="C2046">
        <v>0.93</v>
      </c>
    </row>
    <row r="2047" spans="1:3" x14ac:dyDescent="0.25">
      <c r="A2047">
        <v>0.67</v>
      </c>
      <c r="B2047">
        <v>1.1399999999999999</v>
      </c>
      <c r="C2047">
        <v>0.36</v>
      </c>
    </row>
    <row r="2048" spans="1:3" x14ac:dyDescent="0.25">
      <c r="A2048">
        <v>0.67</v>
      </c>
      <c r="B2048">
        <v>1.17</v>
      </c>
      <c r="C2048">
        <v>0.66</v>
      </c>
    </row>
    <row r="2049" spans="1:3" x14ac:dyDescent="0.25">
      <c r="A2049">
        <v>0.67</v>
      </c>
      <c r="B2049">
        <v>1.18</v>
      </c>
      <c r="C2049">
        <v>0.56000000000000005</v>
      </c>
    </row>
    <row r="2050" spans="1:3" x14ac:dyDescent="0.25">
      <c r="A2050">
        <v>0.67</v>
      </c>
      <c r="B2050">
        <v>1.26</v>
      </c>
      <c r="C2050">
        <v>0.4</v>
      </c>
    </row>
    <row r="2051" spans="1:3" x14ac:dyDescent="0.25">
      <c r="A2051">
        <v>0.67</v>
      </c>
      <c r="B2051">
        <v>1.27</v>
      </c>
      <c r="C2051">
        <v>0.69</v>
      </c>
    </row>
    <row r="2052" spans="1:3" x14ac:dyDescent="0.25">
      <c r="A2052">
        <v>0.67</v>
      </c>
      <c r="B2052">
        <v>1.28</v>
      </c>
      <c r="C2052">
        <v>0.37</v>
      </c>
    </row>
    <row r="2053" spans="1:3" x14ac:dyDescent="0.25">
      <c r="A2053">
        <v>0.67</v>
      </c>
      <c r="B2053">
        <v>1.3</v>
      </c>
      <c r="C2053">
        <v>0.71</v>
      </c>
    </row>
    <row r="2054" spans="1:3" x14ac:dyDescent="0.25">
      <c r="A2054">
        <v>0.67</v>
      </c>
      <c r="B2054">
        <v>1.34</v>
      </c>
      <c r="C2054">
        <v>0.39</v>
      </c>
    </row>
    <row r="2055" spans="1:3" x14ac:dyDescent="0.25">
      <c r="A2055">
        <v>0.67</v>
      </c>
      <c r="B2055">
        <v>1.4</v>
      </c>
      <c r="C2055">
        <v>0.77</v>
      </c>
    </row>
    <row r="2056" spans="1:3" x14ac:dyDescent="0.25">
      <c r="A2056">
        <v>0.67</v>
      </c>
      <c r="B2056">
        <v>1.43</v>
      </c>
      <c r="C2056">
        <v>0.56999999999999995</v>
      </c>
    </row>
    <row r="2057" spans="1:3" x14ac:dyDescent="0.25">
      <c r="A2057">
        <v>0.67</v>
      </c>
      <c r="B2057">
        <v>1.46</v>
      </c>
      <c r="C2057">
        <v>0.77</v>
      </c>
    </row>
    <row r="2058" spans="1:3" x14ac:dyDescent="0.25">
      <c r="A2058">
        <v>0.67</v>
      </c>
      <c r="B2058">
        <v>1.48</v>
      </c>
      <c r="C2058">
        <v>0.79</v>
      </c>
    </row>
    <row r="2059" spans="1:3" x14ac:dyDescent="0.25">
      <c r="A2059">
        <v>0.68</v>
      </c>
      <c r="B2059">
        <v>0.52</v>
      </c>
      <c r="C2059">
        <v>0.5</v>
      </c>
    </row>
    <row r="2060" spans="1:3" x14ac:dyDescent="0.25">
      <c r="A2060">
        <v>0.68</v>
      </c>
      <c r="B2060">
        <v>0.52</v>
      </c>
      <c r="C2060">
        <v>0.27</v>
      </c>
    </row>
    <row r="2061" spans="1:3" x14ac:dyDescent="0.25">
      <c r="A2061">
        <v>0.68</v>
      </c>
      <c r="B2061">
        <v>0.54</v>
      </c>
      <c r="C2061">
        <v>0.63</v>
      </c>
    </row>
    <row r="2062" spans="1:3" x14ac:dyDescent="0.25">
      <c r="A2062">
        <v>0.68</v>
      </c>
      <c r="B2062">
        <v>0.55000000000000004</v>
      </c>
      <c r="C2062">
        <v>0.4</v>
      </c>
    </row>
    <row r="2063" spans="1:3" x14ac:dyDescent="0.25">
      <c r="A2063">
        <v>0.68</v>
      </c>
      <c r="B2063">
        <v>0.56000000000000005</v>
      </c>
      <c r="C2063">
        <v>0.19</v>
      </c>
    </row>
    <row r="2064" spans="1:3" x14ac:dyDescent="0.25">
      <c r="A2064">
        <v>0.68</v>
      </c>
      <c r="B2064">
        <v>0.57999999999999996</v>
      </c>
      <c r="C2064">
        <v>0.47</v>
      </c>
    </row>
    <row r="2065" spans="1:3" x14ac:dyDescent="0.25">
      <c r="A2065">
        <v>0.68</v>
      </c>
      <c r="B2065">
        <v>0.6</v>
      </c>
      <c r="C2065">
        <v>0.82</v>
      </c>
    </row>
    <row r="2066" spans="1:3" x14ac:dyDescent="0.25">
      <c r="A2066">
        <v>0.68</v>
      </c>
      <c r="B2066">
        <v>0.64</v>
      </c>
      <c r="C2066">
        <v>0.36</v>
      </c>
    </row>
    <row r="2067" spans="1:3" x14ac:dyDescent="0.25">
      <c r="A2067">
        <v>0.68</v>
      </c>
      <c r="B2067">
        <v>0.69</v>
      </c>
      <c r="C2067">
        <v>0.56999999999999995</v>
      </c>
    </row>
    <row r="2068" spans="1:3" x14ac:dyDescent="0.25">
      <c r="A2068">
        <v>0.68</v>
      </c>
      <c r="B2068">
        <v>0.72</v>
      </c>
      <c r="C2068">
        <v>0.14000000000000001</v>
      </c>
    </row>
    <row r="2069" spans="1:3" x14ac:dyDescent="0.25">
      <c r="A2069">
        <v>0.68</v>
      </c>
      <c r="B2069">
        <v>0.74</v>
      </c>
      <c r="C2069">
        <v>0.26</v>
      </c>
    </row>
    <row r="2070" spans="1:3" x14ac:dyDescent="0.25">
      <c r="A2070">
        <v>0.68</v>
      </c>
      <c r="B2070">
        <v>0.75</v>
      </c>
      <c r="C2070">
        <v>0.92</v>
      </c>
    </row>
    <row r="2071" spans="1:3" x14ac:dyDescent="0.25">
      <c r="A2071">
        <v>0.68</v>
      </c>
      <c r="B2071">
        <v>0.75</v>
      </c>
      <c r="C2071">
        <v>0.5</v>
      </c>
    </row>
    <row r="2072" spans="1:3" x14ac:dyDescent="0.25">
      <c r="A2072">
        <v>0.68</v>
      </c>
      <c r="B2072">
        <v>0.79</v>
      </c>
      <c r="C2072">
        <v>0.31</v>
      </c>
    </row>
    <row r="2073" spans="1:3" x14ac:dyDescent="0.25">
      <c r="A2073">
        <v>0.68</v>
      </c>
      <c r="B2073">
        <v>0.82</v>
      </c>
      <c r="C2073">
        <v>0.35</v>
      </c>
    </row>
    <row r="2074" spans="1:3" x14ac:dyDescent="0.25">
      <c r="A2074">
        <v>0.68</v>
      </c>
      <c r="B2074">
        <v>0.82</v>
      </c>
      <c r="C2074">
        <v>0.14000000000000001</v>
      </c>
    </row>
    <row r="2075" spans="1:3" x14ac:dyDescent="0.25">
      <c r="A2075">
        <v>0.68</v>
      </c>
      <c r="B2075">
        <v>0.85</v>
      </c>
      <c r="C2075">
        <v>0.92</v>
      </c>
    </row>
    <row r="2076" spans="1:3" x14ac:dyDescent="0.25">
      <c r="A2076">
        <v>0.68</v>
      </c>
      <c r="B2076">
        <v>0.87</v>
      </c>
      <c r="C2076">
        <v>0.59</v>
      </c>
    </row>
    <row r="2077" spans="1:3" x14ac:dyDescent="0.25">
      <c r="A2077">
        <v>0.68</v>
      </c>
      <c r="B2077">
        <v>0.89</v>
      </c>
      <c r="C2077">
        <v>0.73</v>
      </c>
    </row>
    <row r="2078" spans="1:3" x14ac:dyDescent="0.25">
      <c r="A2078">
        <v>0.68</v>
      </c>
      <c r="B2078">
        <v>0.98</v>
      </c>
      <c r="C2078">
        <v>0.09</v>
      </c>
    </row>
    <row r="2079" spans="1:3" x14ac:dyDescent="0.25">
      <c r="A2079">
        <v>0.68</v>
      </c>
      <c r="B2079">
        <v>1.03</v>
      </c>
      <c r="C2079">
        <v>0.67</v>
      </c>
    </row>
    <row r="2080" spans="1:3" x14ac:dyDescent="0.25">
      <c r="A2080">
        <v>0.68</v>
      </c>
      <c r="B2080">
        <v>1.04</v>
      </c>
      <c r="C2080">
        <v>0.62</v>
      </c>
    </row>
    <row r="2081" spans="1:3" x14ac:dyDescent="0.25">
      <c r="A2081">
        <v>0.68</v>
      </c>
      <c r="B2081">
        <v>1.04</v>
      </c>
      <c r="C2081">
        <v>0.31</v>
      </c>
    </row>
    <row r="2082" spans="1:3" x14ac:dyDescent="0.25">
      <c r="A2082">
        <v>0.68</v>
      </c>
      <c r="B2082">
        <v>1.05</v>
      </c>
      <c r="C2082">
        <v>0.56999999999999995</v>
      </c>
    </row>
    <row r="2083" spans="1:3" x14ac:dyDescent="0.25">
      <c r="A2083">
        <v>0.68</v>
      </c>
      <c r="B2083">
        <v>1.05</v>
      </c>
      <c r="C2083">
        <v>0.87</v>
      </c>
    </row>
    <row r="2084" spans="1:3" x14ac:dyDescent="0.25">
      <c r="A2084">
        <v>0.68</v>
      </c>
      <c r="B2084">
        <v>1.07</v>
      </c>
      <c r="C2084">
        <v>0.41</v>
      </c>
    </row>
    <row r="2085" spans="1:3" x14ac:dyDescent="0.25">
      <c r="A2085">
        <v>0.68</v>
      </c>
      <c r="B2085">
        <v>1.1200000000000001</v>
      </c>
      <c r="C2085">
        <v>0.34</v>
      </c>
    </row>
    <row r="2086" spans="1:3" x14ac:dyDescent="0.25">
      <c r="A2086">
        <v>0.68</v>
      </c>
      <c r="B2086">
        <v>1.1299999999999999</v>
      </c>
      <c r="C2086">
        <v>0.78</v>
      </c>
    </row>
    <row r="2087" spans="1:3" x14ac:dyDescent="0.25">
      <c r="A2087">
        <v>0.68</v>
      </c>
      <c r="B2087">
        <v>1.1399999999999999</v>
      </c>
      <c r="C2087">
        <v>0.8</v>
      </c>
    </row>
    <row r="2088" spans="1:3" x14ac:dyDescent="0.25">
      <c r="A2088">
        <v>0.68</v>
      </c>
      <c r="B2088">
        <v>1.18</v>
      </c>
      <c r="C2088">
        <v>0.56999999999999995</v>
      </c>
    </row>
    <row r="2089" spans="1:3" x14ac:dyDescent="0.25">
      <c r="A2089">
        <v>0.68</v>
      </c>
      <c r="B2089">
        <v>1.22</v>
      </c>
      <c r="C2089">
        <v>0.81</v>
      </c>
    </row>
    <row r="2090" spans="1:3" x14ac:dyDescent="0.25">
      <c r="A2090">
        <v>0.68</v>
      </c>
      <c r="B2090">
        <v>1.25</v>
      </c>
      <c r="C2090">
        <v>0.74</v>
      </c>
    </row>
    <row r="2091" spans="1:3" x14ac:dyDescent="0.25">
      <c r="A2091">
        <v>0.68</v>
      </c>
      <c r="B2091">
        <v>1.34</v>
      </c>
      <c r="C2091">
        <v>0.17</v>
      </c>
    </row>
    <row r="2092" spans="1:3" x14ac:dyDescent="0.25">
      <c r="A2092">
        <v>0.68</v>
      </c>
      <c r="B2092">
        <v>1.38</v>
      </c>
      <c r="C2092">
        <v>0.59</v>
      </c>
    </row>
    <row r="2093" spans="1:3" x14ac:dyDescent="0.25">
      <c r="A2093">
        <v>0.68</v>
      </c>
      <c r="B2093">
        <v>1.45</v>
      </c>
      <c r="C2093">
        <v>0.12</v>
      </c>
    </row>
    <row r="2094" spans="1:3" x14ac:dyDescent="0.25">
      <c r="A2094">
        <v>0.68</v>
      </c>
      <c r="B2094">
        <v>1.46</v>
      </c>
      <c r="C2094">
        <v>0.1</v>
      </c>
    </row>
    <row r="2095" spans="1:3" x14ac:dyDescent="0.25">
      <c r="A2095">
        <v>0.68</v>
      </c>
      <c r="B2095">
        <v>1.47</v>
      </c>
      <c r="C2095">
        <v>0.83</v>
      </c>
    </row>
    <row r="2096" spans="1:3" x14ac:dyDescent="0.25">
      <c r="A2096">
        <v>0.69</v>
      </c>
      <c r="B2096">
        <v>0.5</v>
      </c>
      <c r="C2096">
        <v>0.67</v>
      </c>
    </row>
    <row r="2097" spans="1:3" x14ac:dyDescent="0.25">
      <c r="A2097">
        <v>0.69</v>
      </c>
      <c r="B2097">
        <v>0.56000000000000005</v>
      </c>
      <c r="C2097">
        <v>0.49</v>
      </c>
    </row>
    <row r="2098" spans="1:3" x14ac:dyDescent="0.25">
      <c r="A2098">
        <v>0.69</v>
      </c>
      <c r="B2098">
        <v>0.61</v>
      </c>
      <c r="C2098">
        <v>0.56000000000000005</v>
      </c>
    </row>
    <row r="2099" spans="1:3" x14ac:dyDescent="0.25">
      <c r="A2099">
        <v>0.69</v>
      </c>
      <c r="B2099">
        <v>0.63</v>
      </c>
      <c r="C2099">
        <v>0.42</v>
      </c>
    </row>
    <row r="2100" spans="1:3" x14ac:dyDescent="0.25">
      <c r="A2100">
        <v>0.69</v>
      </c>
      <c r="B2100">
        <v>0.67</v>
      </c>
      <c r="C2100">
        <v>0.12</v>
      </c>
    </row>
    <row r="2101" spans="1:3" x14ac:dyDescent="0.25">
      <c r="A2101">
        <v>0.69</v>
      </c>
      <c r="B2101">
        <v>0.7</v>
      </c>
      <c r="C2101">
        <v>0.17</v>
      </c>
    </row>
    <row r="2102" spans="1:3" x14ac:dyDescent="0.25">
      <c r="A2102">
        <v>0.69</v>
      </c>
      <c r="B2102">
        <v>0.76</v>
      </c>
      <c r="C2102">
        <v>0.67</v>
      </c>
    </row>
    <row r="2103" spans="1:3" x14ac:dyDescent="0.25">
      <c r="A2103">
        <v>0.69</v>
      </c>
      <c r="B2103">
        <v>0.84</v>
      </c>
      <c r="C2103">
        <v>0.73</v>
      </c>
    </row>
    <row r="2104" spans="1:3" x14ac:dyDescent="0.25">
      <c r="A2104">
        <v>0.69</v>
      </c>
      <c r="B2104">
        <v>0.89</v>
      </c>
      <c r="C2104">
        <v>0.79</v>
      </c>
    </row>
    <row r="2105" spans="1:3" x14ac:dyDescent="0.25">
      <c r="A2105">
        <v>0.69</v>
      </c>
      <c r="B2105">
        <v>0.93</v>
      </c>
      <c r="C2105">
        <v>0.1</v>
      </c>
    </row>
    <row r="2106" spans="1:3" x14ac:dyDescent="0.25">
      <c r="A2106">
        <v>0.69</v>
      </c>
      <c r="B2106">
        <v>0.94</v>
      </c>
      <c r="C2106">
        <v>0.45</v>
      </c>
    </row>
    <row r="2107" spans="1:3" x14ac:dyDescent="0.25">
      <c r="A2107">
        <v>0.69</v>
      </c>
      <c r="B2107">
        <v>0.94</v>
      </c>
      <c r="C2107">
        <v>0.83</v>
      </c>
    </row>
    <row r="2108" spans="1:3" x14ac:dyDescent="0.25">
      <c r="A2108">
        <v>0.69</v>
      </c>
      <c r="B2108">
        <v>1.02</v>
      </c>
      <c r="C2108">
        <v>0.3</v>
      </c>
    </row>
    <row r="2109" spans="1:3" x14ac:dyDescent="0.25">
      <c r="A2109">
        <v>0.69</v>
      </c>
      <c r="B2109">
        <v>1.03</v>
      </c>
      <c r="C2109">
        <v>0.81</v>
      </c>
    </row>
    <row r="2110" spans="1:3" x14ac:dyDescent="0.25">
      <c r="A2110">
        <v>0.69</v>
      </c>
      <c r="B2110">
        <v>1.05</v>
      </c>
      <c r="C2110">
        <v>0.44</v>
      </c>
    </row>
    <row r="2111" spans="1:3" x14ac:dyDescent="0.25">
      <c r="A2111">
        <v>0.69</v>
      </c>
      <c r="B2111">
        <v>1.1200000000000001</v>
      </c>
      <c r="C2111">
        <v>0.16</v>
      </c>
    </row>
    <row r="2112" spans="1:3" x14ac:dyDescent="0.25">
      <c r="A2112">
        <v>0.69</v>
      </c>
      <c r="B2112">
        <v>1.1200000000000001</v>
      </c>
      <c r="C2112">
        <v>0.42</v>
      </c>
    </row>
    <row r="2113" spans="1:3" x14ac:dyDescent="0.25">
      <c r="A2113">
        <v>0.69</v>
      </c>
      <c r="B2113">
        <v>1.1299999999999999</v>
      </c>
      <c r="C2113">
        <v>0.47</v>
      </c>
    </row>
    <row r="2114" spans="1:3" x14ac:dyDescent="0.25">
      <c r="A2114">
        <v>0.69</v>
      </c>
      <c r="B2114">
        <v>1.1499999999999999</v>
      </c>
      <c r="C2114">
        <v>0.39</v>
      </c>
    </row>
    <row r="2115" spans="1:3" x14ac:dyDescent="0.25">
      <c r="A2115">
        <v>0.69</v>
      </c>
      <c r="B2115">
        <v>1.1499999999999999</v>
      </c>
      <c r="C2115">
        <v>0.15</v>
      </c>
    </row>
    <row r="2116" spans="1:3" x14ac:dyDescent="0.25">
      <c r="A2116">
        <v>0.69</v>
      </c>
      <c r="B2116">
        <v>1.17</v>
      </c>
      <c r="C2116">
        <v>0.74</v>
      </c>
    </row>
    <row r="2117" spans="1:3" x14ac:dyDescent="0.25">
      <c r="A2117">
        <v>0.69</v>
      </c>
      <c r="B2117">
        <v>1.17</v>
      </c>
      <c r="C2117">
        <v>0.28999999999999998</v>
      </c>
    </row>
    <row r="2118" spans="1:3" x14ac:dyDescent="0.25">
      <c r="A2118">
        <v>0.69</v>
      </c>
      <c r="B2118">
        <v>1.18</v>
      </c>
      <c r="C2118">
        <v>0.26</v>
      </c>
    </row>
    <row r="2119" spans="1:3" x14ac:dyDescent="0.25">
      <c r="A2119">
        <v>0.69</v>
      </c>
      <c r="B2119">
        <v>1.19</v>
      </c>
      <c r="C2119">
        <v>0.67</v>
      </c>
    </row>
    <row r="2120" spans="1:3" x14ac:dyDescent="0.25">
      <c r="A2120">
        <v>0.69</v>
      </c>
      <c r="B2120">
        <v>1.23</v>
      </c>
      <c r="C2120">
        <v>0.7</v>
      </c>
    </row>
    <row r="2121" spans="1:3" x14ac:dyDescent="0.25">
      <c r="A2121">
        <v>0.69</v>
      </c>
      <c r="B2121">
        <v>1.23</v>
      </c>
      <c r="C2121">
        <v>0.69</v>
      </c>
    </row>
    <row r="2122" spans="1:3" x14ac:dyDescent="0.25">
      <c r="A2122">
        <v>0.69</v>
      </c>
      <c r="B2122">
        <v>1.3</v>
      </c>
      <c r="C2122">
        <v>0.92</v>
      </c>
    </row>
    <row r="2123" spans="1:3" x14ac:dyDescent="0.25">
      <c r="A2123">
        <v>0.69</v>
      </c>
      <c r="B2123">
        <v>1.31</v>
      </c>
      <c r="C2123">
        <v>0.45</v>
      </c>
    </row>
    <row r="2124" spans="1:3" x14ac:dyDescent="0.25">
      <c r="A2124">
        <v>0.69</v>
      </c>
      <c r="B2124">
        <v>1.38</v>
      </c>
      <c r="C2124">
        <v>0.28999999999999998</v>
      </c>
    </row>
    <row r="2125" spans="1:3" x14ac:dyDescent="0.25">
      <c r="A2125">
        <v>0.69</v>
      </c>
      <c r="B2125">
        <v>1.4</v>
      </c>
      <c r="C2125">
        <v>0.57999999999999996</v>
      </c>
    </row>
    <row r="2126" spans="1:3" x14ac:dyDescent="0.25">
      <c r="A2126">
        <v>0.69</v>
      </c>
      <c r="B2126">
        <v>1.41</v>
      </c>
      <c r="C2126">
        <v>0.68</v>
      </c>
    </row>
    <row r="2127" spans="1:3" x14ac:dyDescent="0.25">
      <c r="A2127">
        <v>0.69</v>
      </c>
      <c r="B2127">
        <v>1.45</v>
      </c>
      <c r="C2127">
        <v>0.55000000000000004</v>
      </c>
    </row>
    <row r="2128" spans="1:3" x14ac:dyDescent="0.25">
      <c r="A2128">
        <v>0.69</v>
      </c>
      <c r="B2128">
        <v>1.49</v>
      </c>
      <c r="C2128">
        <v>0.87</v>
      </c>
    </row>
    <row r="2129" spans="1:3" x14ac:dyDescent="0.25">
      <c r="A2129">
        <v>0.7</v>
      </c>
      <c r="B2129">
        <v>0.56000000000000005</v>
      </c>
      <c r="C2129">
        <v>0.22</v>
      </c>
    </row>
    <row r="2130" spans="1:3" x14ac:dyDescent="0.25">
      <c r="A2130">
        <v>0.7</v>
      </c>
      <c r="B2130">
        <v>0.56000000000000005</v>
      </c>
      <c r="C2130">
        <v>0.42</v>
      </c>
    </row>
    <row r="2131" spans="1:3" x14ac:dyDescent="0.25">
      <c r="A2131">
        <v>0.7</v>
      </c>
      <c r="B2131">
        <v>0.59</v>
      </c>
      <c r="C2131">
        <v>0.9</v>
      </c>
    </row>
    <row r="2132" spans="1:3" x14ac:dyDescent="0.25">
      <c r="A2132">
        <v>0.7</v>
      </c>
      <c r="B2132">
        <v>0.6</v>
      </c>
      <c r="C2132">
        <v>0.28000000000000003</v>
      </c>
    </row>
    <row r="2133" spans="1:3" x14ac:dyDescent="0.25">
      <c r="A2133">
        <v>0.7</v>
      </c>
      <c r="B2133">
        <v>0.62</v>
      </c>
      <c r="C2133">
        <v>0.46</v>
      </c>
    </row>
    <row r="2134" spans="1:3" x14ac:dyDescent="0.25">
      <c r="A2134">
        <v>0.7</v>
      </c>
      <c r="B2134">
        <v>0.63</v>
      </c>
      <c r="C2134">
        <v>0.95</v>
      </c>
    </row>
    <row r="2135" spans="1:3" x14ac:dyDescent="0.25">
      <c r="A2135">
        <v>0.7</v>
      </c>
      <c r="B2135">
        <v>0.63</v>
      </c>
      <c r="C2135">
        <v>0.21</v>
      </c>
    </row>
    <row r="2136" spans="1:3" x14ac:dyDescent="0.25">
      <c r="A2136">
        <v>0.7</v>
      </c>
      <c r="B2136">
        <v>0.64</v>
      </c>
      <c r="C2136">
        <v>0.56000000000000005</v>
      </c>
    </row>
    <row r="2137" spans="1:3" x14ac:dyDescent="0.25">
      <c r="A2137">
        <v>0.7</v>
      </c>
      <c r="B2137">
        <v>0.64</v>
      </c>
      <c r="C2137">
        <v>0.54</v>
      </c>
    </row>
    <row r="2138" spans="1:3" x14ac:dyDescent="0.25">
      <c r="A2138">
        <v>0.7</v>
      </c>
      <c r="B2138">
        <v>0.69</v>
      </c>
      <c r="C2138">
        <v>0.48</v>
      </c>
    </row>
    <row r="2139" spans="1:3" x14ac:dyDescent="0.25">
      <c r="A2139">
        <v>0.7</v>
      </c>
      <c r="B2139">
        <v>0.7</v>
      </c>
      <c r="C2139">
        <v>0.14000000000000001</v>
      </c>
    </row>
    <row r="2140" spans="1:3" x14ac:dyDescent="0.25">
      <c r="A2140">
        <v>0.7</v>
      </c>
      <c r="B2140">
        <v>0.71</v>
      </c>
      <c r="C2140">
        <v>0.81</v>
      </c>
    </row>
    <row r="2141" spans="1:3" x14ac:dyDescent="0.25">
      <c r="A2141">
        <v>0.7</v>
      </c>
      <c r="B2141">
        <v>0.71</v>
      </c>
      <c r="C2141">
        <v>0.41</v>
      </c>
    </row>
    <row r="2142" spans="1:3" x14ac:dyDescent="0.25">
      <c r="A2142">
        <v>0.7</v>
      </c>
      <c r="B2142">
        <v>0.78</v>
      </c>
      <c r="C2142">
        <v>0.3</v>
      </c>
    </row>
    <row r="2143" spans="1:3" x14ac:dyDescent="0.25">
      <c r="A2143">
        <v>0.7</v>
      </c>
      <c r="B2143">
        <v>0.85</v>
      </c>
      <c r="C2143">
        <v>0.48</v>
      </c>
    </row>
    <row r="2144" spans="1:3" x14ac:dyDescent="0.25">
      <c r="A2144">
        <v>0.7</v>
      </c>
      <c r="B2144">
        <v>0.89</v>
      </c>
      <c r="C2144">
        <v>0.21</v>
      </c>
    </row>
    <row r="2145" spans="1:3" x14ac:dyDescent="0.25">
      <c r="A2145">
        <v>0.7</v>
      </c>
      <c r="B2145">
        <v>1.01</v>
      </c>
      <c r="C2145">
        <v>0.27</v>
      </c>
    </row>
    <row r="2146" spans="1:3" x14ac:dyDescent="0.25">
      <c r="A2146">
        <v>0.7</v>
      </c>
      <c r="B2146">
        <v>1.05</v>
      </c>
      <c r="C2146">
        <v>0.72</v>
      </c>
    </row>
    <row r="2147" spans="1:3" x14ac:dyDescent="0.25">
      <c r="A2147">
        <v>0.7</v>
      </c>
      <c r="B2147">
        <v>1.0900000000000001</v>
      </c>
      <c r="C2147">
        <v>0.15</v>
      </c>
    </row>
    <row r="2148" spans="1:3" x14ac:dyDescent="0.25">
      <c r="A2148">
        <v>0.7</v>
      </c>
      <c r="B2148">
        <v>1.1299999999999999</v>
      </c>
      <c r="C2148">
        <v>0.92</v>
      </c>
    </row>
    <row r="2149" spans="1:3" x14ac:dyDescent="0.25">
      <c r="A2149">
        <v>0.7</v>
      </c>
      <c r="B2149">
        <v>1.2</v>
      </c>
      <c r="C2149">
        <v>0.67</v>
      </c>
    </row>
    <row r="2150" spans="1:3" x14ac:dyDescent="0.25">
      <c r="A2150">
        <v>0.7</v>
      </c>
      <c r="B2150">
        <v>1.34</v>
      </c>
      <c r="C2150">
        <v>0.52</v>
      </c>
    </row>
    <row r="2151" spans="1:3" x14ac:dyDescent="0.25">
      <c r="A2151">
        <v>0.7</v>
      </c>
      <c r="B2151">
        <v>1.45</v>
      </c>
      <c r="C2151">
        <v>0.08</v>
      </c>
    </row>
    <row r="2152" spans="1:3" x14ac:dyDescent="0.25">
      <c r="A2152">
        <v>0.7</v>
      </c>
      <c r="B2152">
        <v>1.49</v>
      </c>
      <c r="C2152">
        <v>7.0000000000000007E-2</v>
      </c>
    </row>
    <row r="2153" spans="1:3" x14ac:dyDescent="0.25">
      <c r="A2153">
        <v>0.71</v>
      </c>
      <c r="B2153">
        <v>0.54</v>
      </c>
      <c r="C2153">
        <v>0.38</v>
      </c>
    </row>
    <row r="2154" spans="1:3" x14ac:dyDescent="0.25">
      <c r="A2154">
        <v>0.71</v>
      </c>
      <c r="B2154">
        <v>0.73</v>
      </c>
      <c r="C2154">
        <v>0.8</v>
      </c>
    </row>
    <row r="2155" spans="1:3" x14ac:dyDescent="0.25">
      <c r="A2155">
        <v>0.71</v>
      </c>
      <c r="B2155">
        <v>0.73</v>
      </c>
      <c r="C2155">
        <v>0.52</v>
      </c>
    </row>
    <row r="2156" spans="1:3" x14ac:dyDescent="0.25">
      <c r="A2156">
        <v>0.71</v>
      </c>
      <c r="B2156">
        <v>0.86</v>
      </c>
      <c r="C2156">
        <v>0.33</v>
      </c>
    </row>
    <row r="2157" spans="1:3" x14ac:dyDescent="0.25">
      <c r="A2157">
        <v>0.71</v>
      </c>
      <c r="B2157">
        <v>0.93</v>
      </c>
      <c r="C2157">
        <v>0.48</v>
      </c>
    </row>
    <row r="2158" spans="1:3" x14ac:dyDescent="0.25">
      <c r="A2158">
        <v>0.71</v>
      </c>
      <c r="B2158">
        <v>0.93</v>
      </c>
      <c r="C2158">
        <v>0.59</v>
      </c>
    </row>
    <row r="2159" spans="1:3" x14ac:dyDescent="0.25">
      <c r="A2159">
        <v>0.71</v>
      </c>
      <c r="B2159">
        <v>0.93</v>
      </c>
      <c r="C2159">
        <v>0.92</v>
      </c>
    </row>
    <row r="2160" spans="1:3" x14ac:dyDescent="0.25">
      <c r="A2160">
        <v>0.71</v>
      </c>
      <c r="B2160">
        <v>0.94</v>
      </c>
      <c r="C2160">
        <v>0.37</v>
      </c>
    </row>
    <row r="2161" spans="1:3" x14ac:dyDescent="0.25">
      <c r="A2161">
        <v>0.71</v>
      </c>
      <c r="B2161">
        <v>0.98</v>
      </c>
      <c r="C2161">
        <v>0.2</v>
      </c>
    </row>
    <row r="2162" spans="1:3" x14ac:dyDescent="0.25">
      <c r="A2162">
        <v>0.71</v>
      </c>
      <c r="B2162">
        <v>1.1200000000000001</v>
      </c>
      <c r="C2162">
        <v>0.86</v>
      </c>
    </row>
    <row r="2163" spans="1:3" x14ac:dyDescent="0.25">
      <c r="A2163">
        <v>0.71</v>
      </c>
      <c r="B2163">
        <v>1.24</v>
      </c>
      <c r="C2163">
        <v>0.42</v>
      </c>
    </row>
    <row r="2164" spans="1:3" x14ac:dyDescent="0.25">
      <c r="A2164">
        <v>0.71</v>
      </c>
      <c r="B2164">
        <v>1.24</v>
      </c>
      <c r="C2164">
        <v>0.87</v>
      </c>
    </row>
    <row r="2165" spans="1:3" x14ac:dyDescent="0.25">
      <c r="A2165">
        <v>0.71</v>
      </c>
      <c r="B2165">
        <v>1.28</v>
      </c>
      <c r="C2165">
        <v>0.74</v>
      </c>
    </row>
    <row r="2166" spans="1:3" x14ac:dyDescent="0.25">
      <c r="A2166">
        <v>0.71</v>
      </c>
      <c r="B2166">
        <v>1.33</v>
      </c>
      <c r="C2166">
        <v>0.79</v>
      </c>
    </row>
    <row r="2167" spans="1:3" x14ac:dyDescent="0.25">
      <c r="A2167">
        <v>0.71</v>
      </c>
      <c r="B2167">
        <v>1.37</v>
      </c>
      <c r="C2167">
        <v>0.06</v>
      </c>
    </row>
    <row r="2168" spans="1:3" x14ac:dyDescent="0.25">
      <c r="A2168">
        <v>0.71</v>
      </c>
      <c r="B2168">
        <v>1.42</v>
      </c>
      <c r="C2168">
        <v>0.53</v>
      </c>
    </row>
    <row r="2169" spans="1:3" x14ac:dyDescent="0.25">
      <c r="A2169">
        <v>0.71</v>
      </c>
      <c r="B2169">
        <v>1.44</v>
      </c>
      <c r="C2169">
        <v>0.33</v>
      </c>
    </row>
    <row r="2170" spans="1:3" x14ac:dyDescent="0.25">
      <c r="A2170">
        <v>0.71</v>
      </c>
      <c r="B2170">
        <v>1.49</v>
      </c>
      <c r="C2170">
        <v>0.34</v>
      </c>
    </row>
    <row r="2171" spans="1:3" x14ac:dyDescent="0.25">
      <c r="A2171">
        <v>0.72</v>
      </c>
      <c r="B2171">
        <v>0.51</v>
      </c>
      <c r="C2171">
        <v>0.2</v>
      </c>
    </row>
    <row r="2172" spans="1:3" x14ac:dyDescent="0.25">
      <c r="A2172">
        <v>0.72</v>
      </c>
      <c r="B2172">
        <v>0.53</v>
      </c>
      <c r="C2172">
        <v>0.19</v>
      </c>
    </row>
    <row r="2173" spans="1:3" x14ac:dyDescent="0.25">
      <c r="A2173">
        <v>0.72</v>
      </c>
      <c r="B2173">
        <v>0.53</v>
      </c>
      <c r="C2173">
        <v>0.34</v>
      </c>
    </row>
    <row r="2174" spans="1:3" x14ac:dyDescent="0.25">
      <c r="A2174">
        <v>0.72</v>
      </c>
      <c r="B2174">
        <v>0.53</v>
      </c>
      <c r="C2174">
        <v>0.24</v>
      </c>
    </row>
    <row r="2175" spans="1:3" x14ac:dyDescent="0.25">
      <c r="A2175">
        <v>0.72</v>
      </c>
      <c r="B2175">
        <v>0.57999999999999996</v>
      </c>
      <c r="C2175">
        <v>0.08</v>
      </c>
    </row>
    <row r="2176" spans="1:3" x14ac:dyDescent="0.25">
      <c r="A2176">
        <v>0.72</v>
      </c>
      <c r="B2176">
        <v>0.57999999999999996</v>
      </c>
      <c r="C2176">
        <v>0.56999999999999995</v>
      </c>
    </row>
    <row r="2177" spans="1:3" x14ac:dyDescent="0.25">
      <c r="A2177">
        <v>0.72</v>
      </c>
      <c r="B2177">
        <v>0.72</v>
      </c>
      <c r="C2177">
        <v>0.41</v>
      </c>
    </row>
    <row r="2178" spans="1:3" x14ac:dyDescent="0.25">
      <c r="A2178">
        <v>0.72</v>
      </c>
      <c r="B2178">
        <v>0.78</v>
      </c>
      <c r="C2178">
        <v>0.43</v>
      </c>
    </row>
    <row r="2179" spans="1:3" x14ac:dyDescent="0.25">
      <c r="A2179">
        <v>0.72</v>
      </c>
      <c r="B2179">
        <v>0.81</v>
      </c>
      <c r="C2179">
        <v>0.31</v>
      </c>
    </row>
    <row r="2180" spans="1:3" x14ac:dyDescent="0.25">
      <c r="A2180">
        <v>0.72</v>
      </c>
      <c r="B2180">
        <v>0.86</v>
      </c>
      <c r="C2180">
        <v>0.5</v>
      </c>
    </row>
    <row r="2181" spans="1:3" x14ac:dyDescent="0.25">
      <c r="A2181">
        <v>0.72</v>
      </c>
      <c r="B2181">
        <v>0.99</v>
      </c>
      <c r="C2181">
        <v>0.05</v>
      </c>
    </row>
    <row r="2182" spans="1:3" x14ac:dyDescent="0.25">
      <c r="A2182">
        <v>0.72</v>
      </c>
      <c r="B2182">
        <v>1.04</v>
      </c>
      <c r="C2182">
        <v>0.63</v>
      </c>
    </row>
    <row r="2183" spans="1:3" x14ac:dyDescent="0.25">
      <c r="A2183">
        <v>0.72</v>
      </c>
      <c r="B2183">
        <v>1.0900000000000001</v>
      </c>
      <c r="C2183">
        <v>0.06</v>
      </c>
    </row>
    <row r="2184" spans="1:3" x14ac:dyDescent="0.25">
      <c r="A2184">
        <v>0.72</v>
      </c>
      <c r="B2184">
        <v>1.1399999999999999</v>
      </c>
      <c r="C2184">
        <v>0.51</v>
      </c>
    </row>
    <row r="2185" spans="1:3" x14ac:dyDescent="0.25">
      <c r="A2185">
        <v>0.72</v>
      </c>
      <c r="B2185">
        <v>1.21</v>
      </c>
      <c r="C2185">
        <v>0.18</v>
      </c>
    </row>
    <row r="2186" spans="1:3" x14ac:dyDescent="0.25">
      <c r="A2186">
        <v>0.72</v>
      </c>
      <c r="B2186">
        <v>1.21</v>
      </c>
      <c r="C2186">
        <v>0.54</v>
      </c>
    </row>
    <row r="2187" spans="1:3" x14ac:dyDescent="0.25">
      <c r="A2187">
        <v>0.72</v>
      </c>
      <c r="B2187">
        <v>1.22</v>
      </c>
      <c r="C2187">
        <v>0.37</v>
      </c>
    </row>
    <row r="2188" spans="1:3" x14ac:dyDescent="0.25">
      <c r="A2188">
        <v>0.72</v>
      </c>
      <c r="B2188">
        <v>1.23</v>
      </c>
      <c r="C2188">
        <v>0.32</v>
      </c>
    </row>
    <row r="2189" spans="1:3" x14ac:dyDescent="0.25">
      <c r="A2189">
        <v>0.72</v>
      </c>
      <c r="B2189">
        <v>1.25</v>
      </c>
      <c r="C2189">
        <v>0.83</v>
      </c>
    </row>
    <row r="2190" spans="1:3" x14ac:dyDescent="0.25">
      <c r="A2190">
        <v>0.72</v>
      </c>
      <c r="B2190">
        <v>1.38</v>
      </c>
      <c r="C2190">
        <v>0.86</v>
      </c>
    </row>
    <row r="2191" spans="1:3" x14ac:dyDescent="0.25">
      <c r="A2191">
        <v>0.72</v>
      </c>
      <c r="B2191">
        <v>1.39</v>
      </c>
      <c r="C2191">
        <v>0.7</v>
      </c>
    </row>
    <row r="2192" spans="1:3" x14ac:dyDescent="0.25">
      <c r="A2192">
        <v>0.72</v>
      </c>
      <c r="B2192">
        <v>1.41</v>
      </c>
      <c r="C2192">
        <v>0.33</v>
      </c>
    </row>
    <row r="2193" spans="1:3" x14ac:dyDescent="0.25">
      <c r="A2193">
        <v>0.72</v>
      </c>
      <c r="B2193">
        <v>1.42</v>
      </c>
      <c r="C2193">
        <v>0.15</v>
      </c>
    </row>
    <row r="2194" spans="1:3" x14ac:dyDescent="0.25">
      <c r="A2194">
        <v>0.72</v>
      </c>
      <c r="B2194">
        <v>1.49</v>
      </c>
      <c r="C2194">
        <v>0.57999999999999996</v>
      </c>
    </row>
    <row r="2195" spans="1:3" x14ac:dyDescent="0.25">
      <c r="A2195">
        <v>0.73</v>
      </c>
      <c r="B2195">
        <v>0.51</v>
      </c>
      <c r="C2195">
        <v>0.34</v>
      </c>
    </row>
    <row r="2196" spans="1:3" x14ac:dyDescent="0.25">
      <c r="A2196">
        <v>0.73</v>
      </c>
      <c r="B2196">
        <v>0.56000000000000005</v>
      </c>
      <c r="C2196">
        <v>0.68</v>
      </c>
    </row>
    <row r="2197" spans="1:3" x14ac:dyDescent="0.25">
      <c r="A2197">
        <v>0.73</v>
      </c>
      <c r="B2197">
        <v>0.6</v>
      </c>
      <c r="C2197">
        <v>0.59</v>
      </c>
    </row>
    <row r="2198" spans="1:3" x14ac:dyDescent="0.25">
      <c r="A2198">
        <v>0.73</v>
      </c>
      <c r="B2198">
        <v>0.75</v>
      </c>
      <c r="C2198">
        <v>0.88</v>
      </c>
    </row>
    <row r="2199" spans="1:3" x14ac:dyDescent="0.25">
      <c r="A2199">
        <v>0.73</v>
      </c>
      <c r="B2199">
        <v>0.78</v>
      </c>
      <c r="C2199">
        <v>0.88</v>
      </c>
    </row>
    <row r="2200" spans="1:3" x14ac:dyDescent="0.25">
      <c r="A2200">
        <v>0.73</v>
      </c>
      <c r="B2200">
        <v>0.82</v>
      </c>
      <c r="C2200">
        <v>0.56999999999999995</v>
      </c>
    </row>
    <row r="2201" spans="1:3" x14ac:dyDescent="0.25">
      <c r="A2201">
        <v>0.73</v>
      </c>
      <c r="B2201">
        <v>0.83</v>
      </c>
      <c r="C2201">
        <v>0.71</v>
      </c>
    </row>
    <row r="2202" spans="1:3" x14ac:dyDescent="0.25">
      <c r="A2202">
        <v>0.73</v>
      </c>
      <c r="B2202">
        <v>0.86</v>
      </c>
      <c r="C2202">
        <v>0.57999999999999996</v>
      </c>
    </row>
    <row r="2203" spans="1:3" x14ac:dyDescent="0.25">
      <c r="A2203">
        <v>0.73</v>
      </c>
      <c r="B2203">
        <v>0.95</v>
      </c>
      <c r="C2203">
        <v>0.51</v>
      </c>
    </row>
    <row r="2204" spans="1:3" x14ac:dyDescent="0.25">
      <c r="A2204">
        <v>0.73</v>
      </c>
      <c r="B2204">
        <v>0.98</v>
      </c>
      <c r="C2204">
        <v>0.52</v>
      </c>
    </row>
    <row r="2205" spans="1:3" x14ac:dyDescent="0.25">
      <c r="A2205">
        <v>0.73</v>
      </c>
      <c r="B2205">
        <v>0.99</v>
      </c>
      <c r="C2205">
        <v>7.0000000000000007E-2</v>
      </c>
    </row>
    <row r="2206" spans="1:3" x14ac:dyDescent="0.25">
      <c r="A2206">
        <v>0.73</v>
      </c>
      <c r="B2206">
        <v>1</v>
      </c>
      <c r="C2206">
        <v>0.47</v>
      </c>
    </row>
    <row r="2207" spans="1:3" x14ac:dyDescent="0.25">
      <c r="A2207">
        <v>0.73</v>
      </c>
      <c r="B2207">
        <v>1.02</v>
      </c>
      <c r="C2207">
        <v>0.62</v>
      </c>
    </row>
    <row r="2208" spans="1:3" x14ac:dyDescent="0.25">
      <c r="A2208">
        <v>0.73</v>
      </c>
      <c r="B2208">
        <v>1.03</v>
      </c>
      <c r="C2208">
        <v>0.47</v>
      </c>
    </row>
    <row r="2209" spans="1:3" x14ac:dyDescent="0.25">
      <c r="A2209">
        <v>0.73</v>
      </c>
      <c r="B2209">
        <v>1.04</v>
      </c>
      <c r="C2209">
        <v>0.54</v>
      </c>
    </row>
    <row r="2210" spans="1:3" x14ac:dyDescent="0.25">
      <c r="A2210">
        <v>0.73</v>
      </c>
      <c r="B2210">
        <v>1.0900000000000001</v>
      </c>
      <c r="C2210">
        <v>0.24</v>
      </c>
    </row>
    <row r="2211" spans="1:3" x14ac:dyDescent="0.25">
      <c r="A2211">
        <v>0.73</v>
      </c>
      <c r="B2211">
        <v>1.1100000000000001</v>
      </c>
      <c r="C2211">
        <v>0.56999999999999995</v>
      </c>
    </row>
    <row r="2212" spans="1:3" x14ac:dyDescent="0.25">
      <c r="A2212">
        <v>0.73</v>
      </c>
      <c r="B2212">
        <v>1.18</v>
      </c>
      <c r="C2212">
        <v>0.95</v>
      </c>
    </row>
    <row r="2213" spans="1:3" x14ac:dyDescent="0.25">
      <c r="A2213">
        <v>0.73</v>
      </c>
      <c r="B2213">
        <v>1.3</v>
      </c>
      <c r="C2213">
        <v>0.28999999999999998</v>
      </c>
    </row>
    <row r="2214" spans="1:3" x14ac:dyDescent="0.25">
      <c r="A2214">
        <v>0.73</v>
      </c>
      <c r="B2214">
        <v>1.31</v>
      </c>
      <c r="C2214">
        <v>0.64</v>
      </c>
    </row>
    <row r="2215" spans="1:3" x14ac:dyDescent="0.25">
      <c r="A2215">
        <v>0.73</v>
      </c>
      <c r="B2215">
        <v>1.33</v>
      </c>
      <c r="C2215">
        <v>0.73</v>
      </c>
    </row>
    <row r="2216" spans="1:3" x14ac:dyDescent="0.25">
      <c r="A2216">
        <v>0.73</v>
      </c>
      <c r="B2216">
        <v>1.33</v>
      </c>
      <c r="C2216">
        <v>0.6</v>
      </c>
    </row>
    <row r="2217" spans="1:3" x14ac:dyDescent="0.25">
      <c r="A2217">
        <v>0.73</v>
      </c>
      <c r="B2217">
        <v>1.42</v>
      </c>
      <c r="C2217">
        <v>0.69</v>
      </c>
    </row>
    <row r="2218" spans="1:3" x14ac:dyDescent="0.25">
      <c r="A2218">
        <v>0.73</v>
      </c>
      <c r="B2218">
        <v>1.42</v>
      </c>
      <c r="C2218">
        <v>0.6</v>
      </c>
    </row>
    <row r="2219" spans="1:3" x14ac:dyDescent="0.25">
      <c r="A2219">
        <v>0.73</v>
      </c>
      <c r="B2219">
        <v>1.43</v>
      </c>
      <c r="C2219">
        <v>0.89</v>
      </c>
    </row>
    <row r="2220" spans="1:3" x14ac:dyDescent="0.25">
      <c r="A2220">
        <v>0.73</v>
      </c>
      <c r="B2220">
        <v>1.44</v>
      </c>
      <c r="C2220">
        <v>0.36</v>
      </c>
    </row>
    <row r="2221" spans="1:3" x14ac:dyDescent="0.25">
      <c r="A2221">
        <v>0.73</v>
      </c>
      <c r="B2221">
        <v>1.44</v>
      </c>
      <c r="C2221">
        <v>0.11</v>
      </c>
    </row>
    <row r="2222" spans="1:3" x14ac:dyDescent="0.25">
      <c r="A2222">
        <v>0.73</v>
      </c>
      <c r="B2222">
        <v>1.45</v>
      </c>
      <c r="C2222">
        <v>0.45</v>
      </c>
    </row>
    <row r="2223" spans="1:3" x14ac:dyDescent="0.25">
      <c r="A2223">
        <v>0.73</v>
      </c>
      <c r="B2223">
        <v>1.46</v>
      </c>
      <c r="C2223">
        <v>0.48</v>
      </c>
    </row>
    <row r="2224" spans="1:3" x14ac:dyDescent="0.25">
      <c r="A2224">
        <v>0.73</v>
      </c>
      <c r="B2224">
        <v>1.49</v>
      </c>
      <c r="C2224">
        <v>0.34</v>
      </c>
    </row>
    <row r="2225" spans="1:3" x14ac:dyDescent="0.25">
      <c r="A2225">
        <v>0.73</v>
      </c>
      <c r="B2225">
        <v>1.5</v>
      </c>
      <c r="C2225">
        <v>0.9</v>
      </c>
    </row>
    <row r="2226" spans="1:3" x14ac:dyDescent="0.25">
      <c r="A2226">
        <v>0.73</v>
      </c>
      <c r="B2226">
        <v>1.5</v>
      </c>
      <c r="C2226">
        <v>0.13</v>
      </c>
    </row>
    <row r="2227" spans="1:3" x14ac:dyDescent="0.25">
      <c r="A2227">
        <v>0.74</v>
      </c>
      <c r="B2227">
        <v>0.5</v>
      </c>
      <c r="C2227">
        <v>0.12</v>
      </c>
    </row>
    <row r="2228" spans="1:3" x14ac:dyDescent="0.25">
      <c r="A2228">
        <v>0.74</v>
      </c>
      <c r="B2228">
        <v>0.52</v>
      </c>
      <c r="C2228">
        <v>0.56000000000000005</v>
      </c>
    </row>
    <row r="2229" spans="1:3" x14ac:dyDescent="0.25">
      <c r="A2229">
        <v>0.74</v>
      </c>
      <c r="B2229">
        <v>0.54</v>
      </c>
      <c r="C2229">
        <v>0.87</v>
      </c>
    </row>
    <row r="2230" spans="1:3" x14ac:dyDescent="0.25">
      <c r="A2230">
        <v>0.74</v>
      </c>
      <c r="B2230">
        <v>0.55000000000000004</v>
      </c>
      <c r="C2230">
        <v>0.64</v>
      </c>
    </row>
    <row r="2231" spans="1:3" x14ac:dyDescent="0.25">
      <c r="A2231">
        <v>0.74</v>
      </c>
      <c r="B2231">
        <v>0.61</v>
      </c>
      <c r="C2231">
        <v>0.65</v>
      </c>
    </row>
    <row r="2232" spans="1:3" x14ac:dyDescent="0.25">
      <c r="A2232">
        <v>0.74</v>
      </c>
      <c r="B2232">
        <v>0.63</v>
      </c>
      <c r="C2232">
        <v>0.18</v>
      </c>
    </row>
    <row r="2233" spans="1:3" x14ac:dyDescent="0.25">
      <c r="A2233">
        <v>0.74</v>
      </c>
      <c r="B2233">
        <v>0.67</v>
      </c>
      <c r="C2233">
        <v>0.73</v>
      </c>
    </row>
    <row r="2234" spans="1:3" x14ac:dyDescent="0.25">
      <c r="A2234">
        <v>0.74</v>
      </c>
      <c r="B2234">
        <v>0.67</v>
      </c>
      <c r="C2234">
        <v>0.86</v>
      </c>
    </row>
    <row r="2235" spans="1:3" x14ac:dyDescent="0.25">
      <c r="A2235">
        <v>0.74</v>
      </c>
      <c r="B2235">
        <v>0.69</v>
      </c>
      <c r="C2235">
        <v>0.63</v>
      </c>
    </row>
    <row r="2236" spans="1:3" x14ac:dyDescent="0.25">
      <c r="A2236">
        <v>0.74</v>
      </c>
      <c r="B2236">
        <v>0.7</v>
      </c>
      <c r="C2236">
        <v>0.38</v>
      </c>
    </row>
    <row r="2237" spans="1:3" x14ac:dyDescent="0.25">
      <c r="A2237">
        <v>0.74</v>
      </c>
      <c r="B2237">
        <v>0.78</v>
      </c>
      <c r="C2237">
        <v>0.45</v>
      </c>
    </row>
    <row r="2238" spans="1:3" x14ac:dyDescent="0.25">
      <c r="A2238">
        <v>0.74</v>
      </c>
      <c r="B2238">
        <v>0.82</v>
      </c>
      <c r="C2238">
        <v>0.08</v>
      </c>
    </row>
    <row r="2239" spans="1:3" x14ac:dyDescent="0.25">
      <c r="A2239">
        <v>0.74</v>
      </c>
      <c r="B2239">
        <v>0.83</v>
      </c>
      <c r="C2239">
        <v>0.66</v>
      </c>
    </row>
    <row r="2240" spans="1:3" x14ac:dyDescent="0.25">
      <c r="A2240">
        <v>0.74</v>
      </c>
      <c r="B2240">
        <v>0.84</v>
      </c>
      <c r="C2240">
        <v>0.16</v>
      </c>
    </row>
    <row r="2241" spans="1:3" x14ac:dyDescent="0.25">
      <c r="A2241">
        <v>0.74</v>
      </c>
      <c r="B2241">
        <v>0.84</v>
      </c>
      <c r="C2241">
        <v>0.45</v>
      </c>
    </row>
    <row r="2242" spans="1:3" x14ac:dyDescent="0.25">
      <c r="A2242">
        <v>0.74</v>
      </c>
      <c r="B2242">
        <v>0.96</v>
      </c>
      <c r="C2242">
        <v>0.84</v>
      </c>
    </row>
    <row r="2243" spans="1:3" x14ac:dyDescent="0.25">
      <c r="A2243">
        <v>0.74</v>
      </c>
      <c r="B2243">
        <v>0.99</v>
      </c>
      <c r="C2243">
        <v>0.43</v>
      </c>
    </row>
    <row r="2244" spans="1:3" x14ac:dyDescent="0.25">
      <c r="A2244">
        <v>0.74</v>
      </c>
      <c r="B2244">
        <v>1.02</v>
      </c>
      <c r="C2244">
        <v>0.67</v>
      </c>
    </row>
    <row r="2245" spans="1:3" x14ac:dyDescent="0.25">
      <c r="A2245">
        <v>0.74</v>
      </c>
      <c r="B2245">
        <v>1.03</v>
      </c>
      <c r="C2245">
        <v>0.62</v>
      </c>
    </row>
    <row r="2246" spans="1:3" x14ac:dyDescent="0.25">
      <c r="A2246">
        <v>0.74</v>
      </c>
      <c r="B2246">
        <v>1.04</v>
      </c>
      <c r="C2246">
        <v>0.33</v>
      </c>
    </row>
    <row r="2247" spans="1:3" x14ac:dyDescent="0.25">
      <c r="A2247">
        <v>0.74</v>
      </c>
      <c r="B2247">
        <v>1.05</v>
      </c>
      <c r="C2247">
        <v>0.54</v>
      </c>
    </row>
    <row r="2248" spans="1:3" x14ac:dyDescent="0.25">
      <c r="A2248">
        <v>0.74</v>
      </c>
      <c r="B2248">
        <v>1.17</v>
      </c>
      <c r="C2248">
        <v>0.56000000000000005</v>
      </c>
    </row>
    <row r="2249" spans="1:3" x14ac:dyDescent="0.25">
      <c r="A2249">
        <v>0.74</v>
      </c>
      <c r="B2249">
        <v>1.19</v>
      </c>
      <c r="C2249">
        <v>0.78</v>
      </c>
    </row>
    <row r="2250" spans="1:3" x14ac:dyDescent="0.25">
      <c r="A2250">
        <v>0.74</v>
      </c>
      <c r="B2250">
        <v>1.21</v>
      </c>
      <c r="C2250">
        <v>7.0000000000000007E-2</v>
      </c>
    </row>
    <row r="2251" spans="1:3" x14ac:dyDescent="0.25">
      <c r="A2251">
        <v>0.74</v>
      </c>
      <c r="B2251">
        <v>1.24</v>
      </c>
      <c r="C2251">
        <v>0.17</v>
      </c>
    </row>
    <row r="2252" spans="1:3" x14ac:dyDescent="0.25">
      <c r="A2252">
        <v>0.74</v>
      </c>
      <c r="B2252">
        <v>1.27</v>
      </c>
      <c r="C2252">
        <v>0.56000000000000005</v>
      </c>
    </row>
    <row r="2253" spans="1:3" x14ac:dyDescent="0.25">
      <c r="A2253">
        <v>0.74</v>
      </c>
      <c r="B2253">
        <v>1.27</v>
      </c>
      <c r="C2253">
        <v>0.95</v>
      </c>
    </row>
    <row r="2254" spans="1:3" x14ac:dyDescent="0.25">
      <c r="A2254">
        <v>0.74</v>
      </c>
      <c r="B2254">
        <v>1.33</v>
      </c>
      <c r="C2254">
        <v>0.6</v>
      </c>
    </row>
    <row r="2255" spans="1:3" x14ac:dyDescent="0.25">
      <c r="A2255">
        <v>0.74</v>
      </c>
      <c r="B2255">
        <v>1.35</v>
      </c>
      <c r="C2255">
        <v>0.34</v>
      </c>
    </row>
    <row r="2256" spans="1:3" x14ac:dyDescent="0.25">
      <c r="A2256">
        <v>0.74</v>
      </c>
      <c r="B2256">
        <v>1.38</v>
      </c>
      <c r="C2256">
        <v>0.45</v>
      </c>
    </row>
    <row r="2257" spans="1:3" x14ac:dyDescent="0.25">
      <c r="A2257">
        <v>0.74</v>
      </c>
      <c r="B2257">
        <v>1.39</v>
      </c>
      <c r="C2257">
        <v>0.48</v>
      </c>
    </row>
    <row r="2258" spans="1:3" x14ac:dyDescent="0.25">
      <c r="A2258">
        <v>0.74</v>
      </c>
      <c r="B2258">
        <v>1.46</v>
      </c>
      <c r="C2258">
        <v>0.64</v>
      </c>
    </row>
    <row r="2259" spans="1:3" x14ac:dyDescent="0.25">
      <c r="A2259">
        <v>0.75</v>
      </c>
      <c r="B2259">
        <v>0.63</v>
      </c>
      <c r="C2259">
        <v>0.24</v>
      </c>
    </row>
    <row r="2260" spans="1:3" x14ac:dyDescent="0.25">
      <c r="A2260">
        <v>0.75</v>
      </c>
      <c r="B2260">
        <v>0.67</v>
      </c>
      <c r="C2260">
        <v>0.85</v>
      </c>
    </row>
    <row r="2261" spans="1:3" x14ac:dyDescent="0.25">
      <c r="A2261">
        <v>0.75</v>
      </c>
      <c r="B2261">
        <v>0.69</v>
      </c>
      <c r="C2261">
        <v>0.14000000000000001</v>
      </c>
    </row>
    <row r="2262" spans="1:3" x14ac:dyDescent="0.25">
      <c r="A2262">
        <v>0.75</v>
      </c>
      <c r="B2262">
        <v>0.7</v>
      </c>
      <c r="C2262">
        <v>0.53</v>
      </c>
    </row>
    <row r="2263" spans="1:3" x14ac:dyDescent="0.25">
      <c r="A2263">
        <v>0.75</v>
      </c>
      <c r="B2263">
        <v>0.73</v>
      </c>
      <c r="C2263">
        <v>0.68</v>
      </c>
    </row>
    <row r="2264" spans="1:3" x14ac:dyDescent="0.25">
      <c r="A2264">
        <v>0.75</v>
      </c>
      <c r="B2264">
        <v>0.75</v>
      </c>
      <c r="C2264">
        <v>0.88</v>
      </c>
    </row>
    <row r="2265" spans="1:3" x14ac:dyDescent="0.25">
      <c r="A2265">
        <v>0.75</v>
      </c>
      <c r="B2265">
        <v>0.89</v>
      </c>
      <c r="C2265">
        <v>0.66</v>
      </c>
    </row>
    <row r="2266" spans="1:3" x14ac:dyDescent="0.25">
      <c r="A2266">
        <v>0.75</v>
      </c>
      <c r="B2266">
        <v>0.96</v>
      </c>
      <c r="C2266">
        <v>0.64</v>
      </c>
    </row>
    <row r="2267" spans="1:3" x14ac:dyDescent="0.25">
      <c r="A2267">
        <v>0.75</v>
      </c>
      <c r="B2267">
        <v>1.03</v>
      </c>
      <c r="C2267">
        <v>0.51</v>
      </c>
    </row>
    <row r="2268" spans="1:3" x14ac:dyDescent="0.25">
      <c r="A2268">
        <v>0.75</v>
      </c>
      <c r="B2268">
        <v>1.1399999999999999</v>
      </c>
      <c r="C2268">
        <v>0.47</v>
      </c>
    </row>
    <row r="2269" spans="1:3" x14ac:dyDescent="0.25">
      <c r="A2269">
        <v>0.75</v>
      </c>
      <c r="B2269">
        <v>1.1499999999999999</v>
      </c>
      <c r="C2269">
        <v>0.91</v>
      </c>
    </row>
    <row r="2270" spans="1:3" x14ac:dyDescent="0.25">
      <c r="A2270">
        <v>0.75</v>
      </c>
      <c r="B2270">
        <v>1.1599999999999999</v>
      </c>
      <c r="C2270">
        <v>0.56000000000000005</v>
      </c>
    </row>
    <row r="2271" spans="1:3" x14ac:dyDescent="0.25">
      <c r="A2271">
        <v>0.75</v>
      </c>
      <c r="B2271">
        <v>1.23</v>
      </c>
      <c r="C2271">
        <v>0.65</v>
      </c>
    </row>
    <row r="2272" spans="1:3" x14ac:dyDescent="0.25">
      <c r="A2272">
        <v>0.75</v>
      </c>
      <c r="B2272">
        <v>1.26</v>
      </c>
      <c r="C2272">
        <v>0.65</v>
      </c>
    </row>
    <row r="2273" spans="1:3" x14ac:dyDescent="0.25">
      <c r="A2273">
        <v>0.75</v>
      </c>
      <c r="B2273">
        <v>1.34</v>
      </c>
      <c r="C2273">
        <v>0.67</v>
      </c>
    </row>
    <row r="2274" spans="1:3" x14ac:dyDescent="0.25">
      <c r="A2274">
        <v>0.75</v>
      </c>
      <c r="B2274">
        <v>1.36</v>
      </c>
      <c r="C2274">
        <v>0.21</v>
      </c>
    </row>
    <row r="2275" spans="1:3" x14ac:dyDescent="0.25">
      <c r="A2275">
        <v>0.75</v>
      </c>
      <c r="B2275">
        <v>1.4</v>
      </c>
      <c r="C2275">
        <v>0.42</v>
      </c>
    </row>
    <row r="2276" spans="1:3" x14ac:dyDescent="0.25">
      <c r="A2276">
        <v>0.75</v>
      </c>
      <c r="B2276">
        <v>1.44</v>
      </c>
      <c r="C2276">
        <v>0.54</v>
      </c>
    </row>
    <row r="2277" spans="1:3" x14ac:dyDescent="0.25">
      <c r="A2277">
        <v>0.75</v>
      </c>
      <c r="B2277">
        <v>1.45</v>
      </c>
      <c r="C2277">
        <v>0.17</v>
      </c>
    </row>
    <row r="2278" spans="1:3" x14ac:dyDescent="0.25">
      <c r="A2278">
        <v>0.75</v>
      </c>
      <c r="B2278">
        <v>1.47</v>
      </c>
      <c r="C2278">
        <v>0.21</v>
      </c>
    </row>
    <row r="2279" spans="1:3" x14ac:dyDescent="0.25">
      <c r="A2279">
        <v>0.76</v>
      </c>
      <c r="B2279">
        <v>0.51</v>
      </c>
      <c r="C2279">
        <v>0.82</v>
      </c>
    </row>
    <row r="2280" spans="1:3" x14ac:dyDescent="0.25">
      <c r="A2280">
        <v>0.76</v>
      </c>
      <c r="B2280">
        <v>0.51</v>
      </c>
      <c r="C2280">
        <v>0.94</v>
      </c>
    </row>
    <row r="2281" spans="1:3" x14ac:dyDescent="0.25">
      <c r="A2281">
        <v>0.76</v>
      </c>
      <c r="B2281">
        <v>0.52</v>
      </c>
      <c r="C2281">
        <v>0.45</v>
      </c>
    </row>
    <row r="2282" spans="1:3" x14ac:dyDescent="0.25">
      <c r="A2282">
        <v>0.76</v>
      </c>
      <c r="B2282">
        <v>0.54</v>
      </c>
      <c r="C2282">
        <v>0.24</v>
      </c>
    </row>
    <row r="2283" spans="1:3" x14ac:dyDescent="0.25">
      <c r="A2283">
        <v>0.76</v>
      </c>
      <c r="B2283">
        <v>0.56000000000000005</v>
      </c>
      <c r="C2283">
        <v>0.3</v>
      </c>
    </row>
    <row r="2284" spans="1:3" x14ac:dyDescent="0.25">
      <c r="A2284">
        <v>0.76</v>
      </c>
      <c r="B2284">
        <v>0.63</v>
      </c>
      <c r="C2284">
        <v>0.75</v>
      </c>
    </row>
    <row r="2285" spans="1:3" x14ac:dyDescent="0.25">
      <c r="A2285">
        <v>0.76</v>
      </c>
      <c r="B2285">
        <v>0.63</v>
      </c>
      <c r="C2285">
        <v>0.94</v>
      </c>
    </row>
    <row r="2286" spans="1:3" x14ac:dyDescent="0.25">
      <c r="A2286">
        <v>0.76</v>
      </c>
      <c r="B2286">
        <v>0.7</v>
      </c>
      <c r="C2286">
        <v>0.28000000000000003</v>
      </c>
    </row>
    <row r="2287" spans="1:3" x14ac:dyDescent="0.25">
      <c r="A2287">
        <v>0.76</v>
      </c>
      <c r="B2287">
        <v>0.77</v>
      </c>
      <c r="C2287">
        <v>0.82</v>
      </c>
    </row>
    <row r="2288" spans="1:3" x14ac:dyDescent="0.25">
      <c r="A2288">
        <v>0.76</v>
      </c>
      <c r="B2288">
        <v>0.77</v>
      </c>
      <c r="C2288">
        <v>0.36</v>
      </c>
    </row>
    <row r="2289" spans="1:3" x14ac:dyDescent="0.25">
      <c r="A2289">
        <v>0.76</v>
      </c>
      <c r="B2289">
        <v>0.8</v>
      </c>
      <c r="C2289">
        <v>0.25</v>
      </c>
    </row>
    <row r="2290" spans="1:3" x14ac:dyDescent="0.25">
      <c r="A2290">
        <v>0.76</v>
      </c>
      <c r="B2290">
        <v>0.82</v>
      </c>
      <c r="C2290">
        <v>0.45</v>
      </c>
    </row>
    <row r="2291" spans="1:3" x14ac:dyDescent="0.25">
      <c r="A2291">
        <v>0.76</v>
      </c>
      <c r="B2291">
        <v>0.87</v>
      </c>
      <c r="C2291">
        <v>0.65</v>
      </c>
    </row>
    <row r="2292" spans="1:3" x14ac:dyDescent="0.25">
      <c r="A2292">
        <v>0.76</v>
      </c>
      <c r="B2292">
        <v>1.02</v>
      </c>
      <c r="C2292">
        <v>0.75</v>
      </c>
    </row>
    <row r="2293" spans="1:3" x14ac:dyDescent="0.25">
      <c r="A2293">
        <v>0.76</v>
      </c>
      <c r="B2293">
        <v>1.02</v>
      </c>
      <c r="C2293">
        <v>0.56000000000000005</v>
      </c>
    </row>
    <row r="2294" spans="1:3" x14ac:dyDescent="0.25">
      <c r="A2294">
        <v>0.76</v>
      </c>
      <c r="B2294">
        <v>1.05</v>
      </c>
      <c r="C2294">
        <v>0.1</v>
      </c>
    </row>
    <row r="2295" spans="1:3" x14ac:dyDescent="0.25">
      <c r="A2295">
        <v>0.76</v>
      </c>
      <c r="B2295">
        <v>1.1299999999999999</v>
      </c>
      <c r="C2295">
        <v>0.18</v>
      </c>
    </row>
    <row r="2296" spans="1:3" x14ac:dyDescent="0.25">
      <c r="A2296">
        <v>0.76</v>
      </c>
      <c r="B2296">
        <v>1.19</v>
      </c>
      <c r="C2296">
        <v>0.44</v>
      </c>
    </row>
    <row r="2297" spans="1:3" x14ac:dyDescent="0.25">
      <c r="A2297">
        <v>0.76</v>
      </c>
      <c r="B2297">
        <v>1.27</v>
      </c>
      <c r="C2297">
        <v>0.65</v>
      </c>
    </row>
    <row r="2298" spans="1:3" x14ac:dyDescent="0.25">
      <c r="A2298">
        <v>0.76</v>
      </c>
      <c r="B2298">
        <v>1.27</v>
      </c>
      <c r="C2298">
        <v>0.81</v>
      </c>
    </row>
    <row r="2299" spans="1:3" x14ac:dyDescent="0.25">
      <c r="A2299">
        <v>0.76</v>
      </c>
      <c r="B2299">
        <v>1.27</v>
      </c>
      <c r="C2299">
        <v>0.56999999999999995</v>
      </c>
    </row>
    <row r="2300" spans="1:3" x14ac:dyDescent="0.25">
      <c r="A2300">
        <v>0.76</v>
      </c>
      <c r="B2300">
        <v>1.27</v>
      </c>
      <c r="C2300">
        <v>0.9</v>
      </c>
    </row>
    <row r="2301" spans="1:3" x14ac:dyDescent="0.25">
      <c r="A2301">
        <v>0.76</v>
      </c>
      <c r="B2301">
        <v>1.33</v>
      </c>
      <c r="C2301">
        <v>0.27</v>
      </c>
    </row>
    <row r="2302" spans="1:3" x14ac:dyDescent="0.25">
      <c r="A2302">
        <v>0.76</v>
      </c>
      <c r="B2302">
        <v>1.33</v>
      </c>
      <c r="C2302">
        <v>0.28999999999999998</v>
      </c>
    </row>
    <row r="2303" spans="1:3" x14ac:dyDescent="0.25">
      <c r="A2303">
        <v>0.76</v>
      </c>
      <c r="B2303">
        <v>1.36</v>
      </c>
      <c r="C2303">
        <v>0.85</v>
      </c>
    </row>
    <row r="2304" spans="1:3" x14ac:dyDescent="0.25">
      <c r="A2304">
        <v>0.76</v>
      </c>
      <c r="B2304">
        <v>1.42</v>
      </c>
      <c r="C2304">
        <v>0.76</v>
      </c>
    </row>
    <row r="2305" spans="1:3" x14ac:dyDescent="0.25">
      <c r="A2305">
        <v>0.76</v>
      </c>
      <c r="B2305">
        <v>1.45</v>
      </c>
      <c r="C2305">
        <v>0.14000000000000001</v>
      </c>
    </row>
    <row r="2306" spans="1:3" x14ac:dyDescent="0.25">
      <c r="A2306">
        <v>0.77</v>
      </c>
      <c r="B2306">
        <v>0.52</v>
      </c>
      <c r="C2306">
        <v>0.81</v>
      </c>
    </row>
    <row r="2307" spans="1:3" x14ac:dyDescent="0.25">
      <c r="A2307">
        <v>0.77</v>
      </c>
      <c r="B2307">
        <v>0.56000000000000005</v>
      </c>
      <c r="C2307">
        <v>0.26</v>
      </c>
    </row>
    <row r="2308" spans="1:3" x14ac:dyDescent="0.25">
      <c r="A2308">
        <v>0.77</v>
      </c>
      <c r="B2308">
        <v>0.59</v>
      </c>
      <c r="C2308">
        <v>0.12</v>
      </c>
    </row>
    <row r="2309" spans="1:3" x14ac:dyDescent="0.25">
      <c r="A2309">
        <v>0.77</v>
      </c>
      <c r="B2309">
        <v>0.62</v>
      </c>
      <c r="C2309">
        <v>0.57999999999999996</v>
      </c>
    </row>
    <row r="2310" spans="1:3" x14ac:dyDescent="0.25">
      <c r="A2310">
        <v>0.77</v>
      </c>
      <c r="B2310">
        <v>0.65</v>
      </c>
      <c r="C2310">
        <v>0.69</v>
      </c>
    </row>
    <row r="2311" spans="1:3" x14ac:dyDescent="0.25">
      <c r="A2311">
        <v>0.77</v>
      </c>
      <c r="B2311">
        <v>0.71</v>
      </c>
      <c r="C2311">
        <v>0.43</v>
      </c>
    </row>
    <row r="2312" spans="1:3" x14ac:dyDescent="0.25">
      <c r="A2312">
        <v>0.77</v>
      </c>
      <c r="B2312">
        <v>0.72</v>
      </c>
      <c r="C2312">
        <v>0.77</v>
      </c>
    </row>
    <row r="2313" spans="1:3" x14ac:dyDescent="0.25">
      <c r="A2313">
        <v>0.77</v>
      </c>
      <c r="B2313">
        <v>0.73</v>
      </c>
      <c r="C2313">
        <v>0.65</v>
      </c>
    </row>
    <row r="2314" spans="1:3" x14ac:dyDescent="0.25">
      <c r="A2314">
        <v>0.77</v>
      </c>
      <c r="B2314">
        <v>0.76</v>
      </c>
      <c r="C2314">
        <v>0.43</v>
      </c>
    </row>
    <row r="2315" spans="1:3" x14ac:dyDescent="0.25">
      <c r="A2315">
        <v>0.77</v>
      </c>
      <c r="B2315">
        <v>0.77</v>
      </c>
      <c r="C2315">
        <v>0.56999999999999995</v>
      </c>
    </row>
    <row r="2316" spans="1:3" x14ac:dyDescent="0.25">
      <c r="A2316">
        <v>0.77</v>
      </c>
      <c r="B2316">
        <v>0.78</v>
      </c>
      <c r="C2316">
        <v>0.05</v>
      </c>
    </row>
    <row r="2317" spans="1:3" x14ac:dyDescent="0.25">
      <c r="A2317">
        <v>0.77</v>
      </c>
      <c r="B2317">
        <v>0.86</v>
      </c>
      <c r="C2317">
        <v>0.1</v>
      </c>
    </row>
    <row r="2318" spans="1:3" x14ac:dyDescent="0.25">
      <c r="A2318">
        <v>0.77</v>
      </c>
      <c r="B2318">
        <v>0.86</v>
      </c>
      <c r="C2318">
        <v>0.12</v>
      </c>
    </row>
    <row r="2319" spans="1:3" x14ac:dyDescent="0.25">
      <c r="A2319">
        <v>0.77</v>
      </c>
      <c r="B2319">
        <v>0.89</v>
      </c>
      <c r="C2319">
        <v>0.5</v>
      </c>
    </row>
    <row r="2320" spans="1:3" x14ac:dyDescent="0.25">
      <c r="A2320">
        <v>0.77</v>
      </c>
      <c r="B2320">
        <v>0.89</v>
      </c>
      <c r="C2320">
        <v>0.88</v>
      </c>
    </row>
    <row r="2321" spans="1:3" x14ac:dyDescent="0.25">
      <c r="A2321">
        <v>0.77</v>
      </c>
      <c r="B2321">
        <v>1</v>
      </c>
      <c r="C2321">
        <v>0.62</v>
      </c>
    </row>
    <row r="2322" spans="1:3" x14ac:dyDescent="0.25">
      <c r="A2322">
        <v>0.77</v>
      </c>
      <c r="B2322">
        <v>1.02</v>
      </c>
      <c r="C2322">
        <v>0.91</v>
      </c>
    </row>
    <row r="2323" spans="1:3" x14ac:dyDescent="0.25">
      <c r="A2323">
        <v>0.77</v>
      </c>
      <c r="B2323">
        <v>1.04</v>
      </c>
      <c r="C2323">
        <v>0.93</v>
      </c>
    </row>
    <row r="2324" spans="1:3" x14ac:dyDescent="0.25">
      <c r="A2324">
        <v>0.77</v>
      </c>
      <c r="B2324">
        <v>1.07</v>
      </c>
      <c r="C2324">
        <v>0.59</v>
      </c>
    </row>
    <row r="2325" spans="1:3" x14ac:dyDescent="0.25">
      <c r="A2325">
        <v>0.77</v>
      </c>
      <c r="B2325">
        <v>1.08</v>
      </c>
      <c r="C2325">
        <v>0.63</v>
      </c>
    </row>
    <row r="2326" spans="1:3" x14ac:dyDescent="0.25">
      <c r="A2326">
        <v>0.77</v>
      </c>
      <c r="B2326">
        <v>1.1200000000000001</v>
      </c>
      <c r="C2326">
        <v>0.45</v>
      </c>
    </row>
    <row r="2327" spans="1:3" x14ac:dyDescent="0.25">
      <c r="A2327">
        <v>0.77</v>
      </c>
      <c r="B2327">
        <v>1.1499999999999999</v>
      </c>
      <c r="C2327">
        <v>0.42</v>
      </c>
    </row>
    <row r="2328" spans="1:3" x14ac:dyDescent="0.25">
      <c r="A2328">
        <v>0.77</v>
      </c>
      <c r="B2328">
        <v>1.1599999999999999</v>
      </c>
      <c r="C2328">
        <v>0.1</v>
      </c>
    </row>
    <row r="2329" spans="1:3" x14ac:dyDescent="0.25">
      <c r="A2329">
        <v>0.77</v>
      </c>
      <c r="B2329">
        <v>1.19</v>
      </c>
      <c r="C2329">
        <v>0.62</v>
      </c>
    </row>
    <row r="2330" spans="1:3" x14ac:dyDescent="0.25">
      <c r="A2330">
        <v>0.77</v>
      </c>
      <c r="B2330">
        <v>1.2</v>
      </c>
      <c r="C2330">
        <v>0.55000000000000004</v>
      </c>
    </row>
    <row r="2331" spans="1:3" x14ac:dyDescent="0.25">
      <c r="A2331">
        <v>0.77</v>
      </c>
      <c r="B2331">
        <v>1.2</v>
      </c>
      <c r="C2331">
        <v>0.36</v>
      </c>
    </row>
    <row r="2332" spans="1:3" x14ac:dyDescent="0.25">
      <c r="A2332">
        <v>0.77</v>
      </c>
      <c r="B2332">
        <v>1.21</v>
      </c>
      <c r="C2332">
        <v>0.59</v>
      </c>
    </row>
    <row r="2333" spans="1:3" x14ac:dyDescent="0.25">
      <c r="A2333">
        <v>0.77</v>
      </c>
      <c r="B2333">
        <v>1.24</v>
      </c>
      <c r="C2333">
        <v>0.66</v>
      </c>
    </row>
    <row r="2334" spans="1:3" x14ac:dyDescent="0.25">
      <c r="A2334">
        <v>0.77</v>
      </c>
      <c r="B2334">
        <v>1.24</v>
      </c>
      <c r="C2334">
        <v>0.44</v>
      </c>
    </row>
    <row r="2335" spans="1:3" x14ac:dyDescent="0.25">
      <c r="A2335">
        <v>0.77</v>
      </c>
      <c r="B2335">
        <v>1.25</v>
      </c>
      <c r="C2335">
        <v>0.56000000000000005</v>
      </c>
    </row>
    <row r="2336" spans="1:3" x14ac:dyDescent="0.25">
      <c r="A2336">
        <v>0.77</v>
      </c>
      <c r="B2336">
        <v>1.36</v>
      </c>
      <c r="C2336">
        <v>0.14000000000000001</v>
      </c>
    </row>
    <row r="2337" spans="1:3" x14ac:dyDescent="0.25">
      <c r="A2337">
        <v>0.77</v>
      </c>
      <c r="B2337">
        <v>1.38</v>
      </c>
      <c r="C2337">
        <v>0.6</v>
      </c>
    </row>
    <row r="2338" spans="1:3" x14ac:dyDescent="0.25">
      <c r="A2338">
        <v>0.77</v>
      </c>
      <c r="B2338">
        <v>1.39</v>
      </c>
      <c r="C2338">
        <v>0.43</v>
      </c>
    </row>
    <row r="2339" spans="1:3" x14ac:dyDescent="0.25">
      <c r="A2339">
        <v>0.77</v>
      </c>
      <c r="B2339">
        <v>1.4</v>
      </c>
      <c r="C2339">
        <v>0.54</v>
      </c>
    </row>
    <row r="2340" spans="1:3" x14ac:dyDescent="0.25">
      <c r="A2340">
        <v>0.77</v>
      </c>
      <c r="B2340">
        <v>1.45</v>
      </c>
      <c r="C2340">
        <v>0.64</v>
      </c>
    </row>
    <row r="2341" spans="1:3" x14ac:dyDescent="0.25">
      <c r="A2341">
        <v>0.77</v>
      </c>
      <c r="B2341">
        <v>1.46</v>
      </c>
      <c r="C2341">
        <v>0.71</v>
      </c>
    </row>
    <row r="2342" spans="1:3" x14ac:dyDescent="0.25">
      <c r="A2342">
        <v>0.78</v>
      </c>
      <c r="B2342">
        <v>0.53</v>
      </c>
      <c r="C2342">
        <v>0.61</v>
      </c>
    </row>
    <row r="2343" spans="1:3" x14ac:dyDescent="0.25">
      <c r="A2343">
        <v>0.78</v>
      </c>
      <c r="B2343">
        <v>0.57999999999999996</v>
      </c>
      <c r="C2343">
        <v>0.09</v>
      </c>
    </row>
    <row r="2344" spans="1:3" x14ac:dyDescent="0.25">
      <c r="A2344">
        <v>0.78</v>
      </c>
      <c r="B2344">
        <v>0.62</v>
      </c>
      <c r="C2344">
        <v>0.91</v>
      </c>
    </row>
    <row r="2345" spans="1:3" x14ac:dyDescent="0.25">
      <c r="A2345">
        <v>0.78</v>
      </c>
      <c r="B2345">
        <v>0.66</v>
      </c>
      <c r="C2345">
        <v>0.8</v>
      </c>
    </row>
    <row r="2346" spans="1:3" x14ac:dyDescent="0.25">
      <c r="A2346">
        <v>0.78</v>
      </c>
      <c r="B2346">
        <v>0.69</v>
      </c>
      <c r="C2346">
        <v>0.87</v>
      </c>
    </row>
    <row r="2347" spans="1:3" x14ac:dyDescent="0.25">
      <c r="A2347">
        <v>0.78</v>
      </c>
      <c r="B2347">
        <v>0.69</v>
      </c>
      <c r="C2347">
        <v>0.57999999999999996</v>
      </c>
    </row>
    <row r="2348" spans="1:3" x14ac:dyDescent="0.25">
      <c r="A2348">
        <v>0.78</v>
      </c>
      <c r="B2348">
        <v>0.76</v>
      </c>
      <c r="C2348">
        <v>0.41</v>
      </c>
    </row>
    <row r="2349" spans="1:3" x14ac:dyDescent="0.25">
      <c r="A2349">
        <v>0.78</v>
      </c>
      <c r="B2349">
        <v>0.77</v>
      </c>
      <c r="C2349">
        <v>0.82</v>
      </c>
    </row>
    <row r="2350" spans="1:3" x14ac:dyDescent="0.25">
      <c r="A2350">
        <v>0.78</v>
      </c>
      <c r="B2350">
        <v>0.8</v>
      </c>
      <c r="C2350">
        <v>0.75</v>
      </c>
    </row>
    <row r="2351" spans="1:3" x14ac:dyDescent="0.25">
      <c r="A2351">
        <v>0.78</v>
      </c>
      <c r="B2351">
        <v>0.81</v>
      </c>
      <c r="C2351">
        <v>0.57999999999999996</v>
      </c>
    </row>
    <row r="2352" spans="1:3" x14ac:dyDescent="0.25">
      <c r="A2352">
        <v>0.78</v>
      </c>
      <c r="B2352">
        <v>0.81</v>
      </c>
      <c r="C2352">
        <v>0.32</v>
      </c>
    </row>
    <row r="2353" spans="1:3" x14ac:dyDescent="0.25">
      <c r="A2353">
        <v>0.78</v>
      </c>
      <c r="B2353">
        <v>0.83</v>
      </c>
      <c r="C2353">
        <v>0.43</v>
      </c>
    </row>
    <row r="2354" spans="1:3" x14ac:dyDescent="0.25">
      <c r="A2354">
        <v>0.78</v>
      </c>
      <c r="B2354">
        <v>0.96</v>
      </c>
      <c r="C2354">
        <v>0.22</v>
      </c>
    </row>
    <row r="2355" spans="1:3" x14ac:dyDescent="0.25">
      <c r="A2355">
        <v>0.78</v>
      </c>
      <c r="B2355">
        <v>0.97</v>
      </c>
      <c r="C2355">
        <v>0.24</v>
      </c>
    </row>
    <row r="2356" spans="1:3" x14ac:dyDescent="0.25">
      <c r="A2356">
        <v>0.78</v>
      </c>
      <c r="B2356">
        <v>1.04</v>
      </c>
      <c r="C2356">
        <v>0.76</v>
      </c>
    </row>
    <row r="2357" spans="1:3" x14ac:dyDescent="0.25">
      <c r="A2357">
        <v>0.78</v>
      </c>
      <c r="B2357">
        <v>1.06</v>
      </c>
      <c r="C2357">
        <v>0.77</v>
      </c>
    </row>
    <row r="2358" spans="1:3" x14ac:dyDescent="0.25">
      <c r="A2358">
        <v>0.78</v>
      </c>
      <c r="B2358">
        <v>1.1000000000000001</v>
      </c>
      <c r="C2358">
        <v>0.56000000000000005</v>
      </c>
    </row>
    <row r="2359" spans="1:3" x14ac:dyDescent="0.25">
      <c r="A2359">
        <v>0.78</v>
      </c>
      <c r="B2359">
        <v>1.1499999999999999</v>
      </c>
      <c r="C2359">
        <v>0.16</v>
      </c>
    </row>
    <row r="2360" spans="1:3" x14ac:dyDescent="0.25">
      <c r="A2360">
        <v>0.78</v>
      </c>
      <c r="B2360">
        <v>1.1599999999999999</v>
      </c>
      <c r="C2360">
        <v>0.09</v>
      </c>
    </row>
    <row r="2361" spans="1:3" x14ac:dyDescent="0.25">
      <c r="A2361">
        <v>0.78</v>
      </c>
      <c r="B2361">
        <v>1.19</v>
      </c>
      <c r="C2361">
        <v>0.48</v>
      </c>
    </row>
    <row r="2362" spans="1:3" x14ac:dyDescent="0.25">
      <c r="A2362">
        <v>0.78</v>
      </c>
      <c r="B2362">
        <v>1.21</v>
      </c>
      <c r="C2362">
        <v>0.41</v>
      </c>
    </row>
    <row r="2363" spans="1:3" x14ac:dyDescent="0.25">
      <c r="A2363">
        <v>0.78</v>
      </c>
      <c r="B2363">
        <v>1.22</v>
      </c>
      <c r="C2363">
        <v>0.52</v>
      </c>
    </row>
    <row r="2364" spans="1:3" x14ac:dyDescent="0.25">
      <c r="A2364">
        <v>0.78</v>
      </c>
      <c r="B2364">
        <v>1.23</v>
      </c>
      <c r="C2364">
        <v>0.32</v>
      </c>
    </row>
    <row r="2365" spans="1:3" x14ac:dyDescent="0.25">
      <c r="A2365">
        <v>0.78</v>
      </c>
      <c r="B2365">
        <v>1.25</v>
      </c>
      <c r="C2365">
        <v>0.4</v>
      </c>
    </row>
    <row r="2366" spans="1:3" x14ac:dyDescent="0.25">
      <c r="A2366">
        <v>0.78</v>
      </c>
      <c r="B2366">
        <v>1.26</v>
      </c>
      <c r="C2366">
        <v>0.9</v>
      </c>
    </row>
    <row r="2367" spans="1:3" x14ac:dyDescent="0.25">
      <c r="A2367">
        <v>0.78</v>
      </c>
      <c r="B2367">
        <v>1.28</v>
      </c>
      <c r="C2367">
        <v>0.44</v>
      </c>
    </row>
    <row r="2368" spans="1:3" x14ac:dyDescent="0.25">
      <c r="A2368">
        <v>0.78</v>
      </c>
      <c r="B2368">
        <v>1.34</v>
      </c>
      <c r="C2368">
        <v>0.85</v>
      </c>
    </row>
    <row r="2369" spans="1:3" x14ac:dyDescent="0.25">
      <c r="A2369">
        <v>0.78</v>
      </c>
      <c r="B2369">
        <v>1.36</v>
      </c>
      <c r="C2369">
        <v>0.66</v>
      </c>
    </row>
    <row r="2370" spans="1:3" x14ac:dyDescent="0.25">
      <c r="A2370">
        <v>0.78</v>
      </c>
      <c r="B2370">
        <v>1.36</v>
      </c>
      <c r="C2370">
        <v>0.7</v>
      </c>
    </row>
    <row r="2371" spans="1:3" x14ac:dyDescent="0.25">
      <c r="A2371">
        <v>0.78</v>
      </c>
      <c r="B2371">
        <v>1.39</v>
      </c>
      <c r="C2371">
        <v>0.84</v>
      </c>
    </row>
    <row r="2372" spans="1:3" x14ac:dyDescent="0.25">
      <c r="A2372">
        <v>0.78</v>
      </c>
      <c r="B2372">
        <v>1.41</v>
      </c>
      <c r="C2372">
        <v>0.56000000000000005</v>
      </c>
    </row>
    <row r="2373" spans="1:3" x14ac:dyDescent="0.25">
      <c r="A2373">
        <v>0.78</v>
      </c>
      <c r="B2373">
        <v>1.42</v>
      </c>
      <c r="C2373">
        <v>0.75</v>
      </c>
    </row>
    <row r="2374" spans="1:3" x14ac:dyDescent="0.25">
      <c r="A2374">
        <v>0.78</v>
      </c>
      <c r="B2374">
        <v>1.43</v>
      </c>
      <c r="C2374">
        <v>0.88</v>
      </c>
    </row>
    <row r="2375" spans="1:3" x14ac:dyDescent="0.25">
      <c r="A2375">
        <v>0.78</v>
      </c>
      <c r="B2375">
        <v>1.49</v>
      </c>
      <c r="C2375">
        <v>0.85</v>
      </c>
    </row>
    <row r="2376" spans="1:3" x14ac:dyDescent="0.25">
      <c r="A2376">
        <v>0.78</v>
      </c>
      <c r="B2376">
        <v>1.5</v>
      </c>
      <c r="C2376">
        <v>0.38</v>
      </c>
    </row>
    <row r="2377" spans="1:3" x14ac:dyDescent="0.25">
      <c r="A2377">
        <v>0.79</v>
      </c>
      <c r="B2377">
        <v>0.53</v>
      </c>
      <c r="C2377">
        <v>0.81</v>
      </c>
    </row>
    <row r="2378" spans="1:3" x14ac:dyDescent="0.25">
      <c r="A2378">
        <v>0.79</v>
      </c>
      <c r="B2378">
        <v>0.56999999999999995</v>
      </c>
      <c r="C2378">
        <v>0.49</v>
      </c>
    </row>
    <row r="2379" spans="1:3" x14ac:dyDescent="0.25">
      <c r="A2379">
        <v>0.79</v>
      </c>
      <c r="B2379">
        <v>0.66</v>
      </c>
      <c r="C2379">
        <v>0.11</v>
      </c>
    </row>
    <row r="2380" spans="1:3" x14ac:dyDescent="0.25">
      <c r="A2380">
        <v>0.79</v>
      </c>
      <c r="B2380">
        <v>0.67</v>
      </c>
      <c r="C2380">
        <v>0.06</v>
      </c>
    </row>
    <row r="2381" spans="1:3" x14ac:dyDescent="0.25">
      <c r="A2381">
        <v>0.79</v>
      </c>
      <c r="B2381">
        <v>0.69</v>
      </c>
      <c r="C2381">
        <v>0.44</v>
      </c>
    </row>
    <row r="2382" spans="1:3" x14ac:dyDescent="0.25">
      <c r="A2382">
        <v>0.79</v>
      </c>
      <c r="B2382">
        <v>0.72</v>
      </c>
      <c r="C2382">
        <v>0.33</v>
      </c>
    </row>
    <row r="2383" spans="1:3" x14ac:dyDescent="0.25">
      <c r="A2383">
        <v>0.79</v>
      </c>
      <c r="B2383">
        <v>0.76</v>
      </c>
      <c r="C2383">
        <v>0.9</v>
      </c>
    </row>
    <row r="2384" spans="1:3" x14ac:dyDescent="0.25">
      <c r="A2384">
        <v>0.79</v>
      </c>
      <c r="B2384">
        <v>0.79</v>
      </c>
      <c r="C2384">
        <v>0.61</v>
      </c>
    </row>
    <row r="2385" spans="1:3" x14ac:dyDescent="0.25">
      <c r="A2385">
        <v>0.79</v>
      </c>
      <c r="B2385">
        <v>0.87</v>
      </c>
      <c r="C2385">
        <v>0.88</v>
      </c>
    </row>
    <row r="2386" spans="1:3" x14ac:dyDescent="0.25">
      <c r="A2386">
        <v>0.79</v>
      </c>
      <c r="B2386">
        <v>0.88</v>
      </c>
      <c r="C2386">
        <v>0.95</v>
      </c>
    </row>
    <row r="2387" spans="1:3" x14ac:dyDescent="0.25">
      <c r="A2387">
        <v>0.79</v>
      </c>
      <c r="B2387">
        <v>0.91</v>
      </c>
      <c r="C2387">
        <v>0.22</v>
      </c>
    </row>
    <row r="2388" spans="1:3" x14ac:dyDescent="0.25">
      <c r="A2388">
        <v>0.79</v>
      </c>
      <c r="B2388">
        <v>0.95</v>
      </c>
      <c r="C2388">
        <v>0.56999999999999995</v>
      </c>
    </row>
    <row r="2389" spans="1:3" x14ac:dyDescent="0.25">
      <c r="A2389">
        <v>0.79</v>
      </c>
      <c r="B2389">
        <v>0.96</v>
      </c>
      <c r="C2389">
        <v>0.23</v>
      </c>
    </row>
    <row r="2390" spans="1:3" x14ac:dyDescent="0.25">
      <c r="A2390">
        <v>0.79</v>
      </c>
      <c r="B2390">
        <v>0.96</v>
      </c>
      <c r="C2390">
        <v>0.37</v>
      </c>
    </row>
    <row r="2391" spans="1:3" x14ac:dyDescent="0.25">
      <c r="A2391">
        <v>0.79</v>
      </c>
      <c r="B2391">
        <v>0.96</v>
      </c>
      <c r="C2391">
        <v>0.1</v>
      </c>
    </row>
    <row r="2392" spans="1:3" x14ac:dyDescent="0.25">
      <c r="A2392">
        <v>0.79</v>
      </c>
      <c r="B2392">
        <v>0.96</v>
      </c>
      <c r="C2392">
        <v>0.05</v>
      </c>
    </row>
    <row r="2393" spans="1:3" x14ac:dyDescent="0.25">
      <c r="A2393">
        <v>0.79</v>
      </c>
      <c r="B2393">
        <v>1.02</v>
      </c>
      <c r="C2393">
        <v>0.48</v>
      </c>
    </row>
    <row r="2394" spans="1:3" x14ac:dyDescent="0.25">
      <c r="A2394">
        <v>0.79</v>
      </c>
      <c r="B2394">
        <v>1.03</v>
      </c>
      <c r="C2394">
        <v>0.84</v>
      </c>
    </row>
    <row r="2395" spans="1:3" x14ac:dyDescent="0.25">
      <c r="A2395">
        <v>0.79</v>
      </c>
      <c r="B2395">
        <v>1.07</v>
      </c>
      <c r="C2395">
        <v>0.53</v>
      </c>
    </row>
    <row r="2396" spans="1:3" x14ac:dyDescent="0.25">
      <c r="A2396">
        <v>0.79</v>
      </c>
      <c r="B2396">
        <v>1.07</v>
      </c>
      <c r="C2396">
        <v>0.94</v>
      </c>
    </row>
    <row r="2397" spans="1:3" x14ac:dyDescent="0.25">
      <c r="A2397">
        <v>0.79</v>
      </c>
      <c r="B2397">
        <v>1.08</v>
      </c>
      <c r="C2397">
        <v>0.56999999999999995</v>
      </c>
    </row>
    <row r="2398" spans="1:3" x14ac:dyDescent="0.25">
      <c r="A2398">
        <v>0.79</v>
      </c>
      <c r="B2398">
        <v>1.1000000000000001</v>
      </c>
      <c r="C2398">
        <v>0.53</v>
      </c>
    </row>
    <row r="2399" spans="1:3" x14ac:dyDescent="0.25">
      <c r="A2399">
        <v>0.79</v>
      </c>
      <c r="B2399">
        <v>1.1200000000000001</v>
      </c>
      <c r="C2399">
        <v>0.33</v>
      </c>
    </row>
    <row r="2400" spans="1:3" x14ac:dyDescent="0.25">
      <c r="A2400">
        <v>0.79</v>
      </c>
      <c r="B2400">
        <v>1.1299999999999999</v>
      </c>
      <c r="C2400">
        <v>0.74</v>
      </c>
    </row>
    <row r="2401" spans="1:3" x14ac:dyDescent="0.25">
      <c r="A2401">
        <v>0.79</v>
      </c>
      <c r="B2401">
        <v>1.1299999999999999</v>
      </c>
      <c r="C2401">
        <v>0.15</v>
      </c>
    </row>
    <row r="2402" spans="1:3" x14ac:dyDescent="0.25">
      <c r="A2402">
        <v>0.79</v>
      </c>
      <c r="B2402">
        <v>1.1499999999999999</v>
      </c>
      <c r="C2402">
        <v>0.41</v>
      </c>
    </row>
    <row r="2403" spans="1:3" x14ac:dyDescent="0.25">
      <c r="A2403">
        <v>0.79</v>
      </c>
      <c r="B2403">
        <v>1.1599999999999999</v>
      </c>
      <c r="C2403">
        <v>0.53</v>
      </c>
    </row>
    <row r="2404" spans="1:3" x14ac:dyDescent="0.25">
      <c r="A2404">
        <v>0.79</v>
      </c>
      <c r="B2404">
        <v>1.18</v>
      </c>
      <c r="C2404">
        <v>0.27</v>
      </c>
    </row>
    <row r="2405" spans="1:3" x14ac:dyDescent="0.25">
      <c r="A2405">
        <v>0.79</v>
      </c>
      <c r="B2405">
        <v>1.21</v>
      </c>
      <c r="C2405">
        <v>0.76</v>
      </c>
    </row>
    <row r="2406" spans="1:3" x14ac:dyDescent="0.25">
      <c r="A2406">
        <v>0.79</v>
      </c>
      <c r="B2406">
        <v>1.22</v>
      </c>
      <c r="C2406">
        <v>0.64</v>
      </c>
    </row>
    <row r="2407" spans="1:3" x14ac:dyDescent="0.25">
      <c r="A2407">
        <v>0.79</v>
      </c>
      <c r="B2407">
        <v>1.41</v>
      </c>
      <c r="C2407">
        <v>0.75</v>
      </c>
    </row>
    <row r="2408" spans="1:3" x14ac:dyDescent="0.25">
      <c r="A2408">
        <v>0.79</v>
      </c>
      <c r="B2408">
        <v>1.41</v>
      </c>
      <c r="C2408">
        <v>0.85</v>
      </c>
    </row>
    <row r="2409" spans="1:3" x14ac:dyDescent="0.25">
      <c r="A2409">
        <v>0.79</v>
      </c>
      <c r="B2409">
        <v>1.47</v>
      </c>
      <c r="C2409">
        <v>0.36</v>
      </c>
    </row>
    <row r="2410" spans="1:3" x14ac:dyDescent="0.25">
      <c r="A2410">
        <v>0.8</v>
      </c>
      <c r="B2410">
        <v>0.56000000000000005</v>
      </c>
      <c r="C2410">
        <v>0.8</v>
      </c>
    </row>
    <row r="2411" spans="1:3" x14ac:dyDescent="0.25">
      <c r="A2411">
        <v>0.8</v>
      </c>
      <c r="B2411">
        <v>0.6</v>
      </c>
      <c r="C2411">
        <v>0.53</v>
      </c>
    </row>
    <row r="2412" spans="1:3" x14ac:dyDescent="0.25">
      <c r="A2412">
        <v>0.8</v>
      </c>
      <c r="B2412">
        <v>0.6</v>
      </c>
      <c r="C2412">
        <v>0.55000000000000004</v>
      </c>
    </row>
    <row r="2413" spans="1:3" x14ac:dyDescent="0.25">
      <c r="A2413">
        <v>0.8</v>
      </c>
      <c r="B2413">
        <v>0.65</v>
      </c>
      <c r="C2413">
        <v>0.79</v>
      </c>
    </row>
    <row r="2414" spans="1:3" x14ac:dyDescent="0.25">
      <c r="A2414">
        <v>0.8</v>
      </c>
      <c r="B2414">
        <v>0.68</v>
      </c>
      <c r="C2414">
        <v>0.79</v>
      </c>
    </row>
    <row r="2415" spans="1:3" x14ac:dyDescent="0.25">
      <c r="A2415">
        <v>0.8</v>
      </c>
      <c r="B2415">
        <v>0.71</v>
      </c>
      <c r="C2415">
        <v>0.12</v>
      </c>
    </row>
    <row r="2416" spans="1:3" x14ac:dyDescent="0.25">
      <c r="A2416">
        <v>0.8</v>
      </c>
      <c r="B2416">
        <v>0.71</v>
      </c>
      <c r="C2416">
        <v>0.15</v>
      </c>
    </row>
    <row r="2417" spans="1:3" x14ac:dyDescent="0.25">
      <c r="A2417">
        <v>0.8</v>
      </c>
      <c r="B2417">
        <v>0.74</v>
      </c>
      <c r="C2417">
        <v>0.5</v>
      </c>
    </row>
    <row r="2418" spans="1:3" x14ac:dyDescent="0.25">
      <c r="A2418">
        <v>0.8</v>
      </c>
      <c r="B2418">
        <v>0.75</v>
      </c>
      <c r="C2418">
        <v>0.32</v>
      </c>
    </row>
    <row r="2419" spans="1:3" x14ac:dyDescent="0.25">
      <c r="A2419">
        <v>0.8</v>
      </c>
      <c r="B2419">
        <v>0.75</v>
      </c>
      <c r="C2419">
        <v>0.71</v>
      </c>
    </row>
    <row r="2420" spans="1:3" x14ac:dyDescent="0.25">
      <c r="A2420">
        <v>0.8</v>
      </c>
      <c r="B2420">
        <v>0.77</v>
      </c>
      <c r="C2420">
        <v>0.27</v>
      </c>
    </row>
    <row r="2421" spans="1:3" x14ac:dyDescent="0.25">
      <c r="A2421">
        <v>0.8</v>
      </c>
      <c r="B2421">
        <v>0.78</v>
      </c>
      <c r="C2421">
        <v>0.41</v>
      </c>
    </row>
    <row r="2422" spans="1:3" x14ac:dyDescent="0.25">
      <c r="A2422">
        <v>0.8</v>
      </c>
      <c r="B2422">
        <v>0.83</v>
      </c>
      <c r="C2422">
        <v>0.42</v>
      </c>
    </row>
    <row r="2423" spans="1:3" x14ac:dyDescent="0.25">
      <c r="A2423">
        <v>0.8</v>
      </c>
      <c r="B2423">
        <v>0.83</v>
      </c>
      <c r="C2423">
        <v>0.44</v>
      </c>
    </row>
    <row r="2424" spans="1:3" x14ac:dyDescent="0.25">
      <c r="A2424">
        <v>0.8</v>
      </c>
      <c r="B2424">
        <v>0.83</v>
      </c>
      <c r="C2424">
        <v>0.84</v>
      </c>
    </row>
    <row r="2425" spans="1:3" x14ac:dyDescent="0.25">
      <c r="A2425">
        <v>0.8</v>
      </c>
      <c r="B2425">
        <v>0.87</v>
      </c>
      <c r="C2425">
        <v>0.8</v>
      </c>
    </row>
    <row r="2426" spans="1:3" x14ac:dyDescent="0.25">
      <c r="A2426">
        <v>0.8</v>
      </c>
      <c r="B2426">
        <v>0.87</v>
      </c>
      <c r="C2426">
        <v>0.36</v>
      </c>
    </row>
    <row r="2427" spans="1:3" x14ac:dyDescent="0.25">
      <c r="A2427">
        <v>0.8</v>
      </c>
      <c r="B2427">
        <v>0.98</v>
      </c>
      <c r="C2427">
        <v>0.08</v>
      </c>
    </row>
    <row r="2428" spans="1:3" x14ac:dyDescent="0.25">
      <c r="A2428">
        <v>0.8</v>
      </c>
      <c r="B2428">
        <v>1.06</v>
      </c>
      <c r="C2428">
        <v>0.7</v>
      </c>
    </row>
    <row r="2429" spans="1:3" x14ac:dyDescent="0.25">
      <c r="A2429">
        <v>0.8</v>
      </c>
      <c r="B2429">
        <v>1.1299999999999999</v>
      </c>
      <c r="C2429">
        <v>0.43</v>
      </c>
    </row>
    <row r="2430" spans="1:3" x14ac:dyDescent="0.25">
      <c r="A2430">
        <v>0.8</v>
      </c>
      <c r="B2430">
        <v>1.1299999999999999</v>
      </c>
      <c r="C2430">
        <v>0.67</v>
      </c>
    </row>
    <row r="2431" spans="1:3" x14ac:dyDescent="0.25">
      <c r="A2431">
        <v>0.8</v>
      </c>
      <c r="B2431">
        <v>1.22</v>
      </c>
      <c r="C2431">
        <v>0.39</v>
      </c>
    </row>
    <row r="2432" spans="1:3" x14ac:dyDescent="0.25">
      <c r="A2432">
        <v>0.8</v>
      </c>
      <c r="B2432">
        <v>1.27</v>
      </c>
      <c r="C2432">
        <v>0.31</v>
      </c>
    </row>
    <row r="2433" spans="1:3" x14ac:dyDescent="0.25">
      <c r="A2433">
        <v>0.8</v>
      </c>
      <c r="B2433">
        <v>1.3</v>
      </c>
      <c r="C2433">
        <v>0.19</v>
      </c>
    </row>
    <row r="2434" spans="1:3" x14ac:dyDescent="0.25">
      <c r="A2434">
        <v>0.8</v>
      </c>
      <c r="B2434">
        <v>1.31</v>
      </c>
      <c r="C2434">
        <v>0.47</v>
      </c>
    </row>
    <row r="2435" spans="1:3" x14ac:dyDescent="0.25">
      <c r="A2435">
        <v>0.8</v>
      </c>
      <c r="B2435">
        <v>1.34</v>
      </c>
      <c r="C2435">
        <v>0.57999999999999996</v>
      </c>
    </row>
    <row r="2436" spans="1:3" x14ac:dyDescent="0.25">
      <c r="A2436">
        <v>0.8</v>
      </c>
      <c r="B2436">
        <v>1.41</v>
      </c>
      <c r="C2436">
        <v>0.53</v>
      </c>
    </row>
    <row r="2437" spans="1:3" x14ac:dyDescent="0.25">
      <c r="A2437">
        <v>0.8</v>
      </c>
      <c r="B2437">
        <v>1.46</v>
      </c>
      <c r="C2437">
        <v>0.18</v>
      </c>
    </row>
    <row r="2438" spans="1:3" x14ac:dyDescent="0.25">
      <c r="A2438">
        <v>0.8</v>
      </c>
      <c r="B2438">
        <v>1.47</v>
      </c>
      <c r="C2438">
        <v>0.82</v>
      </c>
    </row>
    <row r="2439" spans="1:3" x14ac:dyDescent="0.25">
      <c r="A2439">
        <v>0.8</v>
      </c>
      <c r="B2439">
        <v>1.47</v>
      </c>
      <c r="C2439">
        <v>0.32</v>
      </c>
    </row>
    <row r="2440" spans="1:3" x14ac:dyDescent="0.25">
      <c r="A2440">
        <v>0.8</v>
      </c>
      <c r="B2440">
        <v>1.49</v>
      </c>
      <c r="C2440">
        <v>0.2</v>
      </c>
    </row>
    <row r="2441" spans="1:3" x14ac:dyDescent="0.25">
      <c r="A2441">
        <v>0.81</v>
      </c>
      <c r="B2441">
        <v>0.59</v>
      </c>
      <c r="C2441">
        <v>0.45</v>
      </c>
    </row>
    <row r="2442" spans="1:3" x14ac:dyDescent="0.25">
      <c r="A2442">
        <v>0.81</v>
      </c>
      <c r="B2442">
        <v>0.61</v>
      </c>
      <c r="C2442">
        <v>0.3</v>
      </c>
    </row>
    <row r="2443" spans="1:3" x14ac:dyDescent="0.25">
      <c r="A2443">
        <v>0.81</v>
      </c>
      <c r="B2443">
        <v>0.61</v>
      </c>
      <c r="C2443">
        <v>0.61</v>
      </c>
    </row>
    <row r="2444" spans="1:3" x14ac:dyDescent="0.25">
      <c r="A2444">
        <v>0.81</v>
      </c>
      <c r="B2444">
        <v>0.64</v>
      </c>
      <c r="C2444">
        <v>0.49</v>
      </c>
    </row>
    <row r="2445" spans="1:3" x14ac:dyDescent="0.25">
      <c r="A2445">
        <v>0.81</v>
      </c>
      <c r="B2445">
        <v>0.72</v>
      </c>
      <c r="C2445">
        <v>0.88</v>
      </c>
    </row>
    <row r="2446" spans="1:3" x14ac:dyDescent="0.25">
      <c r="A2446">
        <v>0.81</v>
      </c>
      <c r="B2446">
        <v>0.72</v>
      </c>
      <c r="C2446">
        <v>0.82</v>
      </c>
    </row>
    <row r="2447" spans="1:3" x14ac:dyDescent="0.25">
      <c r="A2447">
        <v>0.81</v>
      </c>
      <c r="B2447">
        <v>0.73</v>
      </c>
      <c r="C2447">
        <v>0.44</v>
      </c>
    </row>
    <row r="2448" spans="1:3" x14ac:dyDescent="0.25">
      <c r="A2448">
        <v>0.81</v>
      </c>
      <c r="B2448">
        <v>0.79</v>
      </c>
      <c r="C2448">
        <v>0.7</v>
      </c>
    </row>
    <row r="2449" spans="1:3" x14ac:dyDescent="0.25">
      <c r="A2449">
        <v>0.81</v>
      </c>
      <c r="B2449">
        <v>0.81</v>
      </c>
      <c r="C2449">
        <v>0.69</v>
      </c>
    </row>
    <row r="2450" spans="1:3" x14ac:dyDescent="0.25">
      <c r="A2450">
        <v>0.81</v>
      </c>
      <c r="B2450">
        <v>0.81</v>
      </c>
      <c r="C2450">
        <v>0.46</v>
      </c>
    </row>
    <row r="2451" spans="1:3" x14ac:dyDescent="0.25">
      <c r="A2451">
        <v>0.81</v>
      </c>
      <c r="B2451">
        <v>0.82</v>
      </c>
      <c r="C2451">
        <v>0.5</v>
      </c>
    </row>
    <row r="2452" spans="1:3" x14ac:dyDescent="0.25">
      <c r="A2452">
        <v>0.81</v>
      </c>
      <c r="B2452">
        <v>0.86</v>
      </c>
      <c r="C2452">
        <v>0.82</v>
      </c>
    </row>
    <row r="2453" spans="1:3" x14ac:dyDescent="0.25">
      <c r="A2453">
        <v>0.81</v>
      </c>
      <c r="B2453">
        <v>0.88</v>
      </c>
      <c r="C2453">
        <v>0.73</v>
      </c>
    </row>
    <row r="2454" spans="1:3" x14ac:dyDescent="0.25">
      <c r="A2454">
        <v>0.81</v>
      </c>
      <c r="B2454">
        <v>0.88</v>
      </c>
      <c r="C2454">
        <v>0.32</v>
      </c>
    </row>
    <row r="2455" spans="1:3" x14ac:dyDescent="0.25">
      <c r="A2455">
        <v>0.81</v>
      </c>
      <c r="B2455">
        <v>0.9</v>
      </c>
      <c r="C2455">
        <v>0.89</v>
      </c>
    </row>
    <row r="2456" spans="1:3" x14ac:dyDescent="0.25">
      <c r="A2456">
        <v>0.81</v>
      </c>
      <c r="B2456">
        <v>0.95</v>
      </c>
      <c r="C2456">
        <v>0.05</v>
      </c>
    </row>
    <row r="2457" spans="1:3" x14ac:dyDescent="0.25">
      <c r="A2457">
        <v>0.81</v>
      </c>
      <c r="B2457">
        <v>1.01</v>
      </c>
      <c r="C2457">
        <v>0.57999999999999996</v>
      </c>
    </row>
    <row r="2458" spans="1:3" x14ac:dyDescent="0.25">
      <c r="A2458">
        <v>0.81</v>
      </c>
      <c r="B2458">
        <v>1.08</v>
      </c>
      <c r="C2458">
        <v>0.56000000000000005</v>
      </c>
    </row>
    <row r="2459" spans="1:3" x14ac:dyDescent="0.25">
      <c r="A2459">
        <v>0.81</v>
      </c>
      <c r="B2459">
        <v>1.0900000000000001</v>
      </c>
      <c r="C2459">
        <v>0.37</v>
      </c>
    </row>
    <row r="2460" spans="1:3" x14ac:dyDescent="0.25">
      <c r="A2460">
        <v>0.81</v>
      </c>
      <c r="B2460">
        <v>1.1000000000000001</v>
      </c>
      <c r="C2460">
        <v>0.69</v>
      </c>
    </row>
    <row r="2461" spans="1:3" x14ac:dyDescent="0.25">
      <c r="A2461">
        <v>0.81</v>
      </c>
      <c r="B2461">
        <v>1.31</v>
      </c>
      <c r="C2461">
        <v>0.45</v>
      </c>
    </row>
    <row r="2462" spans="1:3" x14ac:dyDescent="0.25">
      <c r="A2462">
        <v>0.81</v>
      </c>
      <c r="B2462">
        <v>1.36</v>
      </c>
      <c r="C2462">
        <v>0.7</v>
      </c>
    </row>
    <row r="2463" spans="1:3" x14ac:dyDescent="0.25">
      <c r="A2463">
        <v>0.81</v>
      </c>
      <c r="B2463">
        <v>1.39</v>
      </c>
      <c r="C2463">
        <v>0.28000000000000003</v>
      </c>
    </row>
    <row r="2464" spans="1:3" x14ac:dyDescent="0.25">
      <c r="A2464">
        <v>0.81</v>
      </c>
      <c r="B2464">
        <v>1.4</v>
      </c>
      <c r="C2464">
        <v>0.4</v>
      </c>
    </row>
    <row r="2465" spans="1:3" x14ac:dyDescent="0.25">
      <c r="A2465">
        <v>0.81</v>
      </c>
      <c r="B2465">
        <v>1.44</v>
      </c>
      <c r="C2465">
        <v>0.74</v>
      </c>
    </row>
    <row r="2466" spans="1:3" x14ac:dyDescent="0.25">
      <c r="A2466">
        <v>0.81</v>
      </c>
      <c r="B2466">
        <v>1.45</v>
      </c>
      <c r="C2466">
        <v>0.56999999999999995</v>
      </c>
    </row>
    <row r="2467" spans="1:3" x14ac:dyDescent="0.25">
      <c r="A2467">
        <v>0.82</v>
      </c>
      <c r="B2467">
        <v>0.51</v>
      </c>
      <c r="C2467">
        <v>0.84</v>
      </c>
    </row>
    <row r="2468" spans="1:3" x14ac:dyDescent="0.25">
      <c r="A2468">
        <v>0.82</v>
      </c>
      <c r="B2468">
        <v>0.54</v>
      </c>
      <c r="C2468">
        <v>0.5</v>
      </c>
    </row>
    <row r="2469" spans="1:3" x14ac:dyDescent="0.25">
      <c r="A2469">
        <v>0.82</v>
      </c>
      <c r="B2469">
        <v>0.57999999999999996</v>
      </c>
      <c r="C2469">
        <v>0.85</v>
      </c>
    </row>
    <row r="2470" spans="1:3" x14ac:dyDescent="0.25">
      <c r="A2470">
        <v>0.82</v>
      </c>
      <c r="B2470">
        <v>0.68</v>
      </c>
      <c r="C2470">
        <v>0.59</v>
      </c>
    </row>
    <row r="2471" spans="1:3" x14ac:dyDescent="0.25">
      <c r="A2471">
        <v>0.82</v>
      </c>
      <c r="B2471">
        <v>0.69</v>
      </c>
      <c r="C2471">
        <v>0.57999999999999996</v>
      </c>
    </row>
    <row r="2472" spans="1:3" x14ac:dyDescent="0.25">
      <c r="A2472">
        <v>0.82</v>
      </c>
      <c r="B2472">
        <v>0.7</v>
      </c>
      <c r="C2472">
        <v>0.75</v>
      </c>
    </row>
    <row r="2473" spans="1:3" x14ac:dyDescent="0.25">
      <c r="A2473">
        <v>0.82</v>
      </c>
      <c r="B2473">
        <v>0.71</v>
      </c>
      <c r="C2473">
        <v>0.93</v>
      </c>
    </row>
    <row r="2474" spans="1:3" x14ac:dyDescent="0.25">
      <c r="A2474">
        <v>0.82</v>
      </c>
      <c r="B2474">
        <v>0.75</v>
      </c>
      <c r="C2474">
        <v>0.47</v>
      </c>
    </row>
    <row r="2475" spans="1:3" x14ac:dyDescent="0.25">
      <c r="A2475">
        <v>0.82</v>
      </c>
      <c r="B2475">
        <v>0.75</v>
      </c>
      <c r="C2475">
        <v>0.74</v>
      </c>
    </row>
    <row r="2476" spans="1:3" x14ac:dyDescent="0.25">
      <c r="A2476">
        <v>0.82</v>
      </c>
      <c r="B2476">
        <v>0.82</v>
      </c>
      <c r="C2476">
        <v>0.72</v>
      </c>
    </row>
    <row r="2477" spans="1:3" x14ac:dyDescent="0.25">
      <c r="A2477">
        <v>0.82</v>
      </c>
      <c r="B2477">
        <v>0.88</v>
      </c>
      <c r="C2477">
        <v>0.23</v>
      </c>
    </row>
    <row r="2478" spans="1:3" x14ac:dyDescent="0.25">
      <c r="A2478">
        <v>0.82</v>
      </c>
      <c r="B2478">
        <v>0.92</v>
      </c>
      <c r="C2478">
        <v>0.56999999999999995</v>
      </c>
    </row>
    <row r="2479" spans="1:3" x14ac:dyDescent="0.25">
      <c r="A2479">
        <v>0.82</v>
      </c>
      <c r="B2479">
        <v>0.93</v>
      </c>
      <c r="C2479">
        <v>0.34</v>
      </c>
    </row>
    <row r="2480" spans="1:3" x14ac:dyDescent="0.25">
      <c r="A2480">
        <v>0.82</v>
      </c>
      <c r="B2480">
        <v>0.98</v>
      </c>
      <c r="C2480">
        <v>0.6</v>
      </c>
    </row>
    <row r="2481" spans="1:3" x14ac:dyDescent="0.25">
      <c r="A2481">
        <v>0.82</v>
      </c>
      <c r="B2481">
        <v>1.02</v>
      </c>
      <c r="C2481">
        <v>0.52</v>
      </c>
    </row>
    <row r="2482" spans="1:3" x14ac:dyDescent="0.25">
      <c r="A2482">
        <v>0.82</v>
      </c>
      <c r="B2482">
        <v>1.03</v>
      </c>
      <c r="C2482">
        <v>0.78</v>
      </c>
    </row>
    <row r="2483" spans="1:3" x14ac:dyDescent="0.25">
      <c r="A2483">
        <v>0.82</v>
      </c>
      <c r="B2483">
        <v>1.05</v>
      </c>
      <c r="C2483">
        <v>0.48</v>
      </c>
    </row>
    <row r="2484" spans="1:3" x14ac:dyDescent="0.25">
      <c r="A2484">
        <v>0.82</v>
      </c>
      <c r="B2484">
        <v>1.1399999999999999</v>
      </c>
      <c r="C2484">
        <v>0.11</v>
      </c>
    </row>
    <row r="2485" spans="1:3" x14ac:dyDescent="0.25">
      <c r="A2485">
        <v>0.82</v>
      </c>
      <c r="B2485">
        <v>1.2</v>
      </c>
      <c r="C2485">
        <v>0.33</v>
      </c>
    </row>
    <row r="2486" spans="1:3" x14ac:dyDescent="0.25">
      <c r="A2486">
        <v>0.82</v>
      </c>
      <c r="B2486">
        <v>1.21</v>
      </c>
      <c r="C2486">
        <v>0.72</v>
      </c>
    </row>
    <row r="2487" spans="1:3" x14ac:dyDescent="0.25">
      <c r="A2487">
        <v>0.82</v>
      </c>
      <c r="B2487">
        <v>1.24</v>
      </c>
      <c r="C2487">
        <v>0.69</v>
      </c>
    </row>
    <row r="2488" spans="1:3" x14ac:dyDescent="0.25">
      <c r="A2488">
        <v>0.82</v>
      </c>
      <c r="B2488">
        <v>1.26</v>
      </c>
      <c r="C2488">
        <v>0.3</v>
      </c>
    </row>
    <row r="2489" spans="1:3" x14ac:dyDescent="0.25">
      <c r="A2489">
        <v>0.82</v>
      </c>
      <c r="B2489">
        <v>1.26</v>
      </c>
      <c r="C2489">
        <v>0.45</v>
      </c>
    </row>
    <row r="2490" spans="1:3" x14ac:dyDescent="0.25">
      <c r="A2490">
        <v>0.82</v>
      </c>
      <c r="B2490">
        <v>1.27</v>
      </c>
      <c r="C2490">
        <v>0.88</v>
      </c>
    </row>
    <row r="2491" spans="1:3" x14ac:dyDescent="0.25">
      <c r="A2491">
        <v>0.82</v>
      </c>
      <c r="B2491">
        <v>1.28</v>
      </c>
      <c r="C2491">
        <v>0.65</v>
      </c>
    </row>
    <row r="2492" spans="1:3" x14ac:dyDescent="0.25">
      <c r="A2492">
        <v>0.82</v>
      </c>
      <c r="B2492">
        <v>1.3</v>
      </c>
      <c r="C2492">
        <v>0.84</v>
      </c>
    </row>
    <row r="2493" spans="1:3" x14ac:dyDescent="0.25">
      <c r="A2493">
        <v>0.82</v>
      </c>
      <c r="B2493">
        <v>1.31</v>
      </c>
      <c r="C2493">
        <v>0.1</v>
      </c>
    </row>
    <row r="2494" spans="1:3" x14ac:dyDescent="0.25">
      <c r="A2494">
        <v>0.82</v>
      </c>
      <c r="B2494">
        <v>1.35</v>
      </c>
      <c r="C2494">
        <v>0.56000000000000005</v>
      </c>
    </row>
    <row r="2495" spans="1:3" x14ac:dyDescent="0.25">
      <c r="A2495">
        <v>0.82</v>
      </c>
      <c r="B2495">
        <v>1.35</v>
      </c>
      <c r="C2495">
        <v>0.8</v>
      </c>
    </row>
    <row r="2496" spans="1:3" x14ac:dyDescent="0.25">
      <c r="A2496">
        <v>0.82</v>
      </c>
      <c r="B2496">
        <v>1.43</v>
      </c>
      <c r="C2496">
        <v>0.2</v>
      </c>
    </row>
    <row r="2497" spans="1:3" x14ac:dyDescent="0.25">
      <c r="A2497">
        <v>0.82</v>
      </c>
      <c r="B2497">
        <v>1.45</v>
      </c>
      <c r="C2497">
        <v>0.59</v>
      </c>
    </row>
    <row r="2498" spans="1:3" x14ac:dyDescent="0.25">
      <c r="A2498">
        <v>0.82</v>
      </c>
      <c r="B2498">
        <v>1.47</v>
      </c>
      <c r="C2498">
        <v>0.1</v>
      </c>
    </row>
    <row r="2499" spans="1:3" x14ac:dyDescent="0.25">
      <c r="A2499">
        <v>0.82</v>
      </c>
      <c r="B2499">
        <v>1.48</v>
      </c>
      <c r="C2499">
        <v>0.22</v>
      </c>
    </row>
    <row r="2500" spans="1:3" x14ac:dyDescent="0.25">
      <c r="A2500">
        <v>0.82</v>
      </c>
      <c r="B2500">
        <v>1.49</v>
      </c>
      <c r="C2500">
        <v>0.45</v>
      </c>
    </row>
    <row r="2501" spans="1:3" x14ac:dyDescent="0.25">
      <c r="A2501">
        <v>0.83</v>
      </c>
      <c r="B2501">
        <v>0.54</v>
      </c>
      <c r="C2501">
        <v>0.2</v>
      </c>
    </row>
    <row r="2502" spans="1:3" x14ac:dyDescent="0.25">
      <c r="A2502">
        <v>0.83</v>
      </c>
      <c r="B2502">
        <v>0.56000000000000005</v>
      </c>
      <c r="C2502">
        <v>0.74</v>
      </c>
    </row>
    <row r="2503" spans="1:3" x14ac:dyDescent="0.25">
      <c r="A2503">
        <v>0.83</v>
      </c>
      <c r="B2503">
        <v>0.56000000000000005</v>
      </c>
      <c r="C2503">
        <v>0.65</v>
      </c>
    </row>
    <row r="2504" spans="1:3" x14ac:dyDescent="0.25">
      <c r="A2504">
        <v>0.83</v>
      </c>
      <c r="B2504">
        <v>0.57999999999999996</v>
      </c>
      <c r="C2504">
        <v>0.86</v>
      </c>
    </row>
    <row r="2505" spans="1:3" x14ac:dyDescent="0.25">
      <c r="A2505">
        <v>0.83</v>
      </c>
      <c r="B2505">
        <v>0.64</v>
      </c>
      <c r="C2505">
        <v>0.44</v>
      </c>
    </row>
    <row r="2506" spans="1:3" x14ac:dyDescent="0.25">
      <c r="A2506">
        <v>0.83</v>
      </c>
      <c r="B2506">
        <v>0.7</v>
      </c>
      <c r="C2506">
        <v>0.09</v>
      </c>
    </row>
    <row r="2507" spans="1:3" x14ac:dyDescent="0.25">
      <c r="A2507">
        <v>0.83</v>
      </c>
      <c r="B2507">
        <v>0.74</v>
      </c>
      <c r="C2507">
        <v>0.28000000000000003</v>
      </c>
    </row>
    <row r="2508" spans="1:3" x14ac:dyDescent="0.25">
      <c r="A2508">
        <v>0.83</v>
      </c>
      <c r="B2508">
        <v>0.8</v>
      </c>
      <c r="C2508">
        <v>0.84</v>
      </c>
    </row>
    <row r="2509" spans="1:3" x14ac:dyDescent="0.25">
      <c r="A2509">
        <v>0.83</v>
      </c>
      <c r="B2509">
        <v>0.84</v>
      </c>
      <c r="C2509">
        <v>7.0000000000000007E-2</v>
      </c>
    </row>
    <row r="2510" spans="1:3" x14ac:dyDescent="0.25">
      <c r="A2510">
        <v>0.83</v>
      </c>
      <c r="B2510">
        <v>0.91</v>
      </c>
      <c r="C2510">
        <v>0.51</v>
      </c>
    </row>
    <row r="2511" spans="1:3" x14ac:dyDescent="0.25">
      <c r="A2511">
        <v>0.83</v>
      </c>
      <c r="B2511">
        <v>0.92</v>
      </c>
      <c r="C2511">
        <v>0.16</v>
      </c>
    </row>
    <row r="2512" spans="1:3" x14ac:dyDescent="0.25">
      <c r="A2512">
        <v>0.83</v>
      </c>
      <c r="B2512">
        <v>1.03</v>
      </c>
      <c r="C2512">
        <v>0.72</v>
      </c>
    </row>
    <row r="2513" spans="1:3" x14ac:dyDescent="0.25">
      <c r="A2513">
        <v>0.83</v>
      </c>
      <c r="B2513">
        <v>1.04</v>
      </c>
      <c r="C2513">
        <v>0.51</v>
      </c>
    </row>
    <row r="2514" spans="1:3" x14ac:dyDescent="0.25">
      <c r="A2514">
        <v>0.83</v>
      </c>
      <c r="B2514">
        <v>1.17</v>
      </c>
      <c r="C2514">
        <v>0.63</v>
      </c>
    </row>
    <row r="2515" spans="1:3" x14ac:dyDescent="0.25">
      <c r="A2515">
        <v>0.83</v>
      </c>
      <c r="B2515">
        <v>1.18</v>
      </c>
      <c r="C2515">
        <v>0.31</v>
      </c>
    </row>
    <row r="2516" spans="1:3" x14ac:dyDescent="0.25">
      <c r="A2516">
        <v>0.83</v>
      </c>
      <c r="B2516">
        <v>1.26</v>
      </c>
      <c r="C2516">
        <v>0.56999999999999995</v>
      </c>
    </row>
    <row r="2517" spans="1:3" x14ac:dyDescent="0.25">
      <c r="A2517">
        <v>0.83</v>
      </c>
      <c r="B2517">
        <v>1.27</v>
      </c>
      <c r="C2517">
        <v>0.63</v>
      </c>
    </row>
    <row r="2518" spans="1:3" x14ac:dyDescent="0.25">
      <c r="A2518">
        <v>0.83</v>
      </c>
      <c r="B2518">
        <v>1.34</v>
      </c>
      <c r="C2518">
        <v>0.63</v>
      </c>
    </row>
    <row r="2519" spans="1:3" x14ac:dyDescent="0.25">
      <c r="A2519">
        <v>0.83</v>
      </c>
      <c r="B2519">
        <v>1.36</v>
      </c>
      <c r="C2519">
        <v>0.24</v>
      </c>
    </row>
    <row r="2520" spans="1:3" x14ac:dyDescent="0.25">
      <c r="A2520">
        <v>0.83</v>
      </c>
      <c r="B2520">
        <v>1.39</v>
      </c>
      <c r="C2520">
        <v>0.67</v>
      </c>
    </row>
    <row r="2521" spans="1:3" x14ac:dyDescent="0.25">
      <c r="A2521">
        <v>0.83</v>
      </c>
      <c r="B2521">
        <v>1.39</v>
      </c>
      <c r="C2521">
        <v>0.61</v>
      </c>
    </row>
    <row r="2522" spans="1:3" x14ac:dyDescent="0.25">
      <c r="A2522">
        <v>0.84</v>
      </c>
      <c r="B2522">
        <v>0.53</v>
      </c>
      <c r="C2522">
        <v>0.63</v>
      </c>
    </row>
    <row r="2523" spans="1:3" x14ac:dyDescent="0.25">
      <c r="A2523">
        <v>0.84</v>
      </c>
      <c r="B2523">
        <v>0.54</v>
      </c>
      <c r="C2523">
        <v>0.76</v>
      </c>
    </row>
    <row r="2524" spans="1:3" x14ac:dyDescent="0.25">
      <c r="A2524">
        <v>0.84</v>
      </c>
      <c r="B2524">
        <v>0.56000000000000005</v>
      </c>
      <c r="C2524">
        <v>0.54</v>
      </c>
    </row>
    <row r="2525" spans="1:3" x14ac:dyDescent="0.25">
      <c r="A2525">
        <v>0.84</v>
      </c>
      <c r="B2525">
        <v>0.57999999999999996</v>
      </c>
      <c r="C2525">
        <v>0.74</v>
      </c>
    </row>
    <row r="2526" spans="1:3" x14ac:dyDescent="0.25">
      <c r="A2526">
        <v>0.84</v>
      </c>
      <c r="B2526">
        <v>0.59</v>
      </c>
      <c r="C2526">
        <v>7.0000000000000007E-2</v>
      </c>
    </row>
    <row r="2527" spans="1:3" x14ac:dyDescent="0.25">
      <c r="A2527">
        <v>0.84</v>
      </c>
      <c r="B2527">
        <v>0.6</v>
      </c>
      <c r="C2527">
        <v>0.17</v>
      </c>
    </row>
    <row r="2528" spans="1:3" x14ac:dyDescent="0.25">
      <c r="A2528">
        <v>0.84</v>
      </c>
      <c r="B2528">
        <v>0.67</v>
      </c>
      <c r="C2528">
        <v>0.72</v>
      </c>
    </row>
    <row r="2529" spans="1:3" x14ac:dyDescent="0.25">
      <c r="A2529">
        <v>0.84</v>
      </c>
      <c r="B2529">
        <v>0.73</v>
      </c>
      <c r="C2529">
        <v>0.27</v>
      </c>
    </row>
    <row r="2530" spans="1:3" x14ac:dyDescent="0.25">
      <c r="A2530">
        <v>0.84</v>
      </c>
      <c r="B2530">
        <v>0.79</v>
      </c>
      <c r="C2530">
        <v>0.16</v>
      </c>
    </row>
    <row r="2531" spans="1:3" x14ac:dyDescent="0.25">
      <c r="A2531">
        <v>0.84</v>
      </c>
      <c r="B2531">
        <v>0.79</v>
      </c>
      <c r="C2531">
        <v>0.26</v>
      </c>
    </row>
    <row r="2532" spans="1:3" x14ac:dyDescent="0.25">
      <c r="A2532">
        <v>0.84</v>
      </c>
      <c r="B2532">
        <v>0.81</v>
      </c>
      <c r="C2532">
        <v>0.62</v>
      </c>
    </row>
    <row r="2533" spans="1:3" x14ac:dyDescent="0.25">
      <c r="A2533">
        <v>0.84</v>
      </c>
      <c r="B2533">
        <v>0.93</v>
      </c>
      <c r="C2533">
        <v>0.86</v>
      </c>
    </row>
    <row r="2534" spans="1:3" x14ac:dyDescent="0.25">
      <c r="A2534">
        <v>0.84</v>
      </c>
      <c r="B2534">
        <v>0.98</v>
      </c>
      <c r="C2534">
        <v>0.51</v>
      </c>
    </row>
    <row r="2535" spans="1:3" x14ac:dyDescent="0.25">
      <c r="A2535">
        <v>0.84</v>
      </c>
      <c r="B2535">
        <v>0.99</v>
      </c>
      <c r="C2535">
        <v>0.26</v>
      </c>
    </row>
    <row r="2536" spans="1:3" x14ac:dyDescent="0.25">
      <c r="A2536">
        <v>0.84</v>
      </c>
      <c r="B2536">
        <v>1.03</v>
      </c>
      <c r="C2536">
        <v>0.75</v>
      </c>
    </row>
    <row r="2537" spans="1:3" x14ac:dyDescent="0.25">
      <c r="A2537">
        <v>0.84</v>
      </c>
      <c r="B2537">
        <v>1.04</v>
      </c>
      <c r="C2537">
        <v>0.6</v>
      </c>
    </row>
    <row r="2538" spans="1:3" x14ac:dyDescent="0.25">
      <c r="A2538">
        <v>0.84</v>
      </c>
      <c r="B2538">
        <v>1.08</v>
      </c>
      <c r="C2538">
        <v>0.92</v>
      </c>
    </row>
    <row r="2539" spans="1:3" x14ac:dyDescent="0.25">
      <c r="A2539">
        <v>0.84</v>
      </c>
      <c r="B2539">
        <v>1.18</v>
      </c>
      <c r="C2539">
        <v>0.1</v>
      </c>
    </row>
    <row r="2540" spans="1:3" x14ac:dyDescent="0.25">
      <c r="A2540">
        <v>0.84</v>
      </c>
      <c r="B2540">
        <v>1.25</v>
      </c>
      <c r="C2540">
        <v>0.59</v>
      </c>
    </row>
    <row r="2541" spans="1:3" x14ac:dyDescent="0.25">
      <c r="A2541">
        <v>0.84</v>
      </c>
      <c r="B2541">
        <v>1.27</v>
      </c>
      <c r="C2541">
        <v>7.0000000000000007E-2</v>
      </c>
    </row>
    <row r="2542" spans="1:3" x14ac:dyDescent="0.25">
      <c r="A2542">
        <v>0.84</v>
      </c>
      <c r="B2542">
        <v>1.43</v>
      </c>
      <c r="C2542">
        <v>0.45</v>
      </c>
    </row>
    <row r="2543" spans="1:3" x14ac:dyDescent="0.25">
      <c r="A2543">
        <v>0.84</v>
      </c>
      <c r="B2543">
        <v>1.48</v>
      </c>
      <c r="C2543">
        <v>0.55000000000000004</v>
      </c>
    </row>
    <row r="2544" spans="1:3" x14ac:dyDescent="0.25">
      <c r="A2544">
        <v>0.85</v>
      </c>
      <c r="B2544">
        <v>0.51</v>
      </c>
      <c r="C2544">
        <v>0.42</v>
      </c>
    </row>
    <row r="2545" spans="1:3" x14ac:dyDescent="0.25">
      <c r="A2545">
        <v>0.85</v>
      </c>
      <c r="B2545">
        <v>0.51</v>
      </c>
      <c r="C2545">
        <v>7.0000000000000007E-2</v>
      </c>
    </row>
    <row r="2546" spans="1:3" x14ac:dyDescent="0.25">
      <c r="A2546">
        <v>0.85</v>
      </c>
      <c r="B2546">
        <v>0.53</v>
      </c>
      <c r="C2546">
        <v>0.75</v>
      </c>
    </row>
    <row r="2547" spans="1:3" x14ac:dyDescent="0.25">
      <c r="A2547">
        <v>0.85</v>
      </c>
      <c r="B2547">
        <v>0.55000000000000004</v>
      </c>
      <c r="C2547">
        <v>0.49</v>
      </c>
    </row>
    <row r="2548" spans="1:3" x14ac:dyDescent="0.25">
      <c r="A2548">
        <v>0.85</v>
      </c>
      <c r="B2548">
        <v>0.56000000000000005</v>
      </c>
      <c r="C2548">
        <v>0.36</v>
      </c>
    </row>
    <row r="2549" spans="1:3" x14ac:dyDescent="0.25">
      <c r="A2549">
        <v>0.85</v>
      </c>
      <c r="B2549">
        <v>0.65</v>
      </c>
      <c r="C2549">
        <v>0.44</v>
      </c>
    </row>
    <row r="2550" spans="1:3" x14ac:dyDescent="0.25">
      <c r="A2550">
        <v>0.85</v>
      </c>
      <c r="B2550">
        <v>0.67</v>
      </c>
      <c r="C2550">
        <v>0.26</v>
      </c>
    </row>
    <row r="2551" spans="1:3" x14ac:dyDescent="0.25">
      <c r="A2551">
        <v>0.85</v>
      </c>
      <c r="B2551">
        <v>0.67</v>
      </c>
      <c r="C2551">
        <v>0.57999999999999996</v>
      </c>
    </row>
    <row r="2552" spans="1:3" x14ac:dyDescent="0.25">
      <c r="A2552">
        <v>0.85</v>
      </c>
      <c r="B2552">
        <v>0.71</v>
      </c>
      <c r="C2552">
        <v>0.68</v>
      </c>
    </row>
    <row r="2553" spans="1:3" x14ac:dyDescent="0.25">
      <c r="A2553">
        <v>0.85</v>
      </c>
      <c r="B2553">
        <v>0.74</v>
      </c>
      <c r="C2553">
        <v>0.57999999999999996</v>
      </c>
    </row>
    <row r="2554" spans="1:3" x14ac:dyDescent="0.25">
      <c r="A2554">
        <v>0.85</v>
      </c>
      <c r="B2554">
        <v>0.77</v>
      </c>
      <c r="C2554">
        <v>0.91</v>
      </c>
    </row>
    <row r="2555" spans="1:3" x14ac:dyDescent="0.25">
      <c r="A2555">
        <v>0.85</v>
      </c>
      <c r="B2555">
        <v>0.81</v>
      </c>
      <c r="C2555">
        <v>0.84</v>
      </c>
    </row>
    <row r="2556" spans="1:3" x14ac:dyDescent="0.25">
      <c r="A2556">
        <v>0.85</v>
      </c>
      <c r="B2556">
        <v>0.82</v>
      </c>
      <c r="C2556">
        <v>0.41</v>
      </c>
    </row>
    <row r="2557" spans="1:3" x14ac:dyDescent="0.25">
      <c r="A2557">
        <v>0.85</v>
      </c>
      <c r="B2557">
        <v>0.82</v>
      </c>
      <c r="C2557">
        <v>0.13</v>
      </c>
    </row>
    <row r="2558" spans="1:3" x14ac:dyDescent="0.25">
      <c r="A2558">
        <v>0.85</v>
      </c>
      <c r="B2558">
        <v>0.82</v>
      </c>
      <c r="C2558">
        <v>0.06</v>
      </c>
    </row>
    <row r="2559" spans="1:3" x14ac:dyDescent="0.25">
      <c r="A2559">
        <v>0.85</v>
      </c>
      <c r="B2559">
        <v>0.85</v>
      </c>
      <c r="C2559">
        <v>0.86</v>
      </c>
    </row>
    <row r="2560" spans="1:3" x14ac:dyDescent="0.25">
      <c r="A2560">
        <v>0.85</v>
      </c>
      <c r="B2560">
        <v>0.9</v>
      </c>
      <c r="C2560">
        <v>0.91</v>
      </c>
    </row>
    <row r="2561" spans="1:3" x14ac:dyDescent="0.25">
      <c r="A2561">
        <v>0.85</v>
      </c>
      <c r="B2561">
        <v>0.9</v>
      </c>
      <c r="C2561">
        <v>0.7</v>
      </c>
    </row>
    <row r="2562" spans="1:3" x14ac:dyDescent="0.25">
      <c r="A2562">
        <v>0.85</v>
      </c>
      <c r="B2562">
        <v>0.91</v>
      </c>
      <c r="C2562">
        <v>0.94</v>
      </c>
    </row>
    <row r="2563" spans="1:3" x14ac:dyDescent="0.25">
      <c r="A2563">
        <v>0.85</v>
      </c>
      <c r="B2563">
        <v>0.91</v>
      </c>
      <c r="C2563">
        <v>0.25</v>
      </c>
    </row>
    <row r="2564" spans="1:3" x14ac:dyDescent="0.25">
      <c r="A2564">
        <v>0.85</v>
      </c>
      <c r="B2564">
        <v>0.91</v>
      </c>
      <c r="C2564">
        <v>0.52</v>
      </c>
    </row>
    <row r="2565" spans="1:3" x14ac:dyDescent="0.25">
      <c r="A2565">
        <v>0.85</v>
      </c>
      <c r="B2565">
        <v>0.92</v>
      </c>
      <c r="C2565">
        <v>7.0000000000000007E-2</v>
      </c>
    </row>
    <row r="2566" spans="1:3" x14ac:dyDescent="0.25">
      <c r="A2566">
        <v>0.85</v>
      </c>
      <c r="B2566">
        <v>0.94</v>
      </c>
      <c r="C2566">
        <v>0.26</v>
      </c>
    </row>
    <row r="2567" spans="1:3" x14ac:dyDescent="0.25">
      <c r="A2567">
        <v>0.85</v>
      </c>
      <c r="B2567">
        <v>0.99</v>
      </c>
      <c r="C2567">
        <v>0.91</v>
      </c>
    </row>
    <row r="2568" spans="1:3" x14ac:dyDescent="0.25">
      <c r="A2568">
        <v>0.85</v>
      </c>
      <c r="B2568">
        <v>1.01</v>
      </c>
      <c r="C2568">
        <v>0.17</v>
      </c>
    </row>
    <row r="2569" spans="1:3" x14ac:dyDescent="0.25">
      <c r="A2569">
        <v>0.85</v>
      </c>
      <c r="B2569">
        <v>1.04</v>
      </c>
      <c r="C2569">
        <v>0.25</v>
      </c>
    </row>
    <row r="2570" spans="1:3" x14ac:dyDescent="0.25">
      <c r="A2570">
        <v>0.85</v>
      </c>
      <c r="B2570">
        <v>1.1299999999999999</v>
      </c>
      <c r="C2570">
        <v>0.56000000000000005</v>
      </c>
    </row>
    <row r="2571" spans="1:3" x14ac:dyDescent="0.25">
      <c r="A2571">
        <v>0.85</v>
      </c>
      <c r="B2571">
        <v>1.22</v>
      </c>
      <c r="C2571">
        <v>0.62</v>
      </c>
    </row>
    <row r="2572" spans="1:3" x14ac:dyDescent="0.25">
      <c r="A2572">
        <v>0.85</v>
      </c>
      <c r="B2572">
        <v>1.26</v>
      </c>
      <c r="C2572">
        <v>0.54</v>
      </c>
    </row>
    <row r="2573" spans="1:3" x14ac:dyDescent="0.25">
      <c r="A2573">
        <v>0.85</v>
      </c>
      <c r="B2573">
        <v>1.31</v>
      </c>
      <c r="C2573">
        <v>0.75</v>
      </c>
    </row>
    <row r="2574" spans="1:3" x14ac:dyDescent="0.25">
      <c r="A2574">
        <v>0.85</v>
      </c>
      <c r="B2574">
        <v>1.32</v>
      </c>
      <c r="C2574">
        <v>0.6</v>
      </c>
    </row>
    <row r="2575" spans="1:3" x14ac:dyDescent="0.25">
      <c r="A2575">
        <v>0.85</v>
      </c>
      <c r="B2575">
        <v>1.35</v>
      </c>
      <c r="C2575">
        <v>0.17</v>
      </c>
    </row>
    <row r="2576" spans="1:3" x14ac:dyDescent="0.25">
      <c r="A2576">
        <v>0.86</v>
      </c>
      <c r="B2576">
        <v>0.5</v>
      </c>
      <c r="C2576">
        <v>0.54</v>
      </c>
    </row>
    <row r="2577" spans="1:3" x14ac:dyDescent="0.25">
      <c r="A2577">
        <v>0.86</v>
      </c>
      <c r="B2577">
        <v>0.56000000000000005</v>
      </c>
      <c r="C2577">
        <v>0.75</v>
      </c>
    </row>
    <row r="2578" spans="1:3" x14ac:dyDescent="0.25">
      <c r="A2578">
        <v>0.86</v>
      </c>
      <c r="B2578">
        <v>0.56999999999999995</v>
      </c>
      <c r="C2578">
        <v>0.56999999999999995</v>
      </c>
    </row>
    <row r="2579" spans="1:3" x14ac:dyDescent="0.25">
      <c r="A2579">
        <v>0.86</v>
      </c>
      <c r="B2579">
        <v>0.59</v>
      </c>
      <c r="C2579">
        <v>0.56000000000000005</v>
      </c>
    </row>
    <row r="2580" spans="1:3" x14ac:dyDescent="0.25">
      <c r="A2580">
        <v>0.86</v>
      </c>
      <c r="B2580">
        <v>0.6</v>
      </c>
      <c r="C2580">
        <v>0.44</v>
      </c>
    </row>
    <row r="2581" spans="1:3" x14ac:dyDescent="0.25">
      <c r="A2581">
        <v>0.86</v>
      </c>
      <c r="B2581">
        <v>0.65</v>
      </c>
      <c r="C2581">
        <v>0.48</v>
      </c>
    </row>
    <row r="2582" spans="1:3" x14ac:dyDescent="0.25">
      <c r="A2582">
        <v>0.86</v>
      </c>
      <c r="B2582">
        <v>0.68</v>
      </c>
      <c r="C2582">
        <v>0.52</v>
      </c>
    </row>
    <row r="2583" spans="1:3" x14ac:dyDescent="0.25">
      <c r="A2583">
        <v>0.86</v>
      </c>
      <c r="B2583">
        <v>0.69</v>
      </c>
      <c r="C2583">
        <v>0.4</v>
      </c>
    </row>
    <row r="2584" spans="1:3" x14ac:dyDescent="0.25">
      <c r="A2584">
        <v>0.86</v>
      </c>
      <c r="B2584">
        <v>0.71</v>
      </c>
      <c r="C2584">
        <v>0.86</v>
      </c>
    </row>
    <row r="2585" spans="1:3" x14ac:dyDescent="0.25">
      <c r="A2585">
        <v>0.86</v>
      </c>
      <c r="B2585">
        <v>0.76</v>
      </c>
      <c r="C2585">
        <v>0.76</v>
      </c>
    </row>
    <row r="2586" spans="1:3" x14ac:dyDescent="0.25">
      <c r="A2586">
        <v>0.86</v>
      </c>
      <c r="B2586">
        <v>0.83</v>
      </c>
      <c r="C2586">
        <v>0.23</v>
      </c>
    </row>
    <row r="2587" spans="1:3" x14ac:dyDescent="0.25">
      <c r="A2587">
        <v>0.86</v>
      </c>
      <c r="B2587">
        <v>0.9</v>
      </c>
      <c r="C2587">
        <v>0.55000000000000004</v>
      </c>
    </row>
    <row r="2588" spans="1:3" x14ac:dyDescent="0.25">
      <c r="A2588">
        <v>0.86</v>
      </c>
      <c r="B2588">
        <v>0.91</v>
      </c>
      <c r="C2588">
        <v>0.49</v>
      </c>
    </row>
    <row r="2589" spans="1:3" x14ac:dyDescent="0.25">
      <c r="A2589">
        <v>0.86</v>
      </c>
      <c r="B2589">
        <v>0.92</v>
      </c>
      <c r="C2589">
        <v>0.72</v>
      </c>
    </row>
    <row r="2590" spans="1:3" x14ac:dyDescent="0.25">
      <c r="A2590">
        <v>0.86</v>
      </c>
      <c r="B2590">
        <v>0.99</v>
      </c>
      <c r="C2590">
        <v>0.53</v>
      </c>
    </row>
    <row r="2591" spans="1:3" x14ac:dyDescent="0.25">
      <c r="A2591">
        <v>0.86</v>
      </c>
      <c r="B2591">
        <v>0.99</v>
      </c>
      <c r="C2591">
        <v>0.08</v>
      </c>
    </row>
    <row r="2592" spans="1:3" x14ac:dyDescent="0.25">
      <c r="A2592">
        <v>0.86</v>
      </c>
      <c r="B2592">
        <v>1</v>
      </c>
      <c r="C2592">
        <v>0.41</v>
      </c>
    </row>
    <row r="2593" spans="1:3" x14ac:dyDescent="0.25">
      <c r="A2593">
        <v>0.86</v>
      </c>
      <c r="B2593">
        <v>1</v>
      </c>
      <c r="C2593">
        <v>0.38</v>
      </c>
    </row>
    <row r="2594" spans="1:3" x14ac:dyDescent="0.25">
      <c r="A2594">
        <v>0.86</v>
      </c>
      <c r="B2594">
        <v>1.02</v>
      </c>
      <c r="C2594">
        <v>0.5</v>
      </c>
    </row>
    <row r="2595" spans="1:3" x14ac:dyDescent="0.25">
      <c r="A2595">
        <v>0.86</v>
      </c>
      <c r="B2595">
        <v>1.03</v>
      </c>
      <c r="C2595">
        <v>0.13</v>
      </c>
    </row>
    <row r="2596" spans="1:3" x14ac:dyDescent="0.25">
      <c r="A2596">
        <v>0.86</v>
      </c>
      <c r="B2596">
        <v>1.04</v>
      </c>
      <c r="C2596">
        <v>0.37</v>
      </c>
    </row>
    <row r="2597" spans="1:3" x14ac:dyDescent="0.25">
      <c r="A2597">
        <v>0.86</v>
      </c>
      <c r="B2597">
        <v>1.04</v>
      </c>
      <c r="C2597">
        <v>0.42</v>
      </c>
    </row>
    <row r="2598" spans="1:3" x14ac:dyDescent="0.25">
      <c r="A2598">
        <v>0.86</v>
      </c>
      <c r="B2598">
        <v>1.07</v>
      </c>
      <c r="C2598">
        <v>0.55000000000000004</v>
      </c>
    </row>
    <row r="2599" spans="1:3" x14ac:dyDescent="0.25">
      <c r="A2599">
        <v>0.86</v>
      </c>
      <c r="B2599">
        <v>1.18</v>
      </c>
      <c r="C2599">
        <v>0.81</v>
      </c>
    </row>
    <row r="2600" spans="1:3" x14ac:dyDescent="0.25">
      <c r="A2600">
        <v>0.86</v>
      </c>
      <c r="B2600">
        <v>1.19</v>
      </c>
      <c r="C2600">
        <v>0.75</v>
      </c>
    </row>
    <row r="2601" spans="1:3" x14ac:dyDescent="0.25">
      <c r="A2601">
        <v>0.86</v>
      </c>
      <c r="B2601">
        <v>1.23</v>
      </c>
      <c r="C2601">
        <v>0.45</v>
      </c>
    </row>
    <row r="2602" spans="1:3" x14ac:dyDescent="0.25">
      <c r="A2602">
        <v>0.86</v>
      </c>
      <c r="B2602">
        <v>1.24</v>
      </c>
      <c r="C2602">
        <v>0.05</v>
      </c>
    </row>
    <row r="2603" spans="1:3" x14ac:dyDescent="0.25">
      <c r="A2603">
        <v>0.86</v>
      </c>
      <c r="B2603">
        <v>1.36</v>
      </c>
      <c r="C2603">
        <v>0.28999999999999998</v>
      </c>
    </row>
    <row r="2604" spans="1:3" x14ac:dyDescent="0.25">
      <c r="A2604">
        <v>0.86</v>
      </c>
      <c r="B2604">
        <v>1.39</v>
      </c>
      <c r="C2604">
        <v>0.21</v>
      </c>
    </row>
    <row r="2605" spans="1:3" x14ac:dyDescent="0.25">
      <c r="A2605">
        <v>0.86</v>
      </c>
      <c r="B2605">
        <v>1.43</v>
      </c>
      <c r="C2605">
        <v>0.34</v>
      </c>
    </row>
    <row r="2606" spans="1:3" x14ac:dyDescent="0.25">
      <c r="A2606">
        <v>0.86</v>
      </c>
      <c r="B2606">
        <v>1.43</v>
      </c>
      <c r="C2606">
        <v>0.6</v>
      </c>
    </row>
    <row r="2607" spans="1:3" x14ac:dyDescent="0.25">
      <c r="A2607">
        <v>0.86</v>
      </c>
      <c r="B2607">
        <v>1.44</v>
      </c>
      <c r="C2607">
        <v>0.1</v>
      </c>
    </row>
    <row r="2608" spans="1:3" x14ac:dyDescent="0.25">
      <c r="A2608">
        <v>0.87</v>
      </c>
      <c r="B2608">
        <v>0.52</v>
      </c>
      <c r="C2608">
        <v>0.52</v>
      </c>
    </row>
    <row r="2609" spans="1:3" x14ac:dyDescent="0.25">
      <c r="A2609">
        <v>0.87</v>
      </c>
      <c r="B2609">
        <v>0.56000000000000005</v>
      </c>
      <c r="C2609">
        <v>0.92</v>
      </c>
    </row>
    <row r="2610" spans="1:3" x14ac:dyDescent="0.25">
      <c r="A2610">
        <v>0.87</v>
      </c>
      <c r="B2610">
        <v>0.59</v>
      </c>
      <c r="C2610">
        <v>0.76</v>
      </c>
    </row>
    <row r="2611" spans="1:3" x14ac:dyDescent="0.25">
      <c r="A2611">
        <v>0.87</v>
      </c>
      <c r="B2611">
        <v>0.62</v>
      </c>
      <c r="C2611">
        <v>0.67</v>
      </c>
    </row>
    <row r="2612" spans="1:3" x14ac:dyDescent="0.25">
      <c r="A2612">
        <v>0.87</v>
      </c>
      <c r="B2612">
        <v>0.66</v>
      </c>
      <c r="C2612">
        <v>0.67</v>
      </c>
    </row>
    <row r="2613" spans="1:3" x14ac:dyDescent="0.25">
      <c r="A2613">
        <v>0.87</v>
      </c>
      <c r="B2613">
        <v>0.68</v>
      </c>
      <c r="C2613">
        <v>0.68</v>
      </c>
    </row>
    <row r="2614" spans="1:3" x14ac:dyDescent="0.25">
      <c r="A2614">
        <v>0.87</v>
      </c>
      <c r="B2614">
        <v>0.71</v>
      </c>
      <c r="C2614">
        <v>0.31</v>
      </c>
    </row>
    <row r="2615" spans="1:3" x14ac:dyDescent="0.25">
      <c r="A2615">
        <v>0.87</v>
      </c>
      <c r="B2615">
        <v>0.8</v>
      </c>
      <c r="C2615">
        <v>0.74</v>
      </c>
    </row>
    <row r="2616" spans="1:3" x14ac:dyDescent="0.25">
      <c r="A2616">
        <v>0.87</v>
      </c>
      <c r="B2616">
        <v>0.85</v>
      </c>
      <c r="C2616">
        <v>0.46</v>
      </c>
    </row>
    <row r="2617" spans="1:3" x14ac:dyDescent="0.25">
      <c r="A2617">
        <v>0.87</v>
      </c>
      <c r="B2617">
        <v>0.88</v>
      </c>
      <c r="C2617">
        <v>0.77</v>
      </c>
    </row>
    <row r="2618" spans="1:3" x14ac:dyDescent="0.25">
      <c r="A2618">
        <v>0.87</v>
      </c>
      <c r="B2618">
        <v>0.89</v>
      </c>
      <c r="C2618">
        <v>0.79</v>
      </c>
    </row>
    <row r="2619" spans="1:3" x14ac:dyDescent="0.25">
      <c r="A2619">
        <v>0.87</v>
      </c>
      <c r="B2619">
        <v>0.89</v>
      </c>
      <c r="C2619">
        <v>0.62</v>
      </c>
    </row>
    <row r="2620" spans="1:3" x14ac:dyDescent="0.25">
      <c r="A2620">
        <v>0.87</v>
      </c>
      <c r="B2620">
        <v>0.98</v>
      </c>
      <c r="C2620">
        <v>0.28999999999999998</v>
      </c>
    </row>
    <row r="2621" spans="1:3" x14ac:dyDescent="0.25">
      <c r="A2621">
        <v>0.87</v>
      </c>
      <c r="B2621">
        <v>1.02</v>
      </c>
      <c r="C2621">
        <v>0.28000000000000003</v>
      </c>
    </row>
    <row r="2622" spans="1:3" x14ac:dyDescent="0.25">
      <c r="A2622">
        <v>0.87</v>
      </c>
      <c r="B2622">
        <v>1.02</v>
      </c>
      <c r="C2622">
        <v>0.88</v>
      </c>
    </row>
    <row r="2623" spans="1:3" x14ac:dyDescent="0.25">
      <c r="A2623">
        <v>0.87</v>
      </c>
      <c r="B2623">
        <v>1.03</v>
      </c>
      <c r="C2623">
        <v>0.79</v>
      </c>
    </row>
    <row r="2624" spans="1:3" x14ac:dyDescent="0.25">
      <c r="A2624">
        <v>0.87</v>
      </c>
      <c r="B2624">
        <v>1.03</v>
      </c>
      <c r="C2624">
        <v>0.17</v>
      </c>
    </row>
    <row r="2625" spans="1:3" x14ac:dyDescent="0.25">
      <c r="A2625">
        <v>0.87</v>
      </c>
      <c r="B2625">
        <v>1.0900000000000001</v>
      </c>
      <c r="C2625">
        <v>0.35</v>
      </c>
    </row>
    <row r="2626" spans="1:3" x14ac:dyDescent="0.25">
      <c r="A2626">
        <v>0.87</v>
      </c>
      <c r="B2626">
        <v>1.0900000000000001</v>
      </c>
      <c r="C2626">
        <v>0.3</v>
      </c>
    </row>
    <row r="2627" spans="1:3" x14ac:dyDescent="0.25">
      <c r="A2627">
        <v>0.87</v>
      </c>
      <c r="B2627">
        <v>1.1599999999999999</v>
      </c>
      <c r="C2627">
        <v>0.47</v>
      </c>
    </row>
    <row r="2628" spans="1:3" x14ac:dyDescent="0.25">
      <c r="A2628">
        <v>0.87</v>
      </c>
      <c r="B2628">
        <v>1.17</v>
      </c>
      <c r="C2628">
        <v>0.87</v>
      </c>
    </row>
    <row r="2629" spans="1:3" x14ac:dyDescent="0.25">
      <c r="A2629">
        <v>0.87</v>
      </c>
      <c r="B2629">
        <v>1.2</v>
      </c>
      <c r="C2629">
        <v>0.42</v>
      </c>
    </row>
    <row r="2630" spans="1:3" x14ac:dyDescent="0.25">
      <c r="A2630">
        <v>0.87</v>
      </c>
      <c r="B2630">
        <v>1.23</v>
      </c>
      <c r="C2630">
        <v>0.6</v>
      </c>
    </row>
    <row r="2631" spans="1:3" x14ac:dyDescent="0.25">
      <c r="A2631">
        <v>0.87</v>
      </c>
      <c r="B2631">
        <v>1.25</v>
      </c>
      <c r="C2631">
        <v>0.39</v>
      </c>
    </row>
    <row r="2632" spans="1:3" x14ac:dyDescent="0.25">
      <c r="A2632">
        <v>0.87</v>
      </c>
      <c r="B2632">
        <v>1.25</v>
      </c>
      <c r="C2632">
        <v>0.26</v>
      </c>
    </row>
    <row r="2633" spans="1:3" x14ac:dyDescent="0.25">
      <c r="A2633">
        <v>0.87</v>
      </c>
      <c r="B2633">
        <v>1.25</v>
      </c>
      <c r="C2633">
        <v>0.47</v>
      </c>
    </row>
    <row r="2634" spans="1:3" x14ac:dyDescent="0.25">
      <c r="A2634">
        <v>0.87</v>
      </c>
      <c r="B2634">
        <v>1.28</v>
      </c>
      <c r="C2634">
        <v>0.61</v>
      </c>
    </row>
    <row r="2635" spans="1:3" x14ac:dyDescent="0.25">
      <c r="A2635">
        <v>0.87</v>
      </c>
      <c r="B2635">
        <v>1.32</v>
      </c>
      <c r="C2635">
        <v>0.41</v>
      </c>
    </row>
    <row r="2636" spans="1:3" x14ac:dyDescent="0.25">
      <c r="A2636">
        <v>0.87</v>
      </c>
      <c r="B2636">
        <v>1.33</v>
      </c>
      <c r="C2636">
        <v>0.61</v>
      </c>
    </row>
    <row r="2637" spans="1:3" x14ac:dyDescent="0.25">
      <c r="A2637">
        <v>0.87</v>
      </c>
      <c r="B2637">
        <v>1.33</v>
      </c>
      <c r="C2637">
        <v>0.5</v>
      </c>
    </row>
    <row r="2638" spans="1:3" x14ac:dyDescent="0.25">
      <c r="A2638">
        <v>0.87</v>
      </c>
      <c r="B2638">
        <v>1.39</v>
      </c>
      <c r="C2638">
        <v>0.84</v>
      </c>
    </row>
    <row r="2639" spans="1:3" x14ac:dyDescent="0.25">
      <c r="A2639">
        <v>0.87</v>
      </c>
      <c r="B2639">
        <v>1.41</v>
      </c>
      <c r="C2639">
        <v>0.83</v>
      </c>
    </row>
    <row r="2640" spans="1:3" x14ac:dyDescent="0.25">
      <c r="A2640">
        <v>0.87</v>
      </c>
      <c r="B2640">
        <v>1.43</v>
      </c>
      <c r="C2640">
        <v>0.43</v>
      </c>
    </row>
    <row r="2641" spans="1:3" x14ac:dyDescent="0.25">
      <c r="A2641">
        <v>0.87</v>
      </c>
      <c r="B2641">
        <v>1.44</v>
      </c>
      <c r="C2641">
        <v>0.9</v>
      </c>
    </row>
    <row r="2642" spans="1:3" x14ac:dyDescent="0.25">
      <c r="A2642">
        <v>0.87</v>
      </c>
      <c r="B2642">
        <v>1.45</v>
      </c>
      <c r="C2642">
        <v>0.31</v>
      </c>
    </row>
    <row r="2643" spans="1:3" x14ac:dyDescent="0.25">
      <c r="A2643">
        <v>0.87</v>
      </c>
      <c r="B2643">
        <v>1.48</v>
      </c>
      <c r="C2643">
        <v>0.82</v>
      </c>
    </row>
    <row r="2644" spans="1:3" x14ac:dyDescent="0.25">
      <c r="A2644">
        <v>0.88</v>
      </c>
      <c r="B2644">
        <v>0.59</v>
      </c>
      <c r="C2644">
        <v>0.28000000000000003</v>
      </c>
    </row>
    <row r="2645" spans="1:3" x14ac:dyDescent="0.25">
      <c r="A2645">
        <v>0.88</v>
      </c>
      <c r="B2645">
        <v>0.6</v>
      </c>
      <c r="C2645">
        <v>0.16</v>
      </c>
    </row>
    <row r="2646" spans="1:3" x14ac:dyDescent="0.25">
      <c r="A2646">
        <v>0.88</v>
      </c>
      <c r="B2646">
        <v>0.66</v>
      </c>
      <c r="C2646">
        <v>0.33</v>
      </c>
    </row>
    <row r="2647" spans="1:3" x14ac:dyDescent="0.25">
      <c r="A2647">
        <v>0.88</v>
      </c>
      <c r="B2647">
        <v>0.66</v>
      </c>
      <c r="C2647">
        <v>0.47</v>
      </c>
    </row>
    <row r="2648" spans="1:3" x14ac:dyDescent="0.25">
      <c r="A2648">
        <v>0.88</v>
      </c>
      <c r="B2648">
        <v>0.71</v>
      </c>
      <c r="C2648">
        <v>0.67</v>
      </c>
    </row>
    <row r="2649" spans="1:3" x14ac:dyDescent="0.25">
      <c r="A2649">
        <v>0.88</v>
      </c>
      <c r="B2649">
        <v>0.82</v>
      </c>
      <c r="C2649">
        <v>0.21</v>
      </c>
    </row>
    <row r="2650" spans="1:3" x14ac:dyDescent="0.25">
      <c r="A2650">
        <v>0.88</v>
      </c>
      <c r="B2650">
        <v>0.84</v>
      </c>
      <c r="C2650">
        <v>0.45</v>
      </c>
    </row>
    <row r="2651" spans="1:3" x14ac:dyDescent="0.25">
      <c r="A2651">
        <v>0.88</v>
      </c>
      <c r="B2651">
        <v>0.85</v>
      </c>
      <c r="C2651">
        <v>0.84</v>
      </c>
    </row>
    <row r="2652" spans="1:3" x14ac:dyDescent="0.25">
      <c r="A2652">
        <v>0.88</v>
      </c>
      <c r="B2652">
        <v>0.91</v>
      </c>
      <c r="C2652">
        <v>0.42</v>
      </c>
    </row>
    <row r="2653" spans="1:3" x14ac:dyDescent="0.25">
      <c r="A2653">
        <v>0.88</v>
      </c>
      <c r="B2653">
        <v>0.95</v>
      </c>
      <c r="C2653">
        <v>0.74</v>
      </c>
    </row>
    <row r="2654" spans="1:3" x14ac:dyDescent="0.25">
      <c r="A2654">
        <v>0.88</v>
      </c>
      <c r="B2654">
        <v>1.07</v>
      </c>
      <c r="C2654">
        <v>0.71</v>
      </c>
    </row>
    <row r="2655" spans="1:3" x14ac:dyDescent="0.25">
      <c r="A2655">
        <v>0.88</v>
      </c>
      <c r="B2655">
        <v>1.1599999999999999</v>
      </c>
      <c r="C2655">
        <v>0.43</v>
      </c>
    </row>
    <row r="2656" spans="1:3" x14ac:dyDescent="0.25">
      <c r="A2656">
        <v>0.88</v>
      </c>
      <c r="B2656">
        <v>1.24</v>
      </c>
      <c r="C2656">
        <v>0.48</v>
      </c>
    </row>
    <row r="2657" spans="1:3" x14ac:dyDescent="0.25">
      <c r="A2657">
        <v>0.88</v>
      </c>
      <c r="B2657">
        <v>1.29</v>
      </c>
      <c r="C2657">
        <v>0.31</v>
      </c>
    </row>
    <row r="2658" spans="1:3" x14ac:dyDescent="0.25">
      <c r="A2658">
        <v>0.88</v>
      </c>
      <c r="B2658">
        <v>1.31</v>
      </c>
      <c r="C2658">
        <v>0.69</v>
      </c>
    </row>
    <row r="2659" spans="1:3" x14ac:dyDescent="0.25">
      <c r="A2659">
        <v>0.88</v>
      </c>
      <c r="B2659">
        <v>1.37</v>
      </c>
      <c r="C2659">
        <v>0.46</v>
      </c>
    </row>
    <row r="2660" spans="1:3" x14ac:dyDescent="0.25">
      <c r="A2660">
        <v>0.88</v>
      </c>
      <c r="B2660">
        <v>1.43</v>
      </c>
      <c r="C2660">
        <v>0.6</v>
      </c>
    </row>
    <row r="2661" spans="1:3" x14ac:dyDescent="0.25">
      <c r="A2661">
        <v>0.88</v>
      </c>
      <c r="B2661">
        <v>1.45</v>
      </c>
      <c r="C2661">
        <v>0.53</v>
      </c>
    </row>
    <row r="2662" spans="1:3" x14ac:dyDescent="0.25">
      <c r="A2662">
        <v>0.88</v>
      </c>
      <c r="B2662">
        <v>1.48</v>
      </c>
      <c r="C2662">
        <v>0.82</v>
      </c>
    </row>
    <row r="2663" spans="1:3" x14ac:dyDescent="0.25">
      <c r="A2663">
        <v>0.88</v>
      </c>
      <c r="B2663">
        <v>1.49</v>
      </c>
      <c r="C2663">
        <v>0.14000000000000001</v>
      </c>
    </row>
    <row r="2664" spans="1:3" x14ac:dyDescent="0.25">
      <c r="A2664">
        <v>0.88</v>
      </c>
      <c r="B2664">
        <v>1.5</v>
      </c>
      <c r="C2664">
        <v>0.11</v>
      </c>
    </row>
    <row r="2665" spans="1:3" x14ac:dyDescent="0.25">
      <c r="A2665">
        <v>0.89</v>
      </c>
      <c r="B2665">
        <v>0.5</v>
      </c>
      <c r="C2665">
        <v>0.18</v>
      </c>
    </row>
    <row r="2666" spans="1:3" x14ac:dyDescent="0.25">
      <c r="A2666">
        <v>0.89</v>
      </c>
      <c r="B2666">
        <v>0.51</v>
      </c>
      <c r="C2666">
        <v>0.61</v>
      </c>
    </row>
    <row r="2667" spans="1:3" x14ac:dyDescent="0.25">
      <c r="A2667">
        <v>0.89</v>
      </c>
      <c r="B2667">
        <v>0.51</v>
      </c>
      <c r="C2667">
        <v>0.48</v>
      </c>
    </row>
    <row r="2668" spans="1:3" x14ac:dyDescent="0.25">
      <c r="A2668">
        <v>0.89</v>
      </c>
      <c r="B2668">
        <v>0.57999999999999996</v>
      </c>
      <c r="C2668">
        <v>0.2</v>
      </c>
    </row>
    <row r="2669" spans="1:3" x14ac:dyDescent="0.25">
      <c r="A2669">
        <v>0.89</v>
      </c>
      <c r="B2669">
        <v>0.61</v>
      </c>
      <c r="C2669">
        <v>0.77</v>
      </c>
    </row>
    <row r="2670" spans="1:3" x14ac:dyDescent="0.25">
      <c r="A2670">
        <v>0.89</v>
      </c>
      <c r="B2670">
        <v>0.65</v>
      </c>
      <c r="C2670">
        <v>0.22</v>
      </c>
    </row>
    <row r="2671" spans="1:3" x14ac:dyDescent="0.25">
      <c r="A2671">
        <v>0.89</v>
      </c>
      <c r="B2671">
        <v>0.65</v>
      </c>
      <c r="C2671">
        <v>0.6</v>
      </c>
    </row>
    <row r="2672" spans="1:3" x14ac:dyDescent="0.25">
      <c r="A2672">
        <v>0.89</v>
      </c>
      <c r="B2672">
        <v>0.69</v>
      </c>
      <c r="C2672">
        <v>0.19</v>
      </c>
    </row>
    <row r="2673" spans="1:3" x14ac:dyDescent="0.25">
      <c r="A2673">
        <v>0.89</v>
      </c>
      <c r="B2673">
        <v>0.77</v>
      </c>
      <c r="C2673">
        <v>0.26</v>
      </c>
    </row>
    <row r="2674" spans="1:3" x14ac:dyDescent="0.25">
      <c r="A2674">
        <v>0.89</v>
      </c>
      <c r="B2674">
        <v>0.78</v>
      </c>
      <c r="C2674">
        <v>0.39</v>
      </c>
    </row>
    <row r="2675" spans="1:3" x14ac:dyDescent="0.25">
      <c r="A2675">
        <v>0.89</v>
      </c>
      <c r="B2675">
        <v>0.79</v>
      </c>
      <c r="C2675">
        <v>0.78</v>
      </c>
    </row>
    <row r="2676" spans="1:3" x14ac:dyDescent="0.25">
      <c r="A2676">
        <v>0.89</v>
      </c>
      <c r="B2676">
        <v>0.83</v>
      </c>
      <c r="C2676">
        <v>0.55000000000000004</v>
      </c>
    </row>
    <row r="2677" spans="1:3" x14ac:dyDescent="0.25">
      <c r="A2677">
        <v>0.89</v>
      </c>
      <c r="B2677">
        <v>0.85</v>
      </c>
      <c r="C2677">
        <v>0.56999999999999995</v>
      </c>
    </row>
    <row r="2678" spans="1:3" x14ac:dyDescent="0.25">
      <c r="A2678">
        <v>0.89</v>
      </c>
      <c r="B2678">
        <v>0.86</v>
      </c>
      <c r="C2678">
        <v>0.86</v>
      </c>
    </row>
    <row r="2679" spans="1:3" x14ac:dyDescent="0.25">
      <c r="A2679">
        <v>0.89</v>
      </c>
      <c r="B2679">
        <v>0.88</v>
      </c>
      <c r="C2679">
        <v>0.45</v>
      </c>
    </row>
    <row r="2680" spans="1:3" x14ac:dyDescent="0.25">
      <c r="A2680">
        <v>0.89</v>
      </c>
      <c r="B2680">
        <v>0.97</v>
      </c>
      <c r="C2680">
        <v>0.91</v>
      </c>
    </row>
    <row r="2681" spans="1:3" x14ac:dyDescent="0.25">
      <c r="A2681">
        <v>0.89</v>
      </c>
      <c r="B2681">
        <v>1.0900000000000001</v>
      </c>
      <c r="C2681">
        <v>0.46</v>
      </c>
    </row>
    <row r="2682" spans="1:3" x14ac:dyDescent="0.25">
      <c r="A2682">
        <v>0.89</v>
      </c>
      <c r="B2682">
        <v>1.1200000000000001</v>
      </c>
      <c r="C2682">
        <v>0.15</v>
      </c>
    </row>
    <row r="2683" spans="1:3" x14ac:dyDescent="0.25">
      <c r="A2683">
        <v>0.89</v>
      </c>
      <c r="B2683">
        <v>1.1399999999999999</v>
      </c>
      <c r="C2683">
        <v>0.15</v>
      </c>
    </row>
    <row r="2684" spans="1:3" x14ac:dyDescent="0.25">
      <c r="A2684">
        <v>0.89</v>
      </c>
      <c r="B2684">
        <v>1.1399999999999999</v>
      </c>
      <c r="C2684">
        <v>0.22</v>
      </c>
    </row>
    <row r="2685" spans="1:3" x14ac:dyDescent="0.25">
      <c r="A2685">
        <v>0.89</v>
      </c>
      <c r="B2685">
        <v>1.1399999999999999</v>
      </c>
      <c r="C2685">
        <v>0.4</v>
      </c>
    </row>
    <row r="2686" spans="1:3" x14ac:dyDescent="0.25">
      <c r="A2686">
        <v>0.89</v>
      </c>
      <c r="B2686">
        <v>1.1499999999999999</v>
      </c>
      <c r="C2686">
        <v>0.74</v>
      </c>
    </row>
    <row r="2687" spans="1:3" x14ac:dyDescent="0.25">
      <c r="A2687">
        <v>0.89</v>
      </c>
      <c r="B2687">
        <v>1.18</v>
      </c>
      <c r="C2687">
        <v>0.12</v>
      </c>
    </row>
    <row r="2688" spans="1:3" x14ac:dyDescent="0.25">
      <c r="A2688">
        <v>0.89</v>
      </c>
      <c r="B2688">
        <v>1.21</v>
      </c>
      <c r="C2688">
        <v>0.19</v>
      </c>
    </row>
    <row r="2689" spans="1:3" x14ac:dyDescent="0.25">
      <c r="A2689">
        <v>0.89</v>
      </c>
      <c r="B2689">
        <v>1.28</v>
      </c>
      <c r="C2689">
        <v>0.21</v>
      </c>
    </row>
    <row r="2690" spans="1:3" x14ac:dyDescent="0.25">
      <c r="A2690">
        <v>0.89</v>
      </c>
      <c r="B2690">
        <v>1.3</v>
      </c>
      <c r="C2690">
        <v>0.17</v>
      </c>
    </row>
    <row r="2691" spans="1:3" x14ac:dyDescent="0.25">
      <c r="A2691">
        <v>0.89</v>
      </c>
      <c r="B2691">
        <v>1.32</v>
      </c>
      <c r="C2691">
        <v>0.19</v>
      </c>
    </row>
    <row r="2692" spans="1:3" x14ac:dyDescent="0.25">
      <c r="A2692">
        <v>0.89</v>
      </c>
      <c r="B2692">
        <v>1.32</v>
      </c>
      <c r="C2692">
        <v>0.4</v>
      </c>
    </row>
    <row r="2693" spans="1:3" x14ac:dyDescent="0.25">
      <c r="A2693">
        <v>0.89</v>
      </c>
      <c r="B2693">
        <v>1.35</v>
      </c>
      <c r="C2693">
        <v>0.18</v>
      </c>
    </row>
    <row r="2694" spans="1:3" x14ac:dyDescent="0.25">
      <c r="A2694">
        <v>0.89</v>
      </c>
      <c r="B2694">
        <v>1.49</v>
      </c>
      <c r="C2694">
        <v>0.84</v>
      </c>
    </row>
    <row r="2695" spans="1:3" x14ac:dyDescent="0.25">
      <c r="A2695">
        <v>0.9</v>
      </c>
      <c r="B2695">
        <v>0.52</v>
      </c>
      <c r="C2695">
        <v>0.28000000000000003</v>
      </c>
    </row>
    <row r="2696" spans="1:3" x14ac:dyDescent="0.25">
      <c r="A2696">
        <v>0.9</v>
      </c>
      <c r="B2696">
        <v>0.55000000000000004</v>
      </c>
      <c r="C2696">
        <v>0.65</v>
      </c>
    </row>
    <row r="2697" spans="1:3" x14ac:dyDescent="0.25">
      <c r="A2697">
        <v>0.9</v>
      </c>
      <c r="B2697">
        <v>0.56999999999999995</v>
      </c>
      <c r="C2697">
        <v>0.93</v>
      </c>
    </row>
    <row r="2698" spans="1:3" x14ac:dyDescent="0.25">
      <c r="A2698">
        <v>0.9</v>
      </c>
      <c r="B2698">
        <v>0.61</v>
      </c>
      <c r="C2698">
        <v>0.23</v>
      </c>
    </row>
    <row r="2699" spans="1:3" x14ac:dyDescent="0.25">
      <c r="A2699">
        <v>0.9</v>
      </c>
      <c r="B2699">
        <v>0.63</v>
      </c>
      <c r="C2699">
        <v>0.13</v>
      </c>
    </row>
    <row r="2700" spans="1:3" x14ac:dyDescent="0.25">
      <c r="A2700">
        <v>0.9</v>
      </c>
      <c r="B2700">
        <v>0.7</v>
      </c>
      <c r="C2700">
        <v>0.42</v>
      </c>
    </row>
    <row r="2701" spans="1:3" x14ac:dyDescent="0.25">
      <c r="A2701">
        <v>0.9</v>
      </c>
      <c r="B2701">
        <v>0.77</v>
      </c>
      <c r="C2701">
        <v>0.41</v>
      </c>
    </row>
    <row r="2702" spans="1:3" x14ac:dyDescent="0.25">
      <c r="A2702">
        <v>0.9</v>
      </c>
      <c r="B2702">
        <v>0.77</v>
      </c>
      <c r="C2702">
        <v>0.67</v>
      </c>
    </row>
    <row r="2703" spans="1:3" x14ac:dyDescent="0.25">
      <c r="A2703">
        <v>0.9</v>
      </c>
      <c r="B2703">
        <v>0.79</v>
      </c>
      <c r="C2703">
        <v>0.4</v>
      </c>
    </row>
    <row r="2704" spans="1:3" x14ac:dyDescent="0.25">
      <c r="A2704">
        <v>0.9</v>
      </c>
      <c r="B2704">
        <v>0.8</v>
      </c>
      <c r="C2704">
        <v>0.8</v>
      </c>
    </row>
    <row r="2705" spans="1:3" x14ac:dyDescent="0.25">
      <c r="A2705">
        <v>0.9</v>
      </c>
      <c r="B2705">
        <v>0.84</v>
      </c>
      <c r="C2705">
        <v>0.89</v>
      </c>
    </row>
    <row r="2706" spans="1:3" x14ac:dyDescent="0.25">
      <c r="A2706">
        <v>0.9</v>
      </c>
      <c r="B2706">
        <v>0.85</v>
      </c>
      <c r="C2706">
        <v>0.84</v>
      </c>
    </row>
    <row r="2707" spans="1:3" x14ac:dyDescent="0.25">
      <c r="A2707">
        <v>0.9</v>
      </c>
      <c r="B2707">
        <v>0.85</v>
      </c>
      <c r="C2707">
        <v>0.94</v>
      </c>
    </row>
    <row r="2708" spans="1:3" x14ac:dyDescent="0.25">
      <c r="A2708">
        <v>0.9</v>
      </c>
      <c r="B2708">
        <v>0.9</v>
      </c>
      <c r="C2708">
        <v>0.45</v>
      </c>
    </row>
    <row r="2709" spans="1:3" x14ac:dyDescent="0.25">
      <c r="A2709">
        <v>0.9</v>
      </c>
      <c r="B2709">
        <v>0.95</v>
      </c>
      <c r="C2709">
        <v>0.46</v>
      </c>
    </row>
    <row r="2710" spans="1:3" x14ac:dyDescent="0.25">
      <c r="A2710">
        <v>0.9</v>
      </c>
      <c r="B2710">
        <v>1.01</v>
      </c>
      <c r="C2710">
        <v>0.66</v>
      </c>
    </row>
    <row r="2711" spans="1:3" x14ac:dyDescent="0.25">
      <c r="A2711">
        <v>0.9</v>
      </c>
      <c r="B2711">
        <v>1.02</v>
      </c>
      <c r="C2711">
        <v>0.56999999999999995</v>
      </c>
    </row>
    <row r="2712" spans="1:3" x14ac:dyDescent="0.25">
      <c r="A2712">
        <v>0.9</v>
      </c>
      <c r="B2712">
        <v>1.06</v>
      </c>
      <c r="C2712">
        <v>0.67</v>
      </c>
    </row>
    <row r="2713" spans="1:3" x14ac:dyDescent="0.25">
      <c r="A2713">
        <v>0.9</v>
      </c>
      <c r="B2713">
        <v>1.07</v>
      </c>
      <c r="C2713">
        <v>0.61</v>
      </c>
    </row>
    <row r="2714" spans="1:3" x14ac:dyDescent="0.25">
      <c r="A2714">
        <v>0.9</v>
      </c>
      <c r="B2714">
        <v>1.0900000000000001</v>
      </c>
      <c r="C2714">
        <v>0.6</v>
      </c>
    </row>
    <row r="2715" spans="1:3" x14ac:dyDescent="0.25">
      <c r="A2715">
        <v>0.9</v>
      </c>
      <c r="B2715">
        <v>1.1200000000000001</v>
      </c>
      <c r="C2715">
        <v>0.92</v>
      </c>
    </row>
    <row r="2716" spans="1:3" x14ac:dyDescent="0.25">
      <c r="A2716">
        <v>0.9</v>
      </c>
      <c r="B2716">
        <v>1.18</v>
      </c>
      <c r="C2716">
        <v>0.85</v>
      </c>
    </row>
    <row r="2717" spans="1:3" x14ac:dyDescent="0.25">
      <c r="A2717">
        <v>0.9</v>
      </c>
      <c r="B2717">
        <v>1.18</v>
      </c>
      <c r="C2717">
        <v>0.79</v>
      </c>
    </row>
    <row r="2718" spans="1:3" x14ac:dyDescent="0.25">
      <c r="A2718">
        <v>0.9</v>
      </c>
      <c r="B2718">
        <v>1.25</v>
      </c>
      <c r="C2718">
        <v>0.93</v>
      </c>
    </row>
    <row r="2719" spans="1:3" x14ac:dyDescent="0.25">
      <c r="A2719">
        <v>0.9</v>
      </c>
      <c r="B2719">
        <v>1.26</v>
      </c>
      <c r="C2719">
        <v>0.26</v>
      </c>
    </row>
    <row r="2720" spans="1:3" x14ac:dyDescent="0.25">
      <c r="A2720">
        <v>0.9</v>
      </c>
      <c r="B2720">
        <v>1.26</v>
      </c>
      <c r="C2720">
        <v>0.26</v>
      </c>
    </row>
    <row r="2721" spans="1:3" x14ac:dyDescent="0.25">
      <c r="A2721">
        <v>0.9</v>
      </c>
      <c r="B2721">
        <v>1.3</v>
      </c>
      <c r="C2721">
        <v>0.28000000000000003</v>
      </c>
    </row>
    <row r="2722" spans="1:3" x14ac:dyDescent="0.25">
      <c r="A2722">
        <v>0.9</v>
      </c>
      <c r="B2722">
        <v>1.33</v>
      </c>
      <c r="C2722">
        <v>0.8</v>
      </c>
    </row>
    <row r="2723" spans="1:3" x14ac:dyDescent="0.25">
      <c r="A2723">
        <v>0.9</v>
      </c>
      <c r="B2723">
        <v>1.35</v>
      </c>
      <c r="C2723">
        <v>0.15</v>
      </c>
    </row>
    <row r="2724" spans="1:3" x14ac:dyDescent="0.25">
      <c r="A2724">
        <v>0.9</v>
      </c>
      <c r="B2724">
        <v>1.37</v>
      </c>
      <c r="C2724">
        <v>0.27</v>
      </c>
    </row>
    <row r="2725" spans="1:3" x14ac:dyDescent="0.25">
      <c r="A2725">
        <v>0.9</v>
      </c>
      <c r="B2725">
        <v>1.38</v>
      </c>
      <c r="C2725">
        <v>0.32</v>
      </c>
    </row>
    <row r="2726" spans="1:3" x14ac:dyDescent="0.25">
      <c r="A2726">
        <v>0.9</v>
      </c>
      <c r="B2726">
        <v>1.39</v>
      </c>
      <c r="C2726">
        <v>0.73</v>
      </c>
    </row>
    <row r="2727" spans="1:3" x14ac:dyDescent="0.25">
      <c r="A2727">
        <v>0.9</v>
      </c>
      <c r="B2727">
        <v>1.47</v>
      </c>
      <c r="C2727">
        <v>0.22</v>
      </c>
    </row>
    <row r="2728" spans="1:3" x14ac:dyDescent="0.25">
      <c r="A2728">
        <v>0.91</v>
      </c>
      <c r="B2728">
        <v>0.54</v>
      </c>
      <c r="C2728">
        <v>0.5</v>
      </c>
    </row>
    <row r="2729" spans="1:3" x14ac:dyDescent="0.25">
      <c r="A2729">
        <v>0.91</v>
      </c>
      <c r="B2729">
        <v>0.56999999999999995</v>
      </c>
      <c r="C2729">
        <v>0.24</v>
      </c>
    </row>
    <row r="2730" spans="1:3" x14ac:dyDescent="0.25">
      <c r="A2730">
        <v>0.91</v>
      </c>
      <c r="B2730">
        <v>0.62</v>
      </c>
      <c r="C2730">
        <v>0.37</v>
      </c>
    </row>
    <row r="2731" spans="1:3" x14ac:dyDescent="0.25">
      <c r="A2731">
        <v>0.91</v>
      </c>
      <c r="B2731">
        <v>0.65</v>
      </c>
      <c r="C2731">
        <v>0.86</v>
      </c>
    </row>
    <row r="2732" spans="1:3" x14ac:dyDescent="0.25">
      <c r="A2732">
        <v>0.91</v>
      </c>
      <c r="B2732">
        <v>0.66</v>
      </c>
      <c r="C2732">
        <v>0.22</v>
      </c>
    </row>
    <row r="2733" spans="1:3" x14ac:dyDescent="0.25">
      <c r="A2733">
        <v>0.91</v>
      </c>
      <c r="B2733">
        <v>0.68</v>
      </c>
      <c r="C2733">
        <v>0.4</v>
      </c>
    </row>
    <row r="2734" spans="1:3" x14ac:dyDescent="0.25">
      <c r="A2734">
        <v>0.91</v>
      </c>
      <c r="B2734">
        <v>0.68</v>
      </c>
      <c r="C2734">
        <v>0.3</v>
      </c>
    </row>
    <row r="2735" spans="1:3" x14ac:dyDescent="0.25">
      <c r="A2735">
        <v>0.91</v>
      </c>
      <c r="B2735">
        <v>0.7</v>
      </c>
      <c r="C2735">
        <v>0.33</v>
      </c>
    </row>
    <row r="2736" spans="1:3" x14ac:dyDescent="0.25">
      <c r="A2736">
        <v>0.91</v>
      </c>
      <c r="B2736">
        <v>0.72</v>
      </c>
      <c r="C2736">
        <v>0.91</v>
      </c>
    </row>
    <row r="2737" spans="1:3" x14ac:dyDescent="0.25">
      <c r="A2737">
        <v>0.91</v>
      </c>
      <c r="B2737">
        <v>0.73</v>
      </c>
      <c r="C2737">
        <v>0.57999999999999996</v>
      </c>
    </row>
    <row r="2738" spans="1:3" x14ac:dyDescent="0.25">
      <c r="A2738">
        <v>0.91</v>
      </c>
      <c r="B2738">
        <v>0.73</v>
      </c>
      <c r="C2738">
        <v>0.53</v>
      </c>
    </row>
    <row r="2739" spans="1:3" x14ac:dyDescent="0.25">
      <c r="A2739">
        <v>0.91</v>
      </c>
      <c r="B2739">
        <v>0.75</v>
      </c>
      <c r="C2739">
        <v>0.19</v>
      </c>
    </row>
    <row r="2740" spans="1:3" x14ac:dyDescent="0.25">
      <c r="A2740">
        <v>0.91</v>
      </c>
      <c r="B2740">
        <v>0.77</v>
      </c>
      <c r="C2740">
        <v>0.66</v>
      </c>
    </row>
    <row r="2741" spans="1:3" x14ac:dyDescent="0.25">
      <c r="A2741">
        <v>0.91</v>
      </c>
      <c r="B2741">
        <v>0.79</v>
      </c>
      <c r="C2741">
        <v>0.91</v>
      </c>
    </row>
    <row r="2742" spans="1:3" x14ac:dyDescent="0.25">
      <c r="A2742">
        <v>0.91</v>
      </c>
      <c r="B2742">
        <v>0.82</v>
      </c>
      <c r="C2742">
        <v>0.2</v>
      </c>
    </row>
    <row r="2743" spans="1:3" x14ac:dyDescent="0.25">
      <c r="A2743">
        <v>0.91</v>
      </c>
      <c r="B2743">
        <v>0.83</v>
      </c>
      <c r="C2743">
        <v>0.47</v>
      </c>
    </row>
    <row r="2744" spans="1:3" x14ac:dyDescent="0.25">
      <c r="A2744">
        <v>0.91</v>
      </c>
      <c r="B2744">
        <v>0.97</v>
      </c>
      <c r="C2744">
        <v>0.36</v>
      </c>
    </row>
    <row r="2745" spans="1:3" x14ac:dyDescent="0.25">
      <c r="A2745">
        <v>0.91</v>
      </c>
      <c r="B2745">
        <v>0.99</v>
      </c>
      <c r="C2745">
        <v>0.67</v>
      </c>
    </row>
    <row r="2746" spans="1:3" x14ac:dyDescent="0.25">
      <c r="A2746">
        <v>0.91</v>
      </c>
      <c r="B2746">
        <v>1.02</v>
      </c>
      <c r="C2746">
        <v>0.94</v>
      </c>
    </row>
    <row r="2747" spans="1:3" x14ac:dyDescent="0.25">
      <c r="A2747">
        <v>0.91</v>
      </c>
      <c r="B2747">
        <v>1.03</v>
      </c>
      <c r="C2747">
        <v>0.36</v>
      </c>
    </row>
    <row r="2748" spans="1:3" x14ac:dyDescent="0.25">
      <c r="A2748">
        <v>0.91</v>
      </c>
      <c r="B2748">
        <v>1.03</v>
      </c>
      <c r="C2748">
        <v>0.19</v>
      </c>
    </row>
    <row r="2749" spans="1:3" x14ac:dyDescent="0.25">
      <c r="A2749">
        <v>0.91</v>
      </c>
      <c r="B2749">
        <v>1.07</v>
      </c>
      <c r="C2749">
        <v>0.75</v>
      </c>
    </row>
    <row r="2750" spans="1:3" x14ac:dyDescent="0.25">
      <c r="A2750">
        <v>0.91</v>
      </c>
      <c r="B2750">
        <v>1.08</v>
      </c>
      <c r="C2750">
        <v>0.72</v>
      </c>
    </row>
    <row r="2751" spans="1:3" x14ac:dyDescent="0.25">
      <c r="A2751">
        <v>0.91</v>
      </c>
      <c r="B2751">
        <v>1.1100000000000001</v>
      </c>
      <c r="C2751">
        <v>0.48</v>
      </c>
    </row>
    <row r="2752" spans="1:3" x14ac:dyDescent="0.25">
      <c r="A2752">
        <v>0.91</v>
      </c>
      <c r="B2752">
        <v>1.19</v>
      </c>
      <c r="C2752">
        <v>0.09</v>
      </c>
    </row>
    <row r="2753" spans="1:3" x14ac:dyDescent="0.25">
      <c r="A2753">
        <v>0.91</v>
      </c>
      <c r="B2753">
        <v>1.23</v>
      </c>
      <c r="C2753">
        <v>0.86</v>
      </c>
    </row>
    <row r="2754" spans="1:3" x14ac:dyDescent="0.25">
      <c r="A2754">
        <v>0.91</v>
      </c>
      <c r="B2754">
        <v>1.23</v>
      </c>
      <c r="C2754">
        <v>0.69</v>
      </c>
    </row>
    <row r="2755" spans="1:3" x14ac:dyDescent="0.25">
      <c r="A2755">
        <v>0.91</v>
      </c>
      <c r="B2755">
        <v>1.23</v>
      </c>
      <c r="C2755">
        <v>0.26</v>
      </c>
    </row>
    <row r="2756" spans="1:3" x14ac:dyDescent="0.25">
      <c r="A2756">
        <v>0.91</v>
      </c>
      <c r="B2756">
        <v>1.29</v>
      </c>
      <c r="C2756">
        <v>0.31</v>
      </c>
    </row>
    <row r="2757" spans="1:3" x14ac:dyDescent="0.25">
      <c r="A2757">
        <v>0.91</v>
      </c>
      <c r="B2757">
        <v>1.31</v>
      </c>
      <c r="C2757">
        <v>0.39</v>
      </c>
    </row>
    <row r="2758" spans="1:3" x14ac:dyDescent="0.25">
      <c r="A2758">
        <v>0.91</v>
      </c>
      <c r="B2758">
        <v>1.31</v>
      </c>
      <c r="C2758">
        <v>0.84</v>
      </c>
    </row>
    <row r="2759" spans="1:3" x14ac:dyDescent="0.25">
      <c r="A2759">
        <v>0.91</v>
      </c>
      <c r="B2759">
        <v>1.34</v>
      </c>
      <c r="C2759">
        <v>0.26</v>
      </c>
    </row>
    <row r="2760" spans="1:3" x14ac:dyDescent="0.25">
      <c r="A2760">
        <v>0.91</v>
      </c>
      <c r="B2760">
        <v>1.37</v>
      </c>
      <c r="C2760">
        <v>0.16</v>
      </c>
    </row>
    <row r="2761" spans="1:3" x14ac:dyDescent="0.25">
      <c r="A2761">
        <v>0.91</v>
      </c>
      <c r="B2761">
        <v>1.47</v>
      </c>
      <c r="C2761">
        <v>0.4</v>
      </c>
    </row>
    <row r="2762" spans="1:3" x14ac:dyDescent="0.25">
      <c r="A2762">
        <v>0.92</v>
      </c>
      <c r="B2762">
        <v>0.52</v>
      </c>
      <c r="C2762">
        <v>0.53</v>
      </c>
    </row>
    <row r="2763" spans="1:3" x14ac:dyDescent="0.25">
      <c r="A2763">
        <v>0.92</v>
      </c>
      <c r="B2763">
        <v>0.57999999999999996</v>
      </c>
      <c r="C2763">
        <v>0.67</v>
      </c>
    </row>
    <row r="2764" spans="1:3" x14ac:dyDescent="0.25">
      <c r="A2764">
        <v>0.92</v>
      </c>
      <c r="B2764">
        <v>0.61</v>
      </c>
      <c r="C2764">
        <v>0.38</v>
      </c>
    </row>
    <row r="2765" spans="1:3" x14ac:dyDescent="0.25">
      <c r="A2765">
        <v>0.92</v>
      </c>
      <c r="B2765">
        <v>0.67</v>
      </c>
      <c r="C2765">
        <v>0.41</v>
      </c>
    </row>
    <row r="2766" spans="1:3" x14ac:dyDescent="0.25">
      <c r="A2766">
        <v>0.92</v>
      </c>
      <c r="B2766">
        <v>0.73</v>
      </c>
      <c r="C2766">
        <v>0.3</v>
      </c>
    </row>
    <row r="2767" spans="1:3" x14ac:dyDescent="0.25">
      <c r="A2767">
        <v>0.92</v>
      </c>
      <c r="B2767">
        <v>0.79</v>
      </c>
      <c r="C2767">
        <v>0.71</v>
      </c>
    </row>
    <row r="2768" spans="1:3" x14ac:dyDescent="0.25">
      <c r="A2768">
        <v>0.92</v>
      </c>
      <c r="B2768">
        <v>0.8</v>
      </c>
      <c r="C2768">
        <v>0.55000000000000004</v>
      </c>
    </row>
    <row r="2769" spans="1:3" x14ac:dyDescent="0.25">
      <c r="A2769">
        <v>0.92</v>
      </c>
      <c r="B2769">
        <v>0.84</v>
      </c>
      <c r="C2769">
        <v>0.8</v>
      </c>
    </row>
    <row r="2770" spans="1:3" x14ac:dyDescent="0.25">
      <c r="A2770">
        <v>0.92</v>
      </c>
      <c r="B2770">
        <v>0.85</v>
      </c>
      <c r="C2770">
        <v>0.59</v>
      </c>
    </row>
    <row r="2771" spans="1:3" x14ac:dyDescent="0.25">
      <c r="A2771">
        <v>0.92</v>
      </c>
      <c r="B2771">
        <v>0.87</v>
      </c>
      <c r="C2771">
        <v>0.93</v>
      </c>
    </row>
    <row r="2772" spans="1:3" x14ac:dyDescent="0.25">
      <c r="A2772">
        <v>0.92</v>
      </c>
      <c r="B2772">
        <v>0.89</v>
      </c>
      <c r="C2772">
        <v>0.16</v>
      </c>
    </row>
    <row r="2773" spans="1:3" x14ac:dyDescent="0.25">
      <c r="A2773">
        <v>0.92</v>
      </c>
      <c r="B2773">
        <v>0.9</v>
      </c>
      <c r="C2773">
        <v>0.85</v>
      </c>
    </row>
    <row r="2774" spans="1:3" x14ac:dyDescent="0.25">
      <c r="A2774">
        <v>0.92</v>
      </c>
      <c r="B2774">
        <v>0.93</v>
      </c>
      <c r="C2774">
        <v>0.42</v>
      </c>
    </row>
    <row r="2775" spans="1:3" x14ac:dyDescent="0.25">
      <c r="A2775">
        <v>0.92</v>
      </c>
      <c r="B2775">
        <v>0.93</v>
      </c>
      <c r="C2775">
        <v>0.37</v>
      </c>
    </row>
    <row r="2776" spans="1:3" x14ac:dyDescent="0.25">
      <c r="A2776">
        <v>0.92</v>
      </c>
      <c r="B2776">
        <v>0.98</v>
      </c>
      <c r="C2776">
        <v>0.86</v>
      </c>
    </row>
    <row r="2777" spans="1:3" x14ac:dyDescent="0.25">
      <c r="A2777">
        <v>0.92</v>
      </c>
      <c r="B2777">
        <v>0.99</v>
      </c>
      <c r="C2777">
        <v>0.9</v>
      </c>
    </row>
    <row r="2778" spans="1:3" x14ac:dyDescent="0.25">
      <c r="A2778">
        <v>0.92</v>
      </c>
      <c r="B2778">
        <v>1.03</v>
      </c>
      <c r="C2778">
        <v>0.34</v>
      </c>
    </row>
    <row r="2779" spans="1:3" x14ac:dyDescent="0.25">
      <c r="A2779">
        <v>0.92</v>
      </c>
      <c r="B2779">
        <v>1.04</v>
      </c>
      <c r="C2779">
        <v>0.4</v>
      </c>
    </row>
    <row r="2780" spans="1:3" x14ac:dyDescent="0.25">
      <c r="A2780">
        <v>0.92</v>
      </c>
      <c r="B2780">
        <v>1.0900000000000001</v>
      </c>
      <c r="C2780">
        <v>0.61</v>
      </c>
    </row>
    <row r="2781" spans="1:3" x14ac:dyDescent="0.25">
      <c r="A2781">
        <v>0.92</v>
      </c>
      <c r="B2781">
        <v>1.1200000000000001</v>
      </c>
      <c r="C2781">
        <v>0.88</v>
      </c>
    </row>
    <row r="2782" spans="1:3" x14ac:dyDescent="0.25">
      <c r="A2782">
        <v>0.92</v>
      </c>
      <c r="B2782">
        <v>1.1200000000000001</v>
      </c>
      <c r="C2782">
        <v>0.35</v>
      </c>
    </row>
    <row r="2783" spans="1:3" x14ac:dyDescent="0.25">
      <c r="A2783">
        <v>0.92</v>
      </c>
      <c r="B2783">
        <v>1.1399999999999999</v>
      </c>
      <c r="C2783">
        <v>0.63</v>
      </c>
    </row>
    <row r="2784" spans="1:3" x14ac:dyDescent="0.25">
      <c r="A2784">
        <v>0.92</v>
      </c>
      <c r="B2784">
        <v>1.1599999999999999</v>
      </c>
      <c r="C2784">
        <v>0.15</v>
      </c>
    </row>
    <row r="2785" spans="1:3" x14ac:dyDescent="0.25">
      <c r="A2785">
        <v>0.92</v>
      </c>
      <c r="B2785">
        <v>1.17</v>
      </c>
      <c r="C2785">
        <v>0.82</v>
      </c>
    </row>
    <row r="2786" spans="1:3" x14ac:dyDescent="0.25">
      <c r="A2786">
        <v>0.92</v>
      </c>
      <c r="B2786">
        <v>1.17</v>
      </c>
      <c r="C2786">
        <v>0.4</v>
      </c>
    </row>
    <row r="2787" spans="1:3" x14ac:dyDescent="0.25">
      <c r="A2787">
        <v>0.92</v>
      </c>
      <c r="B2787">
        <v>1.19</v>
      </c>
      <c r="C2787">
        <v>0.6</v>
      </c>
    </row>
    <row r="2788" spans="1:3" x14ac:dyDescent="0.25">
      <c r="A2788">
        <v>0.92</v>
      </c>
      <c r="B2788">
        <v>1.2</v>
      </c>
      <c r="C2788">
        <v>0.91</v>
      </c>
    </row>
    <row r="2789" spans="1:3" x14ac:dyDescent="0.25">
      <c r="A2789">
        <v>0.92</v>
      </c>
      <c r="B2789">
        <v>1.2</v>
      </c>
      <c r="C2789">
        <v>0.55000000000000004</v>
      </c>
    </row>
    <row r="2790" spans="1:3" x14ac:dyDescent="0.25">
      <c r="A2790">
        <v>0.92</v>
      </c>
      <c r="B2790">
        <v>1.31</v>
      </c>
      <c r="C2790">
        <v>0.26</v>
      </c>
    </row>
    <row r="2791" spans="1:3" x14ac:dyDescent="0.25">
      <c r="A2791">
        <v>0.92</v>
      </c>
      <c r="B2791">
        <v>1.31</v>
      </c>
      <c r="C2791">
        <v>0.22</v>
      </c>
    </row>
    <row r="2792" spans="1:3" x14ac:dyDescent="0.25">
      <c r="A2792">
        <v>0.92</v>
      </c>
      <c r="B2792">
        <v>1.32</v>
      </c>
      <c r="C2792">
        <v>0.44</v>
      </c>
    </row>
    <row r="2793" spans="1:3" x14ac:dyDescent="0.25">
      <c r="A2793">
        <v>0.92</v>
      </c>
      <c r="B2793">
        <v>1.34</v>
      </c>
      <c r="C2793">
        <v>0.38</v>
      </c>
    </row>
    <row r="2794" spans="1:3" x14ac:dyDescent="0.25">
      <c r="A2794">
        <v>0.92</v>
      </c>
      <c r="B2794">
        <v>1.41</v>
      </c>
      <c r="C2794">
        <v>0.7</v>
      </c>
    </row>
    <row r="2795" spans="1:3" x14ac:dyDescent="0.25">
      <c r="A2795">
        <v>0.92</v>
      </c>
      <c r="B2795">
        <v>1.45</v>
      </c>
      <c r="C2795">
        <v>0.17</v>
      </c>
    </row>
    <row r="2796" spans="1:3" x14ac:dyDescent="0.25">
      <c r="A2796">
        <v>0.93</v>
      </c>
      <c r="B2796">
        <v>0.51</v>
      </c>
      <c r="C2796">
        <v>0.11</v>
      </c>
    </row>
    <row r="2797" spans="1:3" x14ac:dyDescent="0.25">
      <c r="A2797">
        <v>0.93</v>
      </c>
      <c r="B2797">
        <v>0.51</v>
      </c>
      <c r="C2797">
        <v>7.0000000000000007E-2</v>
      </c>
    </row>
    <row r="2798" spans="1:3" x14ac:dyDescent="0.25">
      <c r="A2798">
        <v>0.93</v>
      </c>
      <c r="B2798">
        <v>0.52</v>
      </c>
      <c r="C2798">
        <v>0.86</v>
      </c>
    </row>
    <row r="2799" spans="1:3" x14ac:dyDescent="0.25">
      <c r="A2799">
        <v>0.93</v>
      </c>
      <c r="B2799">
        <v>0.56999999999999995</v>
      </c>
      <c r="C2799">
        <v>0.78</v>
      </c>
    </row>
    <row r="2800" spans="1:3" x14ac:dyDescent="0.25">
      <c r="A2800">
        <v>0.93</v>
      </c>
      <c r="B2800">
        <v>0.61</v>
      </c>
      <c r="C2800">
        <v>0.89</v>
      </c>
    </row>
    <row r="2801" spans="1:3" x14ac:dyDescent="0.25">
      <c r="A2801">
        <v>0.93</v>
      </c>
      <c r="B2801">
        <v>0.62</v>
      </c>
      <c r="C2801">
        <v>0.86</v>
      </c>
    </row>
    <row r="2802" spans="1:3" x14ac:dyDescent="0.25">
      <c r="A2802">
        <v>0.93</v>
      </c>
      <c r="B2802">
        <v>0.63</v>
      </c>
      <c r="C2802">
        <v>0.45</v>
      </c>
    </row>
    <row r="2803" spans="1:3" x14ac:dyDescent="0.25">
      <c r="A2803">
        <v>0.93</v>
      </c>
      <c r="B2803">
        <v>0.64</v>
      </c>
      <c r="C2803">
        <v>0.57999999999999996</v>
      </c>
    </row>
    <row r="2804" spans="1:3" x14ac:dyDescent="0.25">
      <c r="A2804">
        <v>0.93</v>
      </c>
      <c r="B2804">
        <v>0.68</v>
      </c>
      <c r="C2804">
        <v>0.84</v>
      </c>
    </row>
    <row r="2805" spans="1:3" x14ac:dyDescent="0.25">
      <c r="A2805">
        <v>0.93</v>
      </c>
      <c r="B2805">
        <v>0.7</v>
      </c>
      <c r="C2805">
        <v>0.05</v>
      </c>
    </row>
    <row r="2806" spans="1:3" x14ac:dyDescent="0.25">
      <c r="A2806">
        <v>0.93</v>
      </c>
      <c r="B2806">
        <v>0.72</v>
      </c>
      <c r="C2806">
        <v>0.57999999999999996</v>
      </c>
    </row>
    <row r="2807" spans="1:3" x14ac:dyDescent="0.25">
      <c r="A2807">
        <v>0.93</v>
      </c>
      <c r="B2807">
        <v>0.74</v>
      </c>
      <c r="C2807">
        <v>0.25</v>
      </c>
    </row>
    <row r="2808" spans="1:3" x14ac:dyDescent="0.25">
      <c r="A2808">
        <v>0.93</v>
      </c>
      <c r="B2808">
        <v>0.74</v>
      </c>
      <c r="C2808">
        <v>0.91</v>
      </c>
    </row>
    <row r="2809" spans="1:3" x14ac:dyDescent="0.25">
      <c r="A2809">
        <v>0.93</v>
      </c>
      <c r="B2809">
        <v>0.76</v>
      </c>
      <c r="C2809">
        <v>0.43</v>
      </c>
    </row>
    <row r="2810" spans="1:3" x14ac:dyDescent="0.25">
      <c r="A2810">
        <v>0.93</v>
      </c>
      <c r="B2810">
        <v>0.89</v>
      </c>
      <c r="C2810">
        <v>0.84</v>
      </c>
    </row>
    <row r="2811" spans="1:3" x14ac:dyDescent="0.25">
      <c r="A2811">
        <v>0.93</v>
      </c>
      <c r="B2811">
        <v>0.89</v>
      </c>
      <c r="C2811">
        <v>0.32</v>
      </c>
    </row>
    <row r="2812" spans="1:3" x14ac:dyDescent="0.25">
      <c r="A2812">
        <v>0.93</v>
      </c>
      <c r="B2812">
        <v>0.9</v>
      </c>
      <c r="C2812">
        <v>0.48</v>
      </c>
    </row>
    <row r="2813" spans="1:3" x14ac:dyDescent="0.25">
      <c r="A2813">
        <v>0.93</v>
      </c>
      <c r="B2813">
        <v>0.93</v>
      </c>
      <c r="C2813">
        <v>0.66</v>
      </c>
    </row>
    <row r="2814" spans="1:3" x14ac:dyDescent="0.25">
      <c r="A2814">
        <v>0.93</v>
      </c>
      <c r="B2814">
        <v>0.95</v>
      </c>
      <c r="C2814">
        <v>0.56999999999999995</v>
      </c>
    </row>
    <row r="2815" spans="1:3" x14ac:dyDescent="0.25">
      <c r="A2815">
        <v>0.93</v>
      </c>
      <c r="B2815">
        <v>1.03</v>
      </c>
      <c r="C2815">
        <v>0.4</v>
      </c>
    </row>
    <row r="2816" spans="1:3" x14ac:dyDescent="0.25">
      <c r="A2816">
        <v>0.93</v>
      </c>
      <c r="B2816">
        <v>1.06</v>
      </c>
      <c r="C2816">
        <v>0.4</v>
      </c>
    </row>
    <row r="2817" spans="1:3" x14ac:dyDescent="0.25">
      <c r="A2817">
        <v>0.93</v>
      </c>
      <c r="B2817">
        <v>1.1399999999999999</v>
      </c>
      <c r="C2817">
        <v>0.62</v>
      </c>
    </row>
    <row r="2818" spans="1:3" x14ac:dyDescent="0.25">
      <c r="A2818">
        <v>0.93</v>
      </c>
      <c r="B2818">
        <v>1.1499999999999999</v>
      </c>
      <c r="C2818">
        <v>0.79</v>
      </c>
    </row>
    <row r="2819" spans="1:3" x14ac:dyDescent="0.25">
      <c r="A2819">
        <v>0.93</v>
      </c>
      <c r="B2819">
        <v>1.1599999999999999</v>
      </c>
      <c r="C2819">
        <v>0.42</v>
      </c>
    </row>
    <row r="2820" spans="1:3" x14ac:dyDescent="0.25">
      <c r="A2820">
        <v>0.93</v>
      </c>
      <c r="B2820">
        <v>1.18</v>
      </c>
      <c r="C2820">
        <v>0.71</v>
      </c>
    </row>
    <row r="2821" spans="1:3" x14ac:dyDescent="0.25">
      <c r="A2821">
        <v>0.93</v>
      </c>
      <c r="B2821">
        <v>1.26</v>
      </c>
      <c r="C2821">
        <v>0.32</v>
      </c>
    </row>
    <row r="2822" spans="1:3" x14ac:dyDescent="0.25">
      <c r="A2822">
        <v>0.93</v>
      </c>
      <c r="B2822">
        <v>1.33</v>
      </c>
      <c r="C2822">
        <v>0.43</v>
      </c>
    </row>
    <row r="2823" spans="1:3" x14ac:dyDescent="0.25">
      <c r="A2823">
        <v>0.93</v>
      </c>
      <c r="B2823">
        <v>1.36</v>
      </c>
      <c r="C2823">
        <v>0.47</v>
      </c>
    </row>
    <row r="2824" spans="1:3" x14ac:dyDescent="0.25">
      <c r="A2824">
        <v>0.93</v>
      </c>
      <c r="B2824">
        <v>1.39</v>
      </c>
      <c r="C2824">
        <v>0.93</v>
      </c>
    </row>
    <row r="2825" spans="1:3" x14ac:dyDescent="0.25">
      <c r="A2825">
        <v>0.93</v>
      </c>
      <c r="B2825">
        <v>1.41</v>
      </c>
      <c r="C2825">
        <v>0.52</v>
      </c>
    </row>
    <row r="2826" spans="1:3" x14ac:dyDescent="0.25">
      <c r="A2826">
        <v>0.93</v>
      </c>
      <c r="B2826">
        <v>1.43</v>
      </c>
      <c r="C2826">
        <v>0.47</v>
      </c>
    </row>
    <row r="2827" spans="1:3" x14ac:dyDescent="0.25">
      <c r="A2827">
        <v>0.93</v>
      </c>
      <c r="B2827">
        <v>1.46</v>
      </c>
      <c r="C2827">
        <v>0.32</v>
      </c>
    </row>
    <row r="2828" spans="1:3" x14ac:dyDescent="0.25">
      <c r="A2828">
        <v>0.93</v>
      </c>
      <c r="B2828">
        <v>1.47</v>
      </c>
      <c r="C2828">
        <v>0.25</v>
      </c>
    </row>
    <row r="2829" spans="1:3" x14ac:dyDescent="0.25">
      <c r="A2829">
        <v>0.93</v>
      </c>
      <c r="B2829">
        <v>1.48</v>
      </c>
      <c r="C2829">
        <v>0.48</v>
      </c>
    </row>
    <row r="2830" spans="1:3" x14ac:dyDescent="0.25">
      <c r="A2830">
        <v>0.94</v>
      </c>
      <c r="B2830">
        <v>0.51</v>
      </c>
      <c r="C2830">
        <v>0.88</v>
      </c>
    </row>
    <row r="2831" spans="1:3" x14ac:dyDescent="0.25">
      <c r="A2831">
        <v>0.94</v>
      </c>
      <c r="B2831">
        <v>0.52</v>
      </c>
      <c r="C2831">
        <v>0.6</v>
      </c>
    </row>
    <row r="2832" spans="1:3" x14ac:dyDescent="0.25">
      <c r="A2832">
        <v>0.94</v>
      </c>
      <c r="B2832">
        <v>0.72</v>
      </c>
      <c r="C2832">
        <v>0.62</v>
      </c>
    </row>
    <row r="2833" spans="1:3" x14ac:dyDescent="0.25">
      <c r="A2833">
        <v>0.94</v>
      </c>
      <c r="B2833">
        <v>0.72</v>
      </c>
      <c r="C2833">
        <v>0.34</v>
      </c>
    </row>
    <row r="2834" spans="1:3" x14ac:dyDescent="0.25">
      <c r="A2834">
        <v>0.94</v>
      </c>
      <c r="B2834">
        <v>0.83</v>
      </c>
      <c r="C2834">
        <v>0.19</v>
      </c>
    </row>
    <row r="2835" spans="1:3" x14ac:dyDescent="0.25">
      <c r="A2835">
        <v>0.94</v>
      </c>
      <c r="B2835">
        <v>0.86</v>
      </c>
      <c r="C2835">
        <v>0.15</v>
      </c>
    </row>
    <row r="2836" spans="1:3" x14ac:dyDescent="0.25">
      <c r="A2836">
        <v>0.94</v>
      </c>
      <c r="B2836">
        <v>0.87</v>
      </c>
      <c r="C2836">
        <v>0.06</v>
      </c>
    </row>
    <row r="2837" spans="1:3" x14ac:dyDescent="0.25">
      <c r="A2837">
        <v>0.94</v>
      </c>
      <c r="B2837">
        <v>0.99</v>
      </c>
      <c r="C2837">
        <v>0.72</v>
      </c>
    </row>
    <row r="2838" spans="1:3" x14ac:dyDescent="0.25">
      <c r="A2838">
        <v>0.94</v>
      </c>
      <c r="B2838">
        <v>1.02</v>
      </c>
      <c r="C2838">
        <v>0.51</v>
      </c>
    </row>
    <row r="2839" spans="1:3" x14ac:dyDescent="0.25">
      <c r="A2839">
        <v>0.94</v>
      </c>
      <c r="B2839">
        <v>1.06</v>
      </c>
      <c r="C2839">
        <v>0.3</v>
      </c>
    </row>
    <row r="2840" spans="1:3" x14ac:dyDescent="0.25">
      <c r="A2840">
        <v>0.94</v>
      </c>
      <c r="B2840">
        <v>1.1000000000000001</v>
      </c>
      <c r="C2840">
        <v>0.34</v>
      </c>
    </row>
    <row r="2841" spans="1:3" x14ac:dyDescent="0.25">
      <c r="A2841">
        <v>0.94</v>
      </c>
      <c r="B2841">
        <v>1.18</v>
      </c>
      <c r="C2841">
        <v>0.94</v>
      </c>
    </row>
    <row r="2842" spans="1:3" x14ac:dyDescent="0.25">
      <c r="A2842">
        <v>0.94</v>
      </c>
      <c r="B2842">
        <v>1.21</v>
      </c>
      <c r="C2842">
        <v>0.24</v>
      </c>
    </row>
    <row r="2843" spans="1:3" x14ac:dyDescent="0.25">
      <c r="A2843">
        <v>0.94</v>
      </c>
      <c r="B2843">
        <v>1.21</v>
      </c>
      <c r="C2843">
        <v>0.12</v>
      </c>
    </row>
    <row r="2844" spans="1:3" x14ac:dyDescent="0.25">
      <c r="A2844">
        <v>0.94</v>
      </c>
      <c r="B2844">
        <v>1.22</v>
      </c>
      <c r="C2844">
        <v>0.52</v>
      </c>
    </row>
    <row r="2845" spans="1:3" x14ac:dyDescent="0.25">
      <c r="A2845">
        <v>0.94</v>
      </c>
      <c r="B2845">
        <v>1.23</v>
      </c>
      <c r="C2845">
        <v>0.74</v>
      </c>
    </row>
    <row r="2846" spans="1:3" x14ac:dyDescent="0.25">
      <c r="A2846">
        <v>0.94</v>
      </c>
      <c r="B2846">
        <v>1.24</v>
      </c>
      <c r="C2846">
        <v>0.36</v>
      </c>
    </row>
    <row r="2847" spans="1:3" x14ac:dyDescent="0.25">
      <c r="A2847">
        <v>0.94</v>
      </c>
      <c r="B2847">
        <v>1.28</v>
      </c>
      <c r="C2847">
        <v>0.85</v>
      </c>
    </row>
    <row r="2848" spans="1:3" x14ac:dyDescent="0.25">
      <c r="A2848">
        <v>0.94</v>
      </c>
      <c r="B2848">
        <v>1.34</v>
      </c>
      <c r="C2848">
        <v>0.93</v>
      </c>
    </row>
    <row r="2849" spans="1:3" x14ac:dyDescent="0.25">
      <c r="A2849">
        <v>0.94</v>
      </c>
      <c r="B2849">
        <v>1.35</v>
      </c>
      <c r="C2849">
        <v>0.4</v>
      </c>
    </row>
    <row r="2850" spans="1:3" x14ac:dyDescent="0.25">
      <c r="A2850">
        <v>0.94</v>
      </c>
      <c r="B2850">
        <v>1.38</v>
      </c>
      <c r="C2850">
        <v>0.66</v>
      </c>
    </row>
    <row r="2851" spans="1:3" x14ac:dyDescent="0.25">
      <c r="A2851">
        <v>0.94</v>
      </c>
      <c r="B2851">
        <v>1.39</v>
      </c>
      <c r="C2851">
        <v>0.93</v>
      </c>
    </row>
    <row r="2852" spans="1:3" x14ac:dyDescent="0.25">
      <c r="A2852">
        <v>0.94</v>
      </c>
      <c r="B2852">
        <v>1.4</v>
      </c>
      <c r="C2852">
        <v>0.95</v>
      </c>
    </row>
    <row r="2853" spans="1:3" x14ac:dyDescent="0.25">
      <c r="A2853">
        <v>0.94</v>
      </c>
      <c r="B2853">
        <v>1.43</v>
      </c>
      <c r="C2853">
        <v>0.38</v>
      </c>
    </row>
    <row r="2854" spans="1:3" x14ac:dyDescent="0.25">
      <c r="A2854">
        <v>0.94</v>
      </c>
      <c r="B2854">
        <v>1.45</v>
      </c>
      <c r="C2854">
        <v>0.28000000000000003</v>
      </c>
    </row>
    <row r="2855" spans="1:3" x14ac:dyDescent="0.25">
      <c r="A2855">
        <v>0.94</v>
      </c>
      <c r="B2855">
        <v>1.48</v>
      </c>
      <c r="C2855">
        <v>0.14000000000000001</v>
      </c>
    </row>
    <row r="2856" spans="1:3" x14ac:dyDescent="0.25">
      <c r="A2856">
        <v>0.94</v>
      </c>
      <c r="B2856">
        <v>1.5</v>
      </c>
      <c r="C2856">
        <v>0.81</v>
      </c>
    </row>
    <row r="2857" spans="1:3" x14ac:dyDescent="0.25">
      <c r="A2857">
        <v>0.95</v>
      </c>
      <c r="B2857">
        <v>0.51</v>
      </c>
      <c r="C2857">
        <v>0.1</v>
      </c>
    </row>
    <row r="2858" spans="1:3" x14ac:dyDescent="0.25">
      <c r="A2858">
        <v>0.95</v>
      </c>
      <c r="B2858">
        <v>0.51</v>
      </c>
      <c r="C2858">
        <v>0.48</v>
      </c>
    </row>
    <row r="2859" spans="1:3" x14ac:dyDescent="0.25">
      <c r="A2859">
        <v>0.95</v>
      </c>
      <c r="B2859">
        <v>0.56000000000000005</v>
      </c>
      <c r="C2859">
        <v>0.27</v>
      </c>
    </row>
    <row r="2860" spans="1:3" x14ac:dyDescent="0.25">
      <c r="A2860">
        <v>0.95</v>
      </c>
      <c r="B2860">
        <v>0.63</v>
      </c>
      <c r="C2860">
        <v>0.22</v>
      </c>
    </row>
    <row r="2861" spans="1:3" x14ac:dyDescent="0.25">
      <c r="A2861">
        <v>0.95</v>
      </c>
      <c r="B2861">
        <v>0.71</v>
      </c>
      <c r="C2861">
        <v>0.83</v>
      </c>
    </row>
    <row r="2862" spans="1:3" x14ac:dyDescent="0.25">
      <c r="A2862">
        <v>0.95</v>
      </c>
      <c r="B2862">
        <v>0.72</v>
      </c>
      <c r="C2862">
        <v>0.49</v>
      </c>
    </row>
    <row r="2863" spans="1:3" x14ac:dyDescent="0.25">
      <c r="A2863">
        <v>0.95</v>
      </c>
      <c r="B2863">
        <v>0.74</v>
      </c>
      <c r="C2863">
        <v>0.89</v>
      </c>
    </row>
    <row r="2864" spans="1:3" x14ac:dyDescent="0.25">
      <c r="A2864">
        <v>0.95</v>
      </c>
      <c r="B2864">
        <v>0.77</v>
      </c>
      <c r="C2864">
        <v>0.56999999999999995</v>
      </c>
    </row>
    <row r="2865" spans="1:3" x14ac:dyDescent="0.25">
      <c r="A2865">
        <v>0.95</v>
      </c>
      <c r="B2865">
        <v>0.78</v>
      </c>
      <c r="C2865">
        <v>0.46</v>
      </c>
    </row>
    <row r="2866" spans="1:3" x14ac:dyDescent="0.25">
      <c r="A2866">
        <v>0.95</v>
      </c>
      <c r="B2866">
        <v>0.82</v>
      </c>
      <c r="C2866">
        <v>0.44</v>
      </c>
    </row>
    <row r="2867" spans="1:3" x14ac:dyDescent="0.25">
      <c r="A2867">
        <v>0.95</v>
      </c>
      <c r="B2867">
        <v>0.84</v>
      </c>
      <c r="C2867">
        <v>0.48</v>
      </c>
    </row>
    <row r="2868" spans="1:3" x14ac:dyDescent="0.25">
      <c r="A2868">
        <v>0.95</v>
      </c>
      <c r="B2868">
        <v>0.85</v>
      </c>
      <c r="C2868">
        <v>0.06</v>
      </c>
    </row>
    <row r="2869" spans="1:3" x14ac:dyDescent="0.25">
      <c r="A2869">
        <v>0.95</v>
      </c>
      <c r="B2869">
        <v>0.86</v>
      </c>
      <c r="C2869">
        <v>0.4</v>
      </c>
    </row>
    <row r="2870" spans="1:3" x14ac:dyDescent="0.25">
      <c r="A2870">
        <v>0.95</v>
      </c>
      <c r="B2870">
        <v>0.87</v>
      </c>
      <c r="C2870">
        <v>0.95</v>
      </c>
    </row>
    <row r="2871" spans="1:3" x14ac:dyDescent="0.25">
      <c r="A2871">
        <v>0.95</v>
      </c>
      <c r="B2871">
        <v>0.94</v>
      </c>
      <c r="C2871">
        <v>0.71</v>
      </c>
    </row>
    <row r="2872" spans="1:3" x14ac:dyDescent="0.25">
      <c r="A2872">
        <v>0.95</v>
      </c>
      <c r="B2872">
        <v>1.04</v>
      </c>
      <c r="C2872">
        <v>0.87</v>
      </c>
    </row>
    <row r="2873" spans="1:3" x14ac:dyDescent="0.25">
      <c r="A2873">
        <v>0.95</v>
      </c>
      <c r="B2873">
        <v>1.1299999999999999</v>
      </c>
      <c r="C2873">
        <v>0.14000000000000001</v>
      </c>
    </row>
    <row r="2874" spans="1:3" x14ac:dyDescent="0.25">
      <c r="A2874">
        <v>0.95</v>
      </c>
      <c r="B2874">
        <v>1.1299999999999999</v>
      </c>
      <c r="C2874">
        <v>0.59</v>
      </c>
    </row>
    <row r="2875" spans="1:3" x14ac:dyDescent="0.25">
      <c r="A2875">
        <v>0.95</v>
      </c>
      <c r="B2875">
        <v>1.1399999999999999</v>
      </c>
      <c r="C2875">
        <v>0.27</v>
      </c>
    </row>
    <row r="2876" spans="1:3" x14ac:dyDescent="0.25">
      <c r="A2876">
        <v>0.95</v>
      </c>
      <c r="B2876">
        <v>1.17</v>
      </c>
      <c r="C2876">
        <v>0.64</v>
      </c>
    </row>
    <row r="2877" spans="1:3" x14ac:dyDescent="0.25">
      <c r="A2877">
        <v>0.95</v>
      </c>
      <c r="B2877">
        <v>1.2</v>
      </c>
      <c r="C2877">
        <v>0.71</v>
      </c>
    </row>
    <row r="2878" spans="1:3" x14ac:dyDescent="0.25">
      <c r="A2878">
        <v>0.95</v>
      </c>
      <c r="B2878">
        <v>1.21</v>
      </c>
      <c r="C2878">
        <v>0.27</v>
      </c>
    </row>
    <row r="2879" spans="1:3" x14ac:dyDescent="0.25">
      <c r="A2879">
        <v>0.95</v>
      </c>
      <c r="B2879">
        <v>1.23</v>
      </c>
      <c r="C2879">
        <v>0.46</v>
      </c>
    </row>
    <row r="2880" spans="1:3" x14ac:dyDescent="0.25">
      <c r="A2880">
        <v>0.95</v>
      </c>
      <c r="B2880">
        <v>1.3</v>
      </c>
      <c r="C2880">
        <v>0.75</v>
      </c>
    </row>
    <row r="2881" spans="1:3" x14ac:dyDescent="0.25">
      <c r="A2881">
        <v>0.95</v>
      </c>
      <c r="B2881">
        <v>1.33</v>
      </c>
      <c r="C2881">
        <v>0.35</v>
      </c>
    </row>
    <row r="2882" spans="1:3" x14ac:dyDescent="0.25">
      <c r="A2882">
        <v>0.95</v>
      </c>
      <c r="B2882">
        <v>1.38</v>
      </c>
      <c r="C2882">
        <v>0.73</v>
      </c>
    </row>
    <row r="2883" spans="1:3" x14ac:dyDescent="0.25">
      <c r="A2883">
        <v>0.95</v>
      </c>
      <c r="B2883">
        <v>1.44</v>
      </c>
      <c r="C2883">
        <v>0.62</v>
      </c>
    </row>
    <row r="2884" spans="1:3" x14ac:dyDescent="0.25">
      <c r="A2884">
        <v>0.95</v>
      </c>
      <c r="B2884">
        <v>1.46</v>
      </c>
      <c r="C2884">
        <v>0.88</v>
      </c>
    </row>
    <row r="2885" spans="1:3" x14ac:dyDescent="0.25">
      <c r="A2885">
        <v>0.95</v>
      </c>
      <c r="B2885">
        <v>1.46</v>
      </c>
      <c r="C2885">
        <v>0.47</v>
      </c>
    </row>
    <row r="2886" spans="1:3" x14ac:dyDescent="0.25">
      <c r="A2886">
        <v>0.96</v>
      </c>
      <c r="B2886">
        <v>0.52</v>
      </c>
      <c r="C2886">
        <v>0.61</v>
      </c>
    </row>
    <row r="2887" spans="1:3" x14ac:dyDescent="0.25">
      <c r="A2887">
        <v>0.96</v>
      </c>
      <c r="B2887">
        <v>0.56000000000000005</v>
      </c>
      <c r="C2887">
        <v>0.71</v>
      </c>
    </row>
    <row r="2888" spans="1:3" x14ac:dyDescent="0.25">
      <c r="A2888">
        <v>0.96</v>
      </c>
      <c r="B2888">
        <v>0.57999999999999996</v>
      </c>
      <c r="C2888">
        <v>0.16</v>
      </c>
    </row>
    <row r="2889" spans="1:3" x14ac:dyDescent="0.25">
      <c r="A2889">
        <v>0.96</v>
      </c>
      <c r="B2889">
        <v>0.6</v>
      </c>
      <c r="C2889">
        <v>0.31</v>
      </c>
    </row>
    <row r="2890" spans="1:3" x14ac:dyDescent="0.25">
      <c r="A2890">
        <v>0.96</v>
      </c>
      <c r="B2890">
        <v>0.65</v>
      </c>
      <c r="C2890">
        <v>0.28999999999999998</v>
      </c>
    </row>
    <row r="2891" spans="1:3" x14ac:dyDescent="0.25">
      <c r="A2891">
        <v>0.96</v>
      </c>
      <c r="B2891">
        <v>0.68</v>
      </c>
      <c r="C2891">
        <v>0.34</v>
      </c>
    </row>
    <row r="2892" spans="1:3" x14ac:dyDescent="0.25">
      <c r="A2892">
        <v>0.96</v>
      </c>
      <c r="B2892">
        <v>0.71</v>
      </c>
      <c r="C2892">
        <v>0.13</v>
      </c>
    </row>
    <row r="2893" spans="1:3" x14ac:dyDescent="0.25">
      <c r="A2893">
        <v>0.96</v>
      </c>
      <c r="B2893">
        <v>0.73</v>
      </c>
      <c r="C2893">
        <v>0.34</v>
      </c>
    </row>
    <row r="2894" spans="1:3" x14ac:dyDescent="0.25">
      <c r="A2894">
        <v>0.96</v>
      </c>
      <c r="B2894">
        <v>0.87</v>
      </c>
      <c r="C2894">
        <v>0.4</v>
      </c>
    </row>
    <row r="2895" spans="1:3" x14ac:dyDescent="0.25">
      <c r="A2895">
        <v>0.96</v>
      </c>
      <c r="B2895">
        <v>0.88</v>
      </c>
      <c r="C2895">
        <v>0.75</v>
      </c>
    </row>
    <row r="2896" spans="1:3" x14ac:dyDescent="0.25">
      <c r="A2896">
        <v>0.96</v>
      </c>
      <c r="B2896">
        <v>0.9</v>
      </c>
      <c r="C2896">
        <v>0.65</v>
      </c>
    </row>
    <row r="2897" spans="1:3" x14ac:dyDescent="0.25">
      <c r="A2897">
        <v>0.96</v>
      </c>
      <c r="B2897">
        <v>0.91</v>
      </c>
      <c r="C2897">
        <v>0.39</v>
      </c>
    </row>
    <row r="2898" spans="1:3" x14ac:dyDescent="0.25">
      <c r="A2898">
        <v>0.96</v>
      </c>
      <c r="B2898">
        <v>0.91</v>
      </c>
      <c r="C2898">
        <v>0.23</v>
      </c>
    </row>
    <row r="2899" spans="1:3" x14ac:dyDescent="0.25">
      <c r="A2899">
        <v>0.96</v>
      </c>
      <c r="B2899">
        <v>1</v>
      </c>
      <c r="C2899">
        <v>0.28000000000000003</v>
      </c>
    </row>
    <row r="2900" spans="1:3" x14ac:dyDescent="0.25">
      <c r="A2900">
        <v>0.96</v>
      </c>
      <c r="B2900">
        <v>1.01</v>
      </c>
      <c r="C2900">
        <v>0.15</v>
      </c>
    </row>
    <row r="2901" spans="1:3" x14ac:dyDescent="0.25">
      <c r="A2901">
        <v>0.96</v>
      </c>
      <c r="B2901">
        <v>1.0900000000000001</v>
      </c>
      <c r="C2901">
        <v>0.13</v>
      </c>
    </row>
    <row r="2902" spans="1:3" x14ac:dyDescent="0.25">
      <c r="A2902">
        <v>0.96</v>
      </c>
      <c r="B2902">
        <v>1.17</v>
      </c>
      <c r="C2902">
        <v>0.8</v>
      </c>
    </row>
    <row r="2903" spans="1:3" x14ac:dyDescent="0.25">
      <c r="A2903">
        <v>0.96</v>
      </c>
      <c r="B2903">
        <v>1.31</v>
      </c>
      <c r="C2903">
        <v>0.48</v>
      </c>
    </row>
    <row r="2904" spans="1:3" x14ac:dyDescent="0.25">
      <c r="A2904">
        <v>0.96</v>
      </c>
      <c r="B2904">
        <v>1.43</v>
      </c>
      <c r="C2904">
        <v>0.12</v>
      </c>
    </row>
    <row r="2905" spans="1:3" x14ac:dyDescent="0.25">
      <c r="A2905">
        <v>0.96</v>
      </c>
      <c r="B2905">
        <v>1.44</v>
      </c>
      <c r="C2905">
        <v>0.68</v>
      </c>
    </row>
    <row r="2906" spans="1:3" x14ac:dyDescent="0.25">
      <c r="A2906">
        <v>0.96</v>
      </c>
      <c r="B2906">
        <v>1.46</v>
      </c>
      <c r="C2906">
        <v>0.09</v>
      </c>
    </row>
    <row r="2907" spans="1:3" x14ac:dyDescent="0.25">
      <c r="A2907">
        <v>0.97</v>
      </c>
      <c r="B2907">
        <v>0.5</v>
      </c>
      <c r="C2907">
        <v>0.47</v>
      </c>
    </row>
    <row r="2908" spans="1:3" x14ac:dyDescent="0.25">
      <c r="A2908">
        <v>0.97</v>
      </c>
      <c r="B2908">
        <v>0.51</v>
      </c>
      <c r="C2908">
        <v>0.28999999999999998</v>
      </c>
    </row>
    <row r="2909" spans="1:3" x14ac:dyDescent="0.25">
      <c r="A2909">
        <v>0.97</v>
      </c>
      <c r="B2909">
        <v>0.74</v>
      </c>
      <c r="C2909">
        <v>0.93</v>
      </c>
    </row>
    <row r="2910" spans="1:3" x14ac:dyDescent="0.25">
      <c r="A2910">
        <v>0.97</v>
      </c>
      <c r="B2910">
        <v>0.76</v>
      </c>
      <c r="C2910">
        <v>0.93</v>
      </c>
    </row>
    <row r="2911" spans="1:3" x14ac:dyDescent="0.25">
      <c r="A2911">
        <v>0.97</v>
      </c>
      <c r="B2911">
        <v>0.84</v>
      </c>
      <c r="C2911">
        <v>0.35</v>
      </c>
    </row>
    <row r="2912" spans="1:3" x14ac:dyDescent="0.25">
      <c r="A2912">
        <v>0.97</v>
      </c>
      <c r="B2912">
        <v>0.88</v>
      </c>
      <c r="C2912">
        <v>0.4</v>
      </c>
    </row>
    <row r="2913" spans="1:3" x14ac:dyDescent="0.25">
      <c r="A2913">
        <v>0.97</v>
      </c>
      <c r="B2913">
        <v>0.89</v>
      </c>
      <c r="C2913">
        <v>0.27</v>
      </c>
    </row>
    <row r="2914" spans="1:3" x14ac:dyDescent="0.25">
      <c r="A2914">
        <v>0.97</v>
      </c>
      <c r="B2914">
        <v>0.9</v>
      </c>
      <c r="C2914">
        <v>0.28000000000000003</v>
      </c>
    </row>
    <row r="2915" spans="1:3" x14ac:dyDescent="0.25">
      <c r="A2915">
        <v>0.97</v>
      </c>
      <c r="B2915">
        <v>0.93</v>
      </c>
      <c r="C2915">
        <v>0.76</v>
      </c>
    </row>
    <row r="2916" spans="1:3" x14ac:dyDescent="0.25">
      <c r="A2916">
        <v>0.97</v>
      </c>
      <c r="B2916">
        <v>0.94</v>
      </c>
      <c r="C2916">
        <v>0.43</v>
      </c>
    </row>
    <row r="2917" spans="1:3" x14ac:dyDescent="0.25">
      <c r="A2917">
        <v>0.97</v>
      </c>
      <c r="B2917">
        <v>0.94</v>
      </c>
      <c r="C2917">
        <v>0.64</v>
      </c>
    </row>
    <row r="2918" spans="1:3" x14ac:dyDescent="0.25">
      <c r="A2918">
        <v>0.97</v>
      </c>
      <c r="B2918">
        <v>0.96</v>
      </c>
      <c r="C2918">
        <v>0.28999999999999998</v>
      </c>
    </row>
    <row r="2919" spans="1:3" x14ac:dyDescent="0.25">
      <c r="A2919">
        <v>0.97</v>
      </c>
      <c r="B2919">
        <v>0.98</v>
      </c>
      <c r="C2919">
        <v>0.88</v>
      </c>
    </row>
    <row r="2920" spans="1:3" x14ac:dyDescent="0.25">
      <c r="A2920">
        <v>0.97</v>
      </c>
      <c r="B2920">
        <v>1</v>
      </c>
      <c r="C2920">
        <v>0.74</v>
      </c>
    </row>
    <row r="2921" spans="1:3" x14ac:dyDescent="0.25">
      <c r="A2921">
        <v>0.97</v>
      </c>
      <c r="B2921">
        <v>1.05</v>
      </c>
      <c r="C2921">
        <v>0.48</v>
      </c>
    </row>
    <row r="2922" spans="1:3" x14ac:dyDescent="0.25">
      <c r="A2922">
        <v>0.97</v>
      </c>
      <c r="B2922">
        <v>1.05</v>
      </c>
      <c r="C2922">
        <v>0.78</v>
      </c>
    </row>
    <row r="2923" spans="1:3" x14ac:dyDescent="0.25">
      <c r="A2923">
        <v>0.97</v>
      </c>
      <c r="B2923">
        <v>1.1200000000000001</v>
      </c>
      <c r="C2923">
        <v>0.83</v>
      </c>
    </row>
    <row r="2924" spans="1:3" x14ac:dyDescent="0.25">
      <c r="A2924">
        <v>0.97</v>
      </c>
      <c r="B2924">
        <v>1.17</v>
      </c>
      <c r="C2924">
        <v>0.93</v>
      </c>
    </row>
    <row r="2925" spans="1:3" x14ac:dyDescent="0.25">
      <c r="A2925">
        <v>0.97</v>
      </c>
      <c r="B2925">
        <v>1.18</v>
      </c>
      <c r="C2925">
        <v>0.3</v>
      </c>
    </row>
    <row r="2926" spans="1:3" x14ac:dyDescent="0.25">
      <c r="A2926">
        <v>0.97</v>
      </c>
      <c r="B2926">
        <v>1.21</v>
      </c>
      <c r="C2926">
        <v>0.49</v>
      </c>
    </row>
    <row r="2927" spans="1:3" x14ac:dyDescent="0.25">
      <c r="A2927">
        <v>0.97</v>
      </c>
      <c r="B2927">
        <v>1.25</v>
      </c>
      <c r="C2927">
        <v>0.74</v>
      </c>
    </row>
    <row r="2928" spans="1:3" x14ac:dyDescent="0.25">
      <c r="A2928">
        <v>0.97</v>
      </c>
      <c r="B2928">
        <v>1.32</v>
      </c>
      <c r="C2928">
        <v>0.38</v>
      </c>
    </row>
    <row r="2929" spans="1:3" x14ac:dyDescent="0.25">
      <c r="A2929">
        <v>0.97</v>
      </c>
      <c r="B2929">
        <v>1.34</v>
      </c>
      <c r="C2929">
        <v>0.83</v>
      </c>
    </row>
    <row r="2930" spans="1:3" x14ac:dyDescent="0.25">
      <c r="A2930">
        <v>0.97</v>
      </c>
      <c r="B2930">
        <v>1.39</v>
      </c>
      <c r="C2930">
        <v>0.1</v>
      </c>
    </row>
    <row r="2931" spans="1:3" x14ac:dyDescent="0.25">
      <c r="A2931">
        <v>0.97</v>
      </c>
      <c r="B2931">
        <v>1.47</v>
      </c>
      <c r="C2931">
        <v>0.65</v>
      </c>
    </row>
    <row r="2932" spans="1:3" x14ac:dyDescent="0.25">
      <c r="A2932">
        <v>0.97</v>
      </c>
      <c r="B2932">
        <v>1.47</v>
      </c>
      <c r="C2932">
        <v>0.93</v>
      </c>
    </row>
    <row r="2933" spans="1:3" x14ac:dyDescent="0.25">
      <c r="A2933">
        <v>0.97</v>
      </c>
      <c r="B2933">
        <v>1.48</v>
      </c>
      <c r="C2933">
        <v>0.17</v>
      </c>
    </row>
    <row r="2934" spans="1:3" x14ac:dyDescent="0.25">
      <c r="A2934">
        <v>0.97</v>
      </c>
      <c r="B2934">
        <v>1.49</v>
      </c>
      <c r="C2934">
        <v>0.86</v>
      </c>
    </row>
    <row r="2935" spans="1:3" x14ac:dyDescent="0.25">
      <c r="A2935">
        <v>0.98</v>
      </c>
      <c r="B2935">
        <v>0.51</v>
      </c>
      <c r="C2935">
        <v>0.21</v>
      </c>
    </row>
    <row r="2936" spans="1:3" x14ac:dyDescent="0.25">
      <c r="A2936">
        <v>0.98</v>
      </c>
      <c r="B2936">
        <v>0.51</v>
      </c>
      <c r="C2936">
        <v>0.5</v>
      </c>
    </row>
    <row r="2937" spans="1:3" x14ac:dyDescent="0.25">
      <c r="A2937">
        <v>0.98</v>
      </c>
      <c r="B2937">
        <v>0.56999999999999995</v>
      </c>
      <c r="C2937">
        <v>0.66</v>
      </c>
    </row>
    <row r="2938" spans="1:3" x14ac:dyDescent="0.25">
      <c r="A2938">
        <v>0.98</v>
      </c>
      <c r="B2938">
        <v>0.56999999999999995</v>
      </c>
      <c r="C2938">
        <v>0.83</v>
      </c>
    </row>
    <row r="2939" spans="1:3" x14ac:dyDescent="0.25">
      <c r="A2939">
        <v>0.98</v>
      </c>
      <c r="B2939">
        <v>0.6</v>
      </c>
      <c r="C2939">
        <v>0.52</v>
      </c>
    </row>
    <row r="2940" spans="1:3" x14ac:dyDescent="0.25">
      <c r="A2940">
        <v>0.98</v>
      </c>
      <c r="B2940">
        <v>0.6</v>
      </c>
      <c r="C2940">
        <v>0.7</v>
      </c>
    </row>
    <row r="2941" spans="1:3" x14ac:dyDescent="0.25">
      <c r="A2941">
        <v>0.98</v>
      </c>
      <c r="B2941">
        <v>0.65</v>
      </c>
      <c r="C2941">
        <v>0.28000000000000003</v>
      </c>
    </row>
    <row r="2942" spans="1:3" x14ac:dyDescent="0.25">
      <c r="A2942">
        <v>0.98</v>
      </c>
      <c r="B2942">
        <v>0.68</v>
      </c>
      <c r="C2942">
        <v>0.82</v>
      </c>
    </row>
    <row r="2943" spans="1:3" x14ac:dyDescent="0.25">
      <c r="A2943">
        <v>0.98</v>
      </c>
      <c r="B2943">
        <v>0.74</v>
      </c>
      <c r="C2943">
        <v>0.64</v>
      </c>
    </row>
    <row r="2944" spans="1:3" x14ac:dyDescent="0.25">
      <c r="A2944">
        <v>0.98</v>
      </c>
      <c r="B2944">
        <v>0.8</v>
      </c>
      <c r="C2944">
        <v>0.77</v>
      </c>
    </row>
    <row r="2945" spans="1:3" x14ac:dyDescent="0.25">
      <c r="A2945">
        <v>0.98</v>
      </c>
      <c r="B2945">
        <v>0.85</v>
      </c>
      <c r="C2945">
        <v>0.08</v>
      </c>
    </row>
    <row r="2946" spans="1:3" x14ac:dyDescent="0.25">
      <c r="A2946">
        <v>0.98</v>
      </c>
      <c r="B2946">
        <v>0.89</v>
      </c>
      <c r="C2946">
        <v>0.64</v>
      </c>
    </row>
    <row r="2947" spans="1:3" x14ac:dyDescent="0.25">
      <c r="A2947">
        <v>0.98</v>
      </c>
      <c r="B2947">
        <v>0.92</v>
      </c>
      <c r="C2947">
        <v>0.38</v>
      </c>
    </row>
    <row r="2948" spans="1:3" x14ac:dyDescent="0.25">
      <c r="A2948">
        <v>0.98</v>
      </c>
      <c r="B2948">
        <v>0.97</v>
      </c>
      <c r="C2948">
        <v>0.27</v>
      </c>
    </row>
    <row r="2949" spans="1:3" x14ac:dyDescent="0.25">
      <c r="A2949">
        <v>0.98</v>
      </c>
      <c r="B2949">
        <v>1.05</v>
      </c>
      <c r="C2949">
        <v>0.28000000000000003</v>
      </c>
    </row>
    <row r="2950" spans="1:3" x14ac:dyDescent="0.25">
      <c r="A2950">
        <v>0.98</v>
      </c>
      <c r="B2950">
        <v>1.08</v>
      </c>
      <c r="C2950">
        <v>0.26</v>
      </c>
    </row>
    <row r="2951" spans="1:3" x14ac:dyDescent="0.25">
      <c r="A2951">
        <v>0.98</v>
      </c>
      <c r="B2951">
        <v>1.1000000000000001</v>
      </c>
      <c r="C2951">
        <v>0.79</v>
      </c>
    </row>
    <row r="2952" spans="1:3" x14ac:dyDescent="0.25">
      <c r="A2952">
        <v>0.98</v>
      </c>
      <c r="B2952">
        <v>1.1100000000000001</v>
      </c>
      <c r="C2952">
        <v>0.55000000000000004</v>
      </c>
    </row>
    <row r="2953" spans="1:3" x14ac:dyDescent="0.25">
      <c r="A2953">
        <v>0.98</v>
      </c>
      <c r="B2953">
        <v>1.1399999999999999</v>
      </c>
      <c r="C2953">
        <v>0.41</v>
      </c>
    </row>
    <row r="2954" spans="1:3" x14ac:dyDescent="0.25">
      <c r="A2954">
        <v>0.98</v>
      </c>
      <c r="B2954">
        <v>1.17</v>
      </c>
      <c r="C2954">
        <v>0.14000000000000001</v>
      </c>
    </row>
    <row r="2955" spans="1:3" x14ac:dyDescent="0.25">
      <c r="A2955">
        <v>0.98</v>
      </c>
      <c r="B2955">
        <v>1.19</v>
      </c>
      <c r="C2955">
        <v>0.2</v>
      </c>
    </row>
    <row r="2956" spans="1:3" x14ac:dyDescent="0.25">
      <c r="A2956">
        <v>0.98</v>
      </c>
      <c r="B2956">
        <v>1.29</v>
      </c>
      <c r="C2956">
        <v>0.24</v>
      </c>
    </row>
    <row r="2957" spans="1:3" x14ac:dyDescent="0.25">
      <c r="A2957">
        <v>0.98</v>
      </c>
      <c r="B2957">
        <v>1.29</v>
      </c>
      <c r="C2957">
        <v>0.7</v>
      </c>
    </row>
    <row r="2958" spans="1:3" x14ac:dyDescent="0.25">
      <c r="A2958">
        <v>0.98</v>
      </c>
      <c r="B2958">
        <v>1.3</v>
      </c>
      <c r="C2958">
        <v>0.89</v>
      </c>
    </row>
    <row r="2959" spans="1:3" x14ac:dyDescent="0.25">
      <c r="A2959">
        <v>0.98</v>
      </c>
      <c r="B2959">
        <v>1.34</v>
      </c>
      <c r="C2959">
        <v>0.62</v>
      </c>
    </row>
    <row r="2960" spans="1:3" x14ac:dyDescent="0.25">
      <c r="A2960">
        <v>0.98</v>
      </c>
      <c r="B2960">
        <v>1.34</v>
      </c>
      <c r="C2960">
        <v>0.16</v>
      </c>
    </row>
    <row r="2961" spans="1:3" x14ac:dyDescent="0.25">
      <c r="A2961">
        <v>0.98</v>
      </c>
      <c r="B2961">
        <v>1.35</v>
      </c>
      <c r="C2961">
        <v>0.81</v>
      </c>
    </row>
    <row r="2962" spans="1:3" x14ac:dyDescent="0.25">
      <c r="A2962">
        <v>0.98</v>
      </c>
      <c r="B2962">
        <v>1.45</v>
      </c>
      <c r="C2962">
        <v>0.64</v>
      </c>
    </row>
    <row r="2963" spans="1:3" x14ac:dyDescent="0.25">
      <c r="A2963">
        <v>0.99</v>
      </c>
      <c r="B2963">
        <v>0.5</v>
      </c>
      <c r="C2963">
        <v>0.69</v>
      </c>
    </row>
    <row r="2964" spans="1:3" x14ac:dyDescent="0.25">
      <c r="A2964">
        <v>0.99</v>
      </c>
      <c r="B2964">
        <v>0.56999999999999995</v>
      </c>
      <c r="C2964">
        <v>0.15</v>
      </c>
    </row>
    <row r="2965" spans="1:3" x14ac:dyDescent="0.25">
      <c r="A2965">
        <v>0.99</v>
      </c>
      <c r="B2965">
        <v>0.59</v>
      </c>
      <c r="C2965">
        <v>0.25</v>
      </c>
    </row>
    <row r="2966" spans="1:3" x14ac:dyDescent="0.25">
      <c r="A2966">
        <v>0.99</v>
      </c>
      <c r="B2966">
        <v>0.65</v>
      </c>
      <c r="C2966">
        <v>0.54</v>
      </c>
    </row>
    <row r="2967" spans="1:3" x14ac:dyDescent="0.25">
      <c r="A2967">
        <v>0.99</v>
      </c>
      <c r="B2967">
        <v>0.67</v>
      </c>
      <c r="C2967">
        <v>0.11</v>
      </c>
    </row>
    <row r="2968" spans="1:3" x14ac:dyDescent="0.25">
      <c r="A2968">
        <v>0.99</v>
      </c>
      <c r="B2968">
        <v>0.69</v>
      </c>
      <c r="C2968">
        <v>0.21</v>
      </c>
    </row>
    <row r="2969" spans="1:3" x14ac:dyDescent="0.25">
      <c r="A2969">
        <v>0.99</v>
      </c>
      <c r="B2969">
        <v>0.71</v>
      </c>
      <c r="C2969">
        <v>0.14000000000000001</v>
      </c>
    </row>
    <row r="2970" spans="1:3" x14ac:dyDescent="0.25">
      <c r="A2970">
        <v>0.99</v>
      </c>
      <c r="B2970">
        <v>0.77</v>
      </c>
      <c r="C2970">
        <v>0.91</v>
      </c>
    </row>
    <row r="2971" spans="1:3" x14ac:dyDescent="0.25">
      <c r="A2971">
        <v>0.99</v>
      </c>
      <c r="B2971">
        <v>0.82</v>
      </c>
      <c r="C2971">
        <v>0.9</v>
      </c>
    </row>
    <row r="2972" spans="1:3" x14ac:dyDescent="0.25">
      <c r="A2972">
        <v>0.99</v>
      </c>
      <c r="B2972">
        <v>0.99</v>
      </c>
      <c r="C2972">
        <v>0.63</v>
      </c>
    </row>
    <row r="2973" spans="1:3" x14ac:dyDescent="0.25">
      <c r="A2973">
        <v>0.99</v>
      </c>
      <c r="B2973">
        <v>1.03</v>
      </c>
      <c r="C2973">
        <v>0.93</v>
      </c>
    </row>
    <row r="2974" spans="1:3" x14ac:dyDescent="0.25">
      <c r="A2974">
        <v>0.99</v>
      </c>
      <c r="B2974">
        <v>1.07</v>
      </c>
      <c r="C2974">
        <v>0.09</v>
      </c>
    </row>
    <row r="2975" spans="1:3" x14ac:dyDescent="0.25">
      <c r="A2975">
        <v>0.99</v>
      </c>
      <c r="B2975">
        <v>1.18</v>
      </c>
      <c r="C2975">
        <v>0.68</v>
      </c>
    </row>
    <row r="2976" spans="1:3" x14ac:dyDescent="0.25">
      <c r="A2976">
        <v>0.99</v>
      </c>
      <c r="B2976">
        <v>1.18</v>
      </c>
      <c r="C2976">
        <v>0.93</v>
      </c>
    </row>
    <row r="2977" spans="1:3" x14ac:dyDescent="0.25">
      <c r="A2977">
        <v>0.99</v>
      </c>
      <c r="B2977">
        <v>1.18</v>
      </c>
      <c r="C2977">
        <v>0.67</v>
      </c>
    </row>
    <row r="2978" spans="1:3" x14ac:dyDescent="0.25">
      <c r="A2978">
        <v>0.99</v>
      </c>
      <c r="B2978">
        <v>1.19</v>
      </c>
      <c r="C2978">
        <v>0.31</v>
      </c>
    </row>
    <row r="2979" spans="1:3" x14ac:dyDescent="0.25">
      <c r="A2979">
        <v>0.99</v>
      </c>
      <c r="B2979">
        <v>1.23</v>
      </c>
      <c r="C2979">
        <v>0.46</v>
      </c>
    </row>
    <row r="2980" spans="1:3" x14ac:dyDescent="0.25">
      <c r="A2980">
        <v>0.99</v>
      </c>
      <c r="B2980">
        <v>1.24</v>
      </c>
      <c r="C2980">
        <v>0.56999999999999995</v>
      </c>
    </row>
    <row r="2981" spans="1:3" x14ac:dyDescent="0.25">
      <c r="A2981">
        <v>0.99</v>
      </c>
      <c r="B2981">
        <v>1.33</v>
      </c>
      <c r="C2981">
        <v>0.12</v>
      </c>
    </row>
    <row r="2982" spans="1:3" x14ac:dyDescent="0.25">
      <c r="A2982">
        <v>0.99</v>
      </c>
      <c r="B2982">
        <v>1.33</v>
      </c>
      <c r="C2982">
        <v>0.19</v>
      </c>
    </row>
    <row r="2983" spans="1:3" x14ac:dyDescent="0.25">
      <c r="A2983">
        <v>0.99</v>
      </c>
      <c r="B2983">
        <v>1.34</v>
      </c>
      <c r="C2983">
        <v>0.33</v>
      </c>
    </row>
    <row r="2984" spans="1:3" x14ac:dyDescent="0.25">
      <c r="A2984">
        <v>0.99</v>
      </c>
      <c r="B2984">
        <v>1.39</v>
      </c>
      <c r="C2984">
        <v>0.45</v>
      </c>
    </row>
    <row r="2985" spans="1:3" x14ac:dyDescent="0.25">
      <c r="A2985">
        <v>0.99</v>
      </c>
      <c r="B2985">
        <v>1.45</v>
      </c>
      <c r="C2985">
        <v>0.33</v>
      </c>
    </row>
    <row r="2986" spans="1:3" x14ac:dyDescent="0.25">
      <c r="A2986">
        <v>0.99</v>
      </c>
      <c r="B2986">
        <v>1.47</v>
      </c>
      <c r="C2986">
        <v>0.68</v>
      </c>
    </row>
    <row r="2987" spans="1:3" x14ac:dyDescent="0.25">
      <c r="A2987">
        <v>0.99</v>
      </c>
      <c r="B2987">
        <v>1.48</v>
      </c>
      <c r="C2987">
        <v>0.92</v>
      </c>
    </row>
    <row r="2988" spans="1:3" x14ac:dyDescent="0.25">
      <c r="A2988">
        <v>1</v>
      </c>
      <c r="B2988">
        <v>0.5</v>
      </c>
      <c r="C2988">
        <v>0.31</v>
      </c>
    </row>
    <row r="2989" spans="1:3" x14ac:dyDescent="0.25">
      <c r="A2989">
        <v>1</v>
      </c>
      <c r="B2989">
        <v>0.51</v>
      </c>
      <c r="C2989">
        <v>0.74</v>
      </c>
    </row>
    <row r="2990" spans="1:3" x14ac:dyDescent="0.25">
      <c r="A2990">
        <v>1</v>
      </c>
      <c r="B2990">
        <v>0.53</v>
      </c>
      <c r="C2990">
        <v>0.33</v>
      </c>
    </row>
    <row r="2991" spans="1:3" x14ac:dyDescent="0.25">
      <c r="A2991">
        <v>1</v>
      </c>
      <c r="B2991">
        <v>0.67</v>
      </c>
      <c r="C2991">
        <v>0.61</v>
      </c>
    </row>
    <row r="2992" spans="1:3" x14ac:dyDescent="0.25">
      <c r="A2992">
        <v>1</v>
      </c>
      <c r="B2992">
        <v>0.72</v>
      </c>
      <c r="C2992">
        <v>0.34</v>
      </c>
    </row>
    <row r="2993" spans="1:3" x14ac:dyDescent="0.25">
      <c r="A2993">
        <v>1</v>
      </c>
      <c r="B2993">
        <v>0.76</v>
      </c>
      <c r="C2993">
        <v>0.59</v>
      </c>
    </row>
    <row r="2994" spans="1:3" x14ac:dyDescent="0.25">
      <c r="A2994">
        <v>1</v>
      </c>
      <c r="B2994">
        <v>0.88</v>
      </c>
      <c r="C2994">
        <v>0.54</v>
      </c>
    </row>
    <row r="2995" spans="1:3" x14ac:dyDescent="0.25">
      <c r="A2995">
        <v>1</v>
      </c>
      <c r="B2995">
        <v>1.1000000000000001</v>
      </c>
      <c r="C2995">
        <v>0.71</v>
      </c>
    </row>
    <row r="2996" spans="1:3" x14ac:dyDescent="0.25">
      <c r="A2996">
        <v>1</v>
      </c>
      <c r="B2996">
        <v>1.2</v>
      </c>
      <c r="C2996">
        <v>0.61</v>
      </c>
    </row>
    <row r="2997" spans="1:3" x14ac:dyDescent="0.25">
      <c r="A2997">
        <v>1</v>
      </c>
      <c r="B2997">
        <v>1.25</v>
      </c>
      <c r="C2997">
        <v>0.55000000000000004</v>
      </c>
    </row>
    <row r="2998" spans="1:3" x14ac:dyDescent="0.25">
      <c r="A2998">
        <v>1</v>
      </c>
      <c r="B2998">
        <v>1.25</v>
      </c>
      <c r="C2998">
        <v>0.4</v>
      </c>
    </row>
    <row r="2999" spans="1:3" x14ac:dyDescent="0.25">
      <c r="A2999">
        <v>1</v>
      </c>
      <c r="B2999">
        <v>1.27</v>
      </c>
      <c r="C2999">
        <v>0.63</v>
      </c>
    </row>
    <row r="3000" spans="1:3" x14ac:dyDescent="0.25">
      <c r="A3000">
        <v>1</v>
      </c>
      <c r="B3000">
        <v>1.3</v>
      </c>
      <c r="C3000">
        <v>0.61</v>
      </c>
    </row>
    <row r="3001" spans="1:3" x14ac:dyDescent="0.25">
      <c r="A3001">
        <v>1</v>
      </c>
      <c r="B3001">
        <v>1.45</v>
      </c>
      <c r="C3001">
        <v>0.54</v>
      </c>
    </row>
  </sheetData>
  <sortState xmlns:xlrd2="http://schemas.microsoft.com/office/spreadsheetml/2017/richdata2" ref="A2:C3001">
    <sortCondition ref="A2:A3001"/>
    <sortCondition ref="B2:B3001"/>
  </sortState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9C7EF7-D67D-44AC-A8DB-3B3E75C16353}">
  <dimension ref="A1:G1532"/>
  <sheetViews>
    <sheetView workbookViewId="0">
      <selection activeCell="I34" sqref="I34"/>
    </sheetView>
  </sheetViews>
  <sheetFormatPr defaultRowHeight="15" x14ac:dyDescent="0.25"/>
  <sheetData>
    <row r="1" spans="1:7" x14ac:dyDescent="0.25">
      <c r="A1" t="s">
        <v>4</v>
      </c>
      <c r="B1" t="s">
        <v>2</v>
      </c>
      <c r="C1" t="s">
        <v>6</v>
      </c>
    </row>
    <row r="2" spans="1:7" x14ac:dyDescent="0.25">
      <c r="A2">
        <v>1</v>
      </c>
      <c r="B2">
        <v>0</v>
      </c>
      <c r="C2">
        <v>0.59</v>
      </c>
      <c r="F2">
        <v>0</v>
      </c>
      <c r="G2">
        <f>AVERAGEIF($B$2:$B$1532,F2,$C$2:$C$1532)</f>
        <v>0.50692307692307692</v>
      </c>
    </row>
    <row r="3" spans="1:7" x14ac:dyDescent="0.25">
      <c r="A3">
        <v>0.97</v>
      </c>
      <c r="B3">
        <v>0</v>
      </c>
      <c r="C3">
        <v>0.48</v>
      </c>
      <c r="F3">
        <v>1</v>
      </c>
      <c r="G3">
        <f t="shared" ref="G3:G31" si="0">AVERAGEIF($B$2:$B$1532,F3,$C$2:$C$1532)</f>
        <v>0.50909090909090904</v>
      </c>
    </row>
    <row r="4" spans="1:7" x14ac:dyDescent="0.25">
      <c r="A4">
        <v>0.96</v>
      </c>
      <c r="B4">
        <v>0</v>
      </c>
      <c r="C4">
        <v>0.13</v>
      </c>
      <c r="F4">
        <v>2</v>
      </c>
      <c r="G4">
        <f t="shared" si="0"/>
        <v>0.49702702702702695</v>
      </c>
    </row>
    <row r="5" spans="1:7" x14ac:dyDescent="0.25">
      <c r="A5">
        <v>0.96</v>
      </c>
      <c r="B5">
        <v>0</v>
      </c>
      <c r="C5">
        <v>0.8</v>
      </c>
      <c r="F5">
        <v>3</v>
      </c>
      <c r="G5">
        <f t="shared" si="0"/>
        <v>0.51533333333333331</v>
      </c>
    </row>
    <row r="6" spans="1:7" x14ac:dyDescent="0.25">
      <c r="A6">
        <v>0.94</v>
      </c>
      <c r="B6">
        <v>0</v>
      </c>
      <c r="C6">
        <v>0.52</v>
      </c>
      <c r="F6">
        <v>4</v>
      </c>
      <c r="G6">
        <f t="shared" si="0"/>
        <v>0.53148936170212779</v>
      </c>
    </row>
    <row r="7" spans="1:7" x14ac:dyDescent="0.25">
      <c r="A7">
        <v>0.94</v>
      </c>
      <c r="B7">
        <v>0</v>
      </c>
      <c r="C7">
        <v>0.93</v>
      </c>
      <c r="F7">
        <v>5</v>
      </c>
      <c r="G7">
        <f t="shared" si="0"/>
        <v>0.56249999999999989</v>
      </c>
    </row>
    <row r="8" spans="1:7" x14ac:dyDescent="0.25">
      <c r="A8">
        <v>0.94</v>
      </c>
      <c r="B8">
        <v>0</v>
      </c>
      <c r="C8">
        <v>0.72</v>
      </c>
      <c r="F8">
        <v>6</v>
      </c>
      <c r="G8">
        <f t="shared" si="0"/>
        <v>0.62410256410256415</v>
      </c>
    </row>
    <row r="9" spans="1:7" x14ac:dyDescent="0.25">
      <c r="A9">
        <v>0.92</v>
      </c>
      <c r="B9">
        <v>0</v>
      </c>
      <c r="C9">
        <v>0.17</v>
      </c>
      <c r="F9">
        <v>7</v>
      </c>
      <c r="G9">
        <f t="shared" si="0"/>
        <v>0.51695652173913054</v>
      </c>
    </row>
    <row r="10" spans="1:7" x14ac:dyDescent="0.25">
      <c r="A10">
        <v>0.91</v>
      </c>
      <c r="B10">
        <v>0</v>
      </c>
      <c r="C10">
        <v>0.26</v>
      </c>
      <c r="F10">
        <v>8</v>
      </c>
      <c r="G10">
        <f t="shared" si="0"/>
        <v>0.5189583333333333</v>
      </c>
    </row>
    <row r="11" spans="1:7" x14ac:dyDescent="0.25">
      <c r="A11">
        <v>0.91</v>
      </c>
      <c r="B11">
        <v>0</v>
      </c>
      <c r="C11">
        <v>0.94</v>
      </c>
      <c r="F11">
        <v>9</v>
      </c>
      <c r="G11">
        <f t="shared" si="0"/>
        <v>0.50893617021276594</v>
      </c>
    </row>
    <row r="12" spans="1:7" x14ac:dyDescent="0.25">
      <c r="A12">
        <v>0.9</v>
      </c>
      <c r="B12">
        <v>0</v>
      </c>
      <c r="C12">
        <v>0.32</v>
      </c>
      <c r="F12">
        <v>10</v>
      </c>
      <c r="G12">
        <f t="shared" si="0"/>
        <v>0.53264150943396238</v>
      </c>
    </row>
    <row r="13" spans="1:7" x14ac:dyDescent="0.25">
      <c r="A13">
        <v>0.89</v>
      </c>
      <c r="B13">
        <v>0</v>
      </c>
      <c r="C13">
        <v>0.4</v>
      </c>
      <c r="F13">
        <v>11</v>
      </c>
      <c r="G13">
        <f t="shared" si="0"/>
        <v>0.48642857142857149</v>
      </c>
    </row>
    <row r="14" spans="1:7" x14ac:dyDescent="0.25">
      <c r="A14">
        <v>0.89</v>
      </c>
      <c r="B14">
        <v>0</v>
      </c>
      <c r="C14">
        <v>0.6</v>
      </c>
      <c r="F14">
        <v>12</v>
      </c>
      <c r="G14">
        <f t="shared" si="0"/>
        <v>0.54666666666666697</v>
      </c>
    </row>
    <row r="15" spans="1:7" x14ac:dyDescent="0.25">
      <c r="A15">
        <v>0.87</v>
      </c>
      <c r="B15">
        <v>0</v>
      </c>
      <c r="C15">
        <v>0.42</v>
      </c>
      <c r="F15">
        <v>13</v>
      </c>
      <c r="G15">
        <f t="shared" si="0"/>
        <v>0.46916666666666673</v>
      </c>
    </row>
    <row r="16" spans="1:7" x14ac:dyDescent="0.25">
      <c r="A16">
        <v>0.86</v>
      </c>
      <c r="B16">
        <v>0</v>
      </c>
      <c r="C16">
        <v>0.44</v>
      </c>
      <c r="F16">
        <v>14</v>
      </c>
      <c r="G16">
        <f t="shared" si="0"/>
        <v>0.44692307692307681</v>
      </c>
    </row>
    <row r="17" spans="1:7" x14ac:dyDescent="0.25">
      <c r="A17">
        <v>0.85</v>
      </c>
      <c r="B17">
        <v>0</v>
      </c>
      <c r="C17">
        <v>0.44</v>
      </c>
      <c r="F17">
        <v>15</v>
      </c>
      <c r="G17">
        <f t="shared" si="0"/>
        <v>0.46823529411764703</v>
      </c>
    </row>
    <row r="18" spans="1:7" x14ac:dyDescent="0.25">
      <c r="A18">
        <v>0.84</v>
      </c>
      <c r="B18">
        <v>0</v>
      </c>
      <c r="C18">
        <v>0.26</v>
      </c>
      <c r="F18">
        <v>16</v>
      </c>
      <c r="G18">
        <f t="shared" si="0"/>
        <v>0.55934426229508183</v>
      </c>
    </row>
    <row r="19" spans="1:7" x14ac:dyDescent="0.25">
      <c r="A19">
        <v>0.81</v>
      </c>
      <c r="B19">
        <v>0</v>
      </c>
      <c r="C19">
        <v>0.89</v>
      </c>
      <c r="F19">
        <v>17</v>
      </c>
      <c r="G19">
        <f t="shared" si="0"/>
        <v>0.49261904761904757</v>
      </c>
    </row>
    <row r="20" spans="1:7" x14ac:dyDescent="0.25">
      <c r="A20">
        <v>0.81</v>
      </c>
      <c r="B20">
        <v>0</v>
      </c>
      <c r="C20">
        <v>0.82</v>
      </c>
      <c r="F20">
        <v>18</v>
      </c>
      <c r="G20">
        <f t="shared" si="0"/>
        <v>0.47424242424242424</v>
      </c>
    </row>
    <row r="21" spans="1:7" x14ac:dyDescent="0.25">
      <c r="A21">
        <v>0.78</v>
      </c>
      <c r="B21">
        <v>0</v>
      </c>
      <c r="C21">
        <v>0.9</v>
      </c>
      <c r="F21">
        <v>19</v>
      </c>
      <c r="G21">
        <f t="shared" si="0"/>
        <v>0.47892857142857137</v>
      </c>
    </row>
    <row r="22" spans="1:7" x14ac:dyDescent="0.25">
      <c r="A22">
        <v>0.78</v>
      </c>
      <c r="B22">
        <v>0</v>
      </c>
      <c r="C22">
        <v>0.61</v>
      </c>
      <c r="F22">
        <v>20</v>
      </c>
      <c r="G22">
        <f t="shared" si="0"/>
        <v>0.48954545454545445</v>
      </c>
    </row>
    <row r="23" spans="1:7" x14ac:dyDescent="0.25">
      <c r="A23">
        <v>0.78</v>
      </c>
      <c r="B23">
        <v>0</v>
      </c>
      <c r="C23">
        <v>0.7</v>
      </c>
      <c r="F23">
        <v>21</v>
      </c>
      <c r="G23">
        <f t="shared" si="0"/>
        <v>0.39644067796610172</v>
      </c>
    </row>
    <row r="24" spans="1:7" x14ac:dyDescent="0.25">
      <c r="A24">
        <v>0.77</v>
      </c>
      <c r="B24">
        <v>0</v>
      </c>
      <c r="C24">
        <v>0.1</v>
      </c>
      <c r="F24">
        <v>22</v>
      </c>
      <c r="G24">
        <f t="shared" si="0"/>
        <v>0.47061224489795916</v>
      </c>
    </row>
    <row r="25" spans="1:7" x14ac:dyDescent="0.25">
      <c r="A25">
        <v>0.77</v>
      </c>
      <c r="B25">
        <v>0</v>
      </c>
      <c r="C25">
        <v>0.62</v>
      </c>
      <c r="F25">
        <v>23</v>
      </c>
      <c r="G25">
        <f t="shared" si="0"/>
        <v>0.50921568627450986</v>
      </c>
    </row>
    <row r="26" spans="1:7" x14ac:dyDescent="0.25">
      <c r="A26">
        <v>0.76</v>
      </c>
      <c r="B26">
        <v>0</v>
      </c>
      <c r="C26">
        <v>0.76</v>
      </c>
      <c r="F26">
        <v>24</v>
      </c>
      <c r="G26">
        <f t="shared" si="0"/>
        <v>0.48276595744680856</v>
      </c>
    </row>
    <row r="27" spans="1:7" x14ac:dyDescent="0.25">
      <c r="A27">
        <v>0.76</v>
      </c>
      <c r="B27">
        <v>0</v>
      </c>
      <c r="C27">
        <v>0.25</v>
      </c>
      <c r="F27">
        <v>25</v>
      </c>
      <c r="G27">
        <f t="shared" si="0"/>
        <v>0.50020408163265306</v>
      </c>
    </row>
    <row r="28" spans="1:7" x14ac:dyDescent="0.25">
      <c r="A28">
        <v>0.74</v>
      </c>
      <c r="B28">
        <v>0</v>
      </c>
      <c r="C28">
        <v>0.45</v>
      </c>
      <c r="F28">
        <v>26</v>
      </c>
      <c r="G28">
        <f t="shared" si="0"/>
        <v>0.54884615384615387</v>
      </c>
    </row>
    <row r="29" spans="1:7" x14ac:dyDescent="0.25">
      <c r="A29">
        <v>0.73</v>
      </c>
      <c r="B29">
        <v>0</v>
      </c>
      <c r="C29">
        <v>0.89</v>
      </c>
      <c r="F29">
        <v>27</v>
      </c>
      <c r="G29">
        <f t="shared" si="0"/>
        <v>0.49237288135593221</v>
      </c>
    </row>
    <row r="30" spans="1:7" x14ac:dyDescent="0.25">
      <c r="A30">
        <v>0.73</v>
      </c>
      <c r="B30">
        <v>0</v>
      </c>
      <c r="C30">
        <v>0.24</v>
      </c>
      <c r="F30">
        <v>28</v>
      </c>
      <c r="G30">
        <f t="shared" si="0"/>
        <v>0.49839999999999973</v>
      </c>
    </row>
    <row r="31" spans="1:7" x14ac:dyDescent="0.25">
      <c r="A31">
        <v>0.71</v>
      </c>
      <c r="B31">
        <v>0</v>
      </c>
      <c r="C31">
        <v>0.74</v>
      </c>
      <c r="F31">
        <v>29</v>
      </c>
      <c r="G31">
        <f t="shared" si="0"/>
        <v>0.51800000000000002</v>
      </c>
    </row>
    <row r="32" spans="1:7" x14ac:dyDescent="0.25">
      <c r="A32">
        <v>0.7</v>
      </c>
      <c r="B32">
        <v>0</v>
      </c>
      <c r="C32">
        <v>0.52</v>
      </c>
    </row>
    <row r="33" spans="1:3" x14ac:dyDescent="0.25">
      <c r="A33">
        <v>0.69</v>
      </c>
      <c r="B33">
        <v>0</v>
      </c>
      <c r="C33">
        <v>0.73</v>
      </c>
    </row>
    <row r="34" spans="1:3" x14ac:dyDescent="0.25">
      <c r="A34">
        <v>0.69</v>
      </c>
      <c r="B34">
        <v>0</v>
      </c>
      <c r="C34">
        <v>0.67</v>
      </c>
    </row>
    <row r="35" spans="1:3" x14ac:dyDescent="0.25">
      <c r="A35">
        <v>0.69</v>
      </c>
      <c r="B35">
        <v>0</v>
      </c>
      <c r="C35">
        <v>0.17</v>
      </c>
    </row>
    <row r="36" spans="1:3" x14ac:dyDescent="0.25">
      <c r="A36">
        <v>0.68</v>
      </c>
      <c r="B36">
        <v>0</v>
      </c>
      <c r="C36">
        <v>0.27</v>
      </c>
    </row>
    <row r="37" spans="1:3" x14ac:dyDescent="0.25">
      <c r="A37">
        <v>0.66</v>
      </c>
      <c r="B37">
        <v>0</v>
      </c>
      <c r="C37">
        <v>0.22</v>
      </c>
    </row>
    <row r="38" spans="1:3" x14ac:dyDescent="0.25">
      <c r="A38">
        <v>0.65</v>
      </c>
      <c r="B38">
        <v>0</v>
      </c>
      <c r="C38">
        <v>0.39</v>
      </c>
    </row>
    <row r="39" spans="1:3" x14ac:dyDescent="0.25">
      <c r="A39">
        <v>0.62</v>
      </c>
      <c r="B39">
        <v>0</v>
      </c>
      <c r="C39">
        <v>0.59</v>
      </c>
    </row>
    <row r="40" spans="1:3" x14ac:dyDescent="0.25">
      <c r="A40">
        <v>0.61</v>
      </c>
      <c r="B40">
        <v>0</v>
      </c>
      <c r="C40">
        <v>0.48</v>
      </c>
    </row>
    <row r="41" spans="1:3" x14ac:dyDescent="0.25">
      <c r="A41">
        <v>0.6</v>
      </c>
      <c r="B41">
        <v>0</v>
      </c>
      <c r="C41">
        <v>0.8</v>
      </c>
    </row>
    <row r="42" spans="1:3" x14ac:dyDescent="0.25">
      <c r="A42">
        <v>0.56999999999999995</v>
      </c>
      <c r="B42">
        <v>0</v>
      </c>
      <c r="C42">
        <v>0.8</v>
      </c>
    </row>
    <row r="43" spans="1:3" x14ac:dyDescent="0.25">
      <c r="A43">
        <v>0.56000000000000005</v>
      </c>
      <c r="B43">
        <v>0</v>
      </c>
      <c r="C43">
        <v>0.13</v>
      </c>
    </row>
    <row r="44" spans="1:3" x14ac:dyDescent="0.25">
      <c r="A44">
        <v>0.56000000000000005</v>
      </c>
      <c r="B44">
        <v>0</v>
      </c>
      <c r="C44">
        <v>0.85</v>
      </c>
    </row>
    <row r="45" spans="1:3" x14ac:dyDescent="0.25">
      <c r="A45">
        <v>0.56000000000000005</v>
      </c>
      <c r="B45">
        <v>0</v>
      </c>
      <c r="C45">
        <v>0.36</v>
      </c>
    </row>
    <row r="46" spans="1:3" x14ac:dyDescent="0.25">
      <c r="A46">
        <v>0.53</v>
      </c>
      <c r="B46">
        <v>0</v>
      </c>
      <c r="C46">
        <v>0.17</v>
      </c>
    </row>
    <row r="47" spans="1:3" x14ac:dyDescent="0.25">
      <c r="A47">
        <v>0.52</v>
      </c>
      <c r="B47">
        <v>0</v>
      </c>
      <c r="C47">
        <v>0.27</v>
      </c>
    </row>
    <row r="48" spans="1:3" x14ac:dyDescent="0.25">
      <c r="A48">
        <v>0.52</v>
      </c>
      <c r="B48">
        <v>0</v>
      </c>
      <c r="C48">
        <v>0.32</v>
      </c>
    </row>
    <row r="49" spans="1:3" x14ac:dyDescent="0.25">
      <c r="A49">
        <v>0.52</v>
      </c>
      <c r="B49">
        <v>0</v>
      </c>
      <c r="C49">
        <v>0.72</v>
      </c>
    </row>
    <row r="50" spans="1:3" x14ac:dyDescent="0.25">
      <c r="A50">
        <v>0.51</v>
      </c>
      <c r="B50">
        <v>0</v>
      </c>
      <c r="C50">
        <v>0.4</v>
      </c>
    </row>
    <row r="51" spans="1:3" x14ac:dyDescent="0.25">
      <c r="A51">
        <v>0.51</v>
      </c>
      <c r="B51">
        <v>0</v>
      </c>
      <c r="C51">
        <v>0.24</v>
      </c>
    </row>
    <row r="52" spans="1:3" x14ac:dyDescent="0.25">
      <c r="A52">
        <v>0.5</v>
      </c>
      <c r="B52">
        <v>0</v>
      </c>
      <c r="C52">
        <v>0.43</v>
      </c>
    </row>
    <row r="53" spans="1:3" x14ac:dyDescent="0.25">
      <c r="A53">
        <v>0.5</v>
      </c>
      <c r="B53">
        <v>0</v>
      </c>
      <c r="C53">
        <v>0.44</v>
      </c>
    </row>
    <row r="54" spans="1:3" x14ac:dyDescent="0.25">
      <c r="A54">
        <v>1</v>
      </c>
      <c r="B54">
        <v>1</v>
      </c>
      <c r="C54">
        <v>0.61</v>
      </c>
    </row>
    <row r="55" spans="1:3" x14ac:dyDescent="0.25">
      <c r="A55">
        <v>0.99</v>
      </c>
      <c r="B55">
        <v>1</v>
      </c>
      <c r="C55">
        <v>0.33</v>
      </c>
    </row>
    <row r="56" spans="1:3" x14ac:dyDescent="0.25">
      <c r="A56">
        <v>0.99</v>
      </c>
      <c r="B56">
        <v>1</v>
      </c>
      <c r="C56">
        <v>0.91</v>
      </c>
    </row>
    <row r="57" spans="1:3" x14ac:dyDescent="0.25">
      <c r="A57">
        <v>0.98</v>
      </c>
      <c r="B57">
        <v>1</v>
      </c>
      <c r="C57">
        <v>0.08</v>
      </c>
    </row>
    <row r="58" spans="1:3" x14ac:dyDescent="0.25">
      <c r="A58">
        <v>0.93</v>
      </c>
      <c r="B58">
        <v>1</v>
      </c>
      <c r="C58">
        <v>0.86</v>
      </c>
    </row>
    <row r="59" spans="1:3" x14ac:dyDescent="0.25">
      <c r="A59">
        <v>0.93</v>
      </c>
      <c r="B59">
        <v>1</v>
      </c>
      <c r="C59">
        <v>0.48</v>
      </c>
    </row>
    <row r="60" spans="1:3" x14ac:dyDescent="0.25">
      <c r="A60">
        <v>0.92</v>
      </c>
      <c r="B60">
        <v>1</v>
      </c>
      <c r="C60">
        <v>0.22</v>
      </c>
    </row>
    <row r="61" spans="1:3" x14ac:dyDescent="0.25">
      <c r="A61">
        <v>0.9</v>
      </c>
      <c r="B61">
        <v>1</v>
      </c>
      <c r="C61">
        <v>0.73</v>
      </c>
    </row>
    <row r="62" spans="1:3" x14ac:dyDescent="0.25">
      <c r="A62">
        <v>0.89</v>
      </c>
      <c r="B62">
        <v>1</v>
      </c>
      <c r="C62">
        <v>0.22</v>
      </c>
    </row>
    <row r="63" spans="1:3" x14ac:dyDescent="0.25">
      <c r="A63">
        <v>0.88</v>
      </c>
      <c r="B63">
        <v>1</v>
      </c>
      <c r="C63">
        <v>0.11</v>
      </c>
    </row>
    <row r="64" spans="1:3" x14ac:dyDescent="0.25">
      <c r="A64">
        <v>0.88</v>
      </c>
      <c r="B64">
        <v>1</v>
      </c>
      <c r="C64">
        <v>0.45</v>
      </c>
    </row>
    <row r="65" spans="1:3" x14ac:dyDescent="0.25">
      <c r="A65">
        <v>0.87</v>
      </c>
      <c r="B65">
        <v>1</v>
      </c>
      <c r="C65">
        <v>0.87</v>
      </c>
    </row>
    <row r="66" spans="1:3" x14ac:dyDescent="0.25">
      <c r="A66">
        <v>0.87</v>
      </c>
      <c r="B66">
        <v>1</v>
      </c>
      <c r="C66">
        <v>0.17</v>
      </c>
    </row>
    <row r="67" spans="1:3" x14ac:dyDescent="0.25">
      <c r="A67">
        <v>0.85</v>
      </c>
      <c r="B67">
        <v>1</v>
      </c>
      <c r="C67">
        <v>0.49</v>
      </c>
    </row>
    <row r="68" spans="1:3" x14ac:dyDescent="0.25">
      <c r="A68">
        <v>0.83</v>
      </c>
      <c r="B68">
        <v>1</v>
      </c>
      <c r="C68">
        <v>0.51</v>
      </c>
    </row>
    <row r="69" spans="1:3" x14ac:dyDescent="0.25">
      <c r="A69">
        <v>0.83</v>
      </c>
      <c r="B69">
        <v>1</v>
      </c>
      <c r="C69">
        <v>0.63</v>
      </c>
    </row>
    <row r="70" spans="1:3" x14ac:dyDescent="0.25">
      <c r="A70">
        <v>0.81</v>
      </c>
      <c r="B70">
        <v>1</v>
      </c>
      <c r="C70">
        <v>0.46</v>
      </c>
    </row>
    <row r="71" spans="1:3" x14ac:dyDescent="0.25">
      <c r="A71">
        <v>0.79</v>
      </c>
      <c r="B71">
        <v>1</v>
      </c>
      <c r="C71">
        <v>0.95</v>
      </c>
    </row>
    <row r="72" spans="1:3" x14ac:dyDescent="0.25">
      <c r="A72">
        <v>0.77</v>
      </c>
      <c r="B72">
        <v>1</v>
      </c>
      <c r="C72">
        <v>0.43</v>
      </c>
    </row>
    <row r="73" spans="1:3" x14ac:dyDescent="0.25">
      <c r="A73">
        <v>0.76</v>
      </c>
      <c r="B73">
        <v>1</v>
      </c>
      <c r="C73">
        <v>0.56999999999999995</v>
      </c>
    </row>
    <row r="74" spans="1:3" x14ac:dyDescent="0.25">
      <c r="A74">
        <v>0.74</v>
      </c>
      <c r="B74">
        <v>1</v>
      </c>
      <c r="C74">
        <v>0.34</v>
      </c>
    </row>
    <row r="75" spans="1:3" x14ac:dyDescent="0.25">
      <c r="A75">
        <v>0.73</v>
      </c>
      <c r="B75">
        <v>1</v>
      </c>
      <c r="C75">
        <v>0.62</v>
      </c>
    </row>
    <row r="76" spans="1:3" x14ac:dyDescent="0.25">
      <c r="A76">
        <v>0.7</v>
      </c>
      <c r="B76">
        <v>1</v>
      </c>
      <c r="C76">
        <v>0.41</v>
      </c>
    </row>
    <row r="77" spans="1:3" x14ac:dyDescent="0.25">
      <c r="A77">
        <v>0.69</v>
      </c>
      <c r="B77">
        <v>1</v>
      </c>
      <c r="C77">
        <v>0.26</v>
      </c>
    </row>
    <row r="78" spans="1:3" x14ac:dyDescent="0.25">
      <c r="A78">
        <v>0.68</v>
      </c>
      <c r="B78">
        <v>1</v>
      </c>
      <c r="C78">
        <v>0.12</v>
      </c>
    </row>
    <row r="79" spans="1:3" x14ac:dyDescent="0.25">
      <c r="A79">
        <v>0.65</v>
      </c>
      <c r="B79">
        <v>1</v>
      </c>
      <c r="C79">
        <v>0.32</v>
      </c>
    </row>
    <row r="80" spans="1:3" x14ac:dyDescent="0.25">
      <c r="A80">
        <v>0.65</v>
      </c>
      <c r="B80">
        <v>1</v>
      </c>
      <c r="C80">
        <v>0.72</v>
      </c>
    </row>
    <row r="81" spans="1:3" x14ac:dyDescent="0.25">
      <c r="A81">
        <v>0.65</v>
      </c>
      <c r="B81">
        <v>1</v>
      </c>
      <c r="C81">
        <v>0.57999999999999996</v>
      </c>
    </row>
    <row r="82" spans="1:3" x14ac:dyDescent="0.25">
      <c r="A82">
        <v>0.64</v>
      </c>
      <c r="B82">
        <v>1</v>
      </c>
      <c r="C82">
        <v>0.8</v>
      </c>
    </row>
    <row r="83" spans="1:3" x14ac:dyDescent="0.25">
      <c r="A83">
        <v>0.64</v>
      </c>
      <c r="B83">
        <v>1</v>
      </c>
      <c r="C83">
        <v>0.93</v>
      </c>
    </row>
    <row r="84" spans="1:3" x14ac:dyDescent="0.25">
      <c r="A84">
        <v>0.63</v>
      </c>
      <c r="B84">
        <v>1</v>
      </c>
      <c r="C84">
        <v>0.81</v>
      </c>
    </row>
    <row r="85" spans="1:3" x14ac:dyDescent="0.25">
      <c r="A85">
        <v>0.62</v>
      </c>
      <c r="B85">
        <v>1</v>
      </c>
      <c r="C85">
        <v>0.78</v>
      </c>
    </row>
    <row r="86" spans="1:3" x14ac:dyDescent="0.25">
      <c r="A86">
        <v>0.61</v>
      </c>
      <c r="B86">
        <v>1</v>
      </c>
      <c r="C86">
        <v>0.11</v>
      </c>
    </row>
    <row r="87" spans="1:3" x14ac:dyDescent="0.25">
      <c r="A87">
        <v>0.61</v>
      </c>
      <c r="B87">
        <v>1</v>
      </c>
      <c r="C87">
        <v>0.75</v>
      </c>
    </row>
    <row r="88" spans="1:3" x14ac:dyDescent="0.25">
      <c r="A88">
        <v>0.61</v>
      </c>
      <c r="B88">
        <v>1</v>
      </c>
      <c r="C88">
        <v>0.85</v>
      </c>
    </row>
    <row r="89" spans="1:3" x14ac:dyDescent="0.25">
      <c r="A89">
        <v>0.61</v>
      </c>
      <c r="B89">
        <v>1</v>
      </c>
      <c r="C89">
        <v>0.5</v>
      </c>
    </row>
    <row r="90" spans="1:3" x14ac:dyDescent="0.25">
      <c r="A90">
        <v>0.6</v>
      </c>
      <c r="B90">
        <v>1</v>
      </c>
      <c r="C90">
        <v>0.16</v>
      </c>
    </row>
    <row r="91" spans="1:3" x14ac:dyDescent="0.25">
      <c r="A91">
        <v>0.57999999999999996</v>
      </c>
      <c r="B91">
        <v>1</v>
      </c>
      <c r="C91">
        <v>0.89</v>
      </c>
    </row>
    <row r="92" spans="1:3" x14ac:dyDescent="0.25">
      <c r="A92">
        <v>0.57999999999999996</v>
      </c>
      <c r="B92">
        <v>1</v>
      </c>
      <c r="C92">
        <v>0.09</v>
      </c>
    </row>
    <row r="93" spans="1:3" x14ac:dyDescent="0.25">
      <c r="A93">
        <v>0.55000000000000004</v>
      </c>
      <c r="B93">
        <v>1</v>
      </c>
      <c r="C93">
        <v>0.9</v>
      </c>
    </row>
    <row r="94" spans="1:3" x14ac:dyDescent="0.25">
      <c r="A94">
        <v>0.55000000000000004</v>
      </c>
      <c r="B94">
        <v>1</v>
      </c>
      <c r="C94">
        <v>0.63</v>
      </c>
    </row>
    <row r="95" spans="1:3" x14ac:dyDescent="0.25">
      <c r="A95">
        <v>0.54</v>
      </c>
      <c r="B95">
        <v>1</v>
      </c>
      <c r="C95">
        <v>0.17</v>
      </c>
    </row>
    <row r="96" spans="1:3" x14ac:dyDescent="0.25">
      <c r="A96">
        <v>0.54</v>
      </c>
      <c r="B96">
        <v>1</v>
      </c>
      <c r="C96">
        <v>0.27</v>
      </c>
    </row>
    <row r="97" spans="1:3" x14ac:dyDescent="0.25">
      <c r="A97">
        <v>0.52</v>
      </c>
      <c r="B97">
        <v>1</v>
      </c>
      <c r="C97">
        <v>0.31</v>
      </c>
    </row>
    <row r="98" spans="1:3" x14ac:dyDescent="0.25">
      <c r="A98">
        <v>0.98</v>
      </c>
      <c r="B98">
        <v>2</v>
      </c>
      <c r="C98">
        <v>0.28000000000000003</v>
      </c>
    </row>
    <row r="99" spans="1:3" x14ac:dyDescent="0.25">
      <c r="A99">
        <v>0.9</v>
      </c>
      <c r="B99">
        <v>2</v>
      </c>
      <c r="C99">
        <v>0.42</v>
      </c>
    </row>
    <row r="100" spans="1:3" x14ac:dyDescent="0.25">
      <c r="A100">
        <v>0.89</v>
      </c>
      <c r="B100">
        <v>2</v>
      </c>
      <c r="C100">
        <v>0.18</v>
      </c>
    </row>
    <row r="101" spans="1:3" x14ac:dyDescent="0.25">
      <c r="A101">
        <v>0.88</v>
      </c>
      <c r="B101">
        <v>2</v>
      </c>
      <c r="C101">
        <v>0.28000000000000003</v>
      </c>
    </row>
    <row r="102" spans="1:3" x14ac:dyDescent="0.25">
      <c r="A102">
        <v>0.86</v>
      </c>
      <c r="B102">
        <v>2</v>
      </c>
      <c r="C102">
        <v>0.81</v>
      </c>
    </row>
    <row r="103" spans="1:3" x14ac:dyDescent="0.25">
      <c r="A103">
        <v>0.83</v>
      </c>
      <c r="B103">
        <v>2</v>
      </c>
      <c r="C103">
        <v>0.56999999999999995</v>
      </c>
    </row>
    <row r="104" spans="1:3" x14ac:dyDescent="0.25">
      <c r="A104">
        <v>0.82</v>
      </c>
      <c r="B104">
        <v>2</v>
      </c>
      <c r="C104">
        <v>0.59</v>
      </c>
    </row>
    <row r="105" spans="1:3" x14ac:dyDescent="0.25">
      <c r="A105">
        <v>0.81</v>
      </c>
      <c r="B105">
        <v>2</v>
      </c>
      <c r="C105">
        <v>0.56000000000000005</v>
      </c>
    </row>
    <row r="106" spans="1:3" x14ac:dyDescent="0.25">
      <c r="A106">
        <v>0.8</v>
      </c>
      <c r="B106">
        <v>2</v>
      </c>
      <c r="C106">
        <v>0.32</v>
      </c>
    </row>
    <row r="107" spans="1:3" x14ac:dyDescent="0.25">
      <c r="A107">
        <v>0.79</v>
      </c>
      <c r="B107">
        <v>2</v>
      </c>
      <c r="C107">
        <v>0.53</v>
      </c>
    </row>
    <row r="108" spans="1:3" x14ac:dyDescent="0.25">
      <c r="A108">
        <v>0.78</v>
      </c>
      <c r="B108">
        <v>2</v>
      </c>
      <c r="C108">
        <v>0.66</v>
      </c>
    </row>
    <row r="109" spans="1:3" x14ac:dyDescent="0.25">
      <c r="A109">
        <v>0.77</v>
      </c>
      <c r="B109">
        <v>2</v>
      </c>
      <c r="C109">
        <v>0.42</v>
      </c>
    </row>
    <row r="110" spans="1:3" x14ac:dyDescent="0.25">
      <c r="A110">
        <v>0.76</v>
      </c>
      <c r="B110">
        <v>2</v>
      </c>
      <c r="C110">
        <v>0.3</v>
      </c>
    </row>
    <row r="111" spans="1:3" x14ac:dyDescent="0.25">
      <c r="A111">
        <v>0.74</v>
      </c>
      <c r="B111">
        <v>2</v>
      </c>
      <c r="C111">
        <v>0.6</v>
      </c>
    </row>
    <row r="112" spans="1:3" x14ac:dyDescent="0.25">
      <c r="A112">
        <v>0.74</v>
      </c>
      <c r="B112">
        <v>2</v>
      </c>
      <c r="C112">
        <v>0.17</v>
      </c>
    </row>
    <row r="113" spans="1:3" x14ac:dyDescent="0.25">
      <c r="A113">
        <v>0.69</v>
      </c>
      <c r="B113">
        <v>2</v>
      </c>
      <c r="C113">
        <v>0.42</v>
      </c>
    </row>
    <row r="114" spans="1:3" x14ac:dyDescent="0.25">
      <c r="A114">
        <v>0.69</v>
      </c>
      <c r="B114">
        <v>2</v>
      </c>
      <c r="C114">
        <v>0.74</v>
      </c>
    </row>
    <row r="115" spans="1:3" x14ac:dyDescent="0.25">
      <c r="A115">
        <v>0.68</v>
      </c>
      <c r="B115">
        <v>2</v>
      </c>
      <c r="C115">
        <v>0.56999999999999995</v>
      </c>
    </row>
    <row r="116" spans="1:3" x14ac:dyDescent="0.25">
      <c r="A116">
        <v>0.66</v>
      </c>
      <c r="B116">
        <v>2</v>
      </c>
      <c r="C116">
        <v>0.08</v>
      </c>
    </row>
    <row r="117" spans="1:3" x14ac:dyDescent="0.25">
      <c r="A117">
        <v>0.66</v>
      </c>
      <c r="B117">
        <v>2</v>
      </c>
      <c r="C117">
        <v>0.28999999999999998</v>
      </c>
    </row>
    <row r="118" spans="1:3" x14ac:dyDescent="0.25">
      <c r="A118">
        <v>0.65</v>
      </c>
      <c r="B118">
        <v>2</v>
      </c>
      <c r="C118">
        <v>0.57999999999999996</v>
      </c>
    </row>
    <row r="119" spans="1:3" x14ac:dyDescent="0.25">
      <c r="A119">
        <v>0.65</v>
      </c>
      <c r="B119">
        <v>2</v>
      </c>
      <c r="C119">
        <v>0.85</v>
      </c>
    </row>
    <row r="120" spans="1:3" x14ac:dyDescent="0.25">
      <c r="A120">
        <v>0.64</v>
      </c>
      <c r="B120">
        <v>2</v>
      </c>
      <c r="C120">
        <v>0.71</v>
      </c>
    </row>
    <row r="121" spans="1:3" x14ac:dyDescent="0.25">
      <c r="A121">
        <v>0.64</v>
      </c>
      <c r="B121">
        <v>2</v>
      </c>
      <c r="C121">
        <v>0.2</v>
      </c>
    </row>
    <row r="122" spans="1:3" x14ac:dyDescent="0.25">
      <c r="A122">
        <v>0.63</v>
      </c>
      <c r="B122">
        <v>2</v>
      </c>
      <c r="C122">
        <v>0.77</v>
      </c>
    </row>
    <row r="123" spans="1:3" x14ac:dyDescent="0.25">
      <c r="A123">
        <v>0.61</v>
      </c>
      <c r="B123">
        <v>2</v>
      </c>
      <c r="C123">
        <v>0.39</v>
      </c>
    </row>
    <row r="124" spans="1:3" x14ac:dyDescent="0.25">
      <c r="A124">
        <v>0.59</v>
      </c>
      <c r="B124">
        <v>2</v>
      </c>
      <c r="C124">
        <v>0.92</v>
      </c>
    </row>
    <row r="125" spans="1:3" x14ac:dyDescent="0.25">
      <c r="A125">
        <v>0.59</v>
      </c>
      <c r="B125">
        <v>2</v>
      </c>
      <c r="C125">
        <v>0.43</v>
      </c>
    </row>
    <row r="126" spans="1:3" x14ac:dyDescent="0.25">
      <c r="A126">
        <v>0.57999999999999996</v>
      </c>
      <c r="B126">
        <v>2</v>
      </c>
      <c r="C126">
        <v>0.79</v>
      </c>
    </row>
    <row r="127" spans="1:3" x14ac:dyDescent="0.25">
      <c r="A127">
        <v>0.56000000000000005</v>
      </c>
      <c r="B127">
        <v>2</v>
      </c>
      <c r="C127">
        <v>0.84</v>
      </c>
    </row>
    <row r="128" spans="1:3" x14ac:dyDescent="0.25">
      <c r="A128">
        <v>0.56000000000000005</v>
      </c>
      <c r="B128">
        <v>2</v>
      </c>
      <c r="C128">
        <v>0.37</v>
      </c>
    </row>
    <row r="129" spans="1:3" x14ac:dyDescent="0.25">
      <c r="A129">
        <v>0.55000000000000004</v>
      </c>
      <c r="B129">
        <v>2</v>
      </c>
      <c r="C129">
        <v>0.67</v>
      </c>
    </row>
    <row r="130" spans="1:3" x14ac:dyDescent="0.25">
      <c r="A130">
        <v>0.55000000000000004</v>
      </c>
      <c r="B130">
        <v>2</v>
      </c>
      <c r="C130">
        <v>0.14000000000000001</v>
      </c>
    </row>
    <row r="131" spans="1:3" x14ac:dyDescent="0.25">
      <c r="A131">
        <v>0.54</v>
      </c>
      <c r="B131">
        <v>2</v>
      </c>
      <c r="C131">
        <v>0.24</v>
      </c>
    </row>
    <row r="132" spans="1:3" x14ac:dyDescent="0.25">
      <c r="A132">
        <v>0.53</v>
      </c>
      <c r="B132">
        <v>2</v>
      </c>
      <c r="C132">
        <v>0.45</v>
      </c>
    </row>
    <row r="133" spans="1:3" x14ac:dyDescent="0.25">
      <c r="A133">
        <v>0.52</v>
      </c>
      <c r="B133">
        <v>2</v>
      </c>
      <c r="C133">
        <v>0.43</v>
      </c>
    </row>
    <row r="134" spans="1:3" x14ac:dyDescent="0.25">
      <c r="A134">
        <v>0.52</v>
      </c>
      <c r="B134">
        <v>2</v>
      </c>
      <c r="C134">
        <v>0.82</v>
      </c>
    </row>
    <row r="135" spans="1:3" x14ac:dyDescent="0.25">
      <c r="A135">
        <v>1</v>
      </c>
      <c r="B135">
        <v>3</v>
      </c>
      <c r="C135">
        <v>0.54</v>
      </c>
    </row>
    <row r="136" spans="1:3" x14ac:dyDescent="0.25">
      <c r="A136">
        <v>0.98</v>
      </c>
      <c r="B136">
        <v>3</v>
      </c>
      <c r="C136">
        <v>0.27</v>
      </c>
    </row>
    <row r="137" spans="1:3" x14ac:dyDescent="0.25">
      <c r="A137">
        <v>0.93</v>
      </c>
      <c r="B137">
        <v>3</v>
      </c>
      <c r="C137">
        <v>0.66</v>
      </c>
    </row>
    <row r="138" spans="1:3" x14ac:dyDescent="0.25">
      <c r="A138">
        <v>0.92</v>
      </c>
      <c r="B138">
        <v>3</v>
      </c>
      <c r="C138">
        <v>0.44</v>
      </c>
    </row>
    <row r="139" spans="1:3" x14ac:dyDescent="0.25">
      <c r="A139">
        <v>0.91</v>
      </c>
      <c r="B139">
        <v>3</v>
      </c>
      <c r="C139">
        <v>0.4</v>
      </c>
    </row>
    <row r="140" spans="1:3" x14ac:dyDescent="0.25">
      <c r="A140">
        <v>0.91</v>
      </c>
      <c r="B140">
        <v>3</v>
      </c>
      <c r="C140">
        <v>0.86</v>
      </c>
    </row>
    <row r="141" spans="1:3" x14ac:dyDescent="0.25">
      <c r="A141">
        <v>0.9</v>
      </c>
      <c r="B141">
        <v>3</v>
      </c>
      <c r="C141">
        <v>0.79</v>
      </c>
    </row>
    <row r="142" spans="1:3" x14ac:dyDescent="0.25">
      <c r="A142">
        <v>0.9</v>
      </c>
      <c r="B142">
        <v>3</v>
      </c>
      <c r="C142">
        <v>0.6</v>
      </c>
    </row>
    <row r="143" spans="1:3" x14ac:dyDescent="0.25">
      <c r="A143">
        <v>0.89</v>
      </c>
      <c r="B143">
        <v>3</v>
      </c>
      <c r="C143">
        <v>0.19</v>
      </c>
    </row>
    <row r="144" spans="1:3" x14ac:dyDescent="0.25">
      <c r="A144">
        <v>0.84</v>
      </c>
      <c r="B144">
        <v>3</v>
      </c>
      <c r="C144">
        <v>0.92</v>
      </c>
    </row>
    <row r="145" spans="1:3" x14ac:dyDescent="0.25">
      <c r="A145">
        <v>0.83</v>
      </c>
      <c r="B145">
        <v>3</v>
      </c>
      <c r="C145">
        <v>0.61</v>
      </c>
    </row>
    <row r="146" spans="1:3" x14ac:dyDescent="0.25">
      <c r="A146">
        <v>0.82</v>
      </c>
      <c r="B146">
        <v>3</v>
      </c>
      <c r="C146">
        <v>0.23</v>
      </c>
    </row>
    <row r="147" spans="1:3" x14ac:dyDescent="0.25">
      <c r="A147">
        <v>0.82</v>
      </c>
      <c r="B147">
        <v>3</v>
      </c>
      <c r="C147">
        <v>0.47</v>
      </c>
    </row>
    <row r="148" spans="1:3" x14ac:dyDescent="0.25">
      <c r="A148">
        <v>0.82</v>
      </c>
      <c r="B148">
        <v>3</v>
      </c>
      <c r="C148">
        <v>0.33</v>
      </c>
    </row>
    <row r="149" spans="1:3" x14ac:dyDescent="0.25">
      <c r="A149">
        <v>0.81</v>
      </c>
      <c r="B149">
        <v>3</v>
      </c>
      <c r="C149">
        <v>0.49</v>
      </c>
    </row>
    <row r="150" spans="1:3" x14ac:dyDescent="0.25">
      <c r="A150">
        <v>0.81</v>
      </c>
      <c r="B150">
        <v>3</v>
      </c>
      <c r="C150">
        <v>0.82</v>
      </c>
    </row>
    <row r="151" spans="1:3" x14ac:dyDescent="0.25">
      <c r="A151">
        <v>0.81</v>
      </c>
      <c r="B151">
        <v>3</v>
      </c>
      <c r="C151">
        <v>0.28000000000000003</v>
      </c>
    </row>
    <row r="152" spans="1:3" x14ac:dyDescent="0.25">
      <c r="A152">
        <v>0.8</v>
      </c>
      <c r="B152">
        <v>3</v>
      </c>
      <c r="C152">
        <v>0.82</v>
      </c>
    </row>
    <row r="153" spans="1:3" x14ac:dyDescent="0.25">
      <c r="A153">
        <v>0.79</v>
      </c>
      <c r="B153">
        <v>3</v>
      </c>
      <c r="C153">
        <v>0.53</v>
      </c>
    </row>
    <row r="154" spans="1:3" x14ac:dyDescent="0.25">
      <c r="A154">
        <v>0.79</v>
      </c>
      <c r="B154">
        <v>3</v>
      </c>
      <c r="C154">
        <v>0.22</v>
      </c>
    </row>
    <row r="155" spans="1:3" x14ac:dyDescent="0.25">
      <c r="A155">
        <v>0.79</v>
      </c>
      <c r="B155">
        <v>3</v>
      </c>
      <c r="C155">
        <v>0.9</v>
      </c>
    </row>
    <row r="156" spans="1:3" x14ac:dyDescent="0.25">
      <c r="A156">
        <v>0.79</v>
      </c>
      <c r="B156">
        <v>3</v>
      </c>
      <c r="C156">
        <v>0.41</v>
      </c>
    </row>
    <row r="157" spans="1:3" x14ac:dyDescent="0.25">
      <c r="A157">
        <v>0.76</v>
      </c>
      <c r="B157">
        <v>3</v>
      </c>
      <c r="C157">
        <v>0.75</v>
      </c>
    </row>
    <row r="158" spans="1:3" x14ac:dyDescent="0.25">
      <c r="A158">
        <v>0.76</v>
      </c>
      <c r="B158">
        <v>3</v>
      </c>
      <c r="C158">
        <v>0.94</v>
      </c>
    </row>
    <row r="159" spans="1:3" x14ac:dyDescent="0.25">
      <c r="A159">
        <v>0.75</v>
      </c>
      <c r="B159">
        <v>3</v>
      </c>
      <c r="C159">
        <v>0.66</v>
      </c>
    </row>
    <row r="160" spans="1:3" x14ac:dyDescent="0.25">
      <c r="A160">
        <v>0.75</v>
      </c>
      <c r="B160">
        <v>3</v>
      </c>
      <c r="C160">
        <v>0.42</v>
      </c>
    </row>
    <row r="161" spans="1:3" x14ac:dyDescent="0.25">
      <c r="A161">
        <v>0.74</v>
      </c>
      <c r="B161">
        <v>3</v>
      </c>
      <c r="C161">
        <v>0.62</v>
      </c>
    </row>
    <row r="162" spans="1:3" x14ac:dyDescent="0.25">
      <c r="A162">
        <v>0.74</v>
      </c>
      <c r="B162">
        <v>3</v>
      </c>
      <c r="C162">
        <v>0.08</v>
      </c>
    </row>
    <row r="163" spans="1:3" x14ac:dyDescent="0.25">
      <c r="A163">
        <v>0.72</v>
      </c>
      <c r="B163">
        <v>3</v>
      </c>
      <c r="C163">
        <v>0.33</v>
      </c>
    </row>
    <row r="164" spans="1:3" x14ac:dyDescent="0.25">
      <c r="A164">
        <v>0.68</v>
      </c>
      <c r="B164">
        <v>3</v>
      </c>
      <c r="C164">
        <v>0.36</v>
      </c>
    </row>
    <row r="165" spans="1:3" x14ac:dyDescent="0.25">
      <c r="A165">
        <v>0.68</v>
      </c>
      <c r="B165">
        <v>3</v>
      </c>
      <c r="C165">
        <v>0.34</v>
      </c>
    </row>
    <row r="166" spans="1:3" x14ac:dyDescent="0.25">
      <c r="A166">
        <v>0.67</v>
      </c>
      <c r="B166">
        <v>3</v>
      </c>
      <c r="C166">
        <v>0.78</v>
      </c>
    </row>
    <row r="167" spans="1:3" x14ac:dyDescent="0.25">
      <c r="A167">
        <v>0.67</v>
      </c>
      <c r="B167">
        <v>3</v>
      </c>
      <c r="C167">
        <v>0.35</v>
      </c>
    </row>
    <row r="168" spans="1:3" x14ac:dyDescent="0.25">
      <c r="A168">
        <v>0.67</v>
      </c>
      <c r="B168">
        <v>3</v>
      </c>
      <c r="C168">
        <v>0.56999999999999995</v>
      </c>
    </row>
    <row r="169" spans="1:3" x14ac:dyDescent="0.25">
      <c r="A169">
        <v>0.67</v>
      </c>
      <c r="B169">
        <v>3</v>
      </c>
      <c r="C169">
        <v>0.88</v>
      </c>
    </row>
    <row r="170" spans="1:3" x14ac:dyDescent="0.25">
      <c r="A170">
        <v>0.66</v>
      </c>
      <c r="B170">
        <v>3</v>
      </c>
      <c r="C170">
        <v>0.38</v>
      </c>
    </row>
    <row r="171" spans="1:3" x14ac:dyDescent="0.25">
      <c r="A171">
        <v>0.65</v>
      </c>
      <c r="B171">
        <v>3</v>
      </c>
      <c r="C171">
        <v>0.51</v>
      </c>
    </row>
    <row r="172" spans="1:3" x14ac:dyDescent="0.25">
      <c r="A172">
        <v>0.65</v>
      </c>
      <c r="B172">
        <v>3</v>
      </c>
      <c r="C172">
        <v>0.43</v>
      </c>
    </row>
    <row r="173" spans="1:3" x14ac:dyDescent="0.25">
      <c r="A173">
        <v>0.65</v>
      </c>
      <c r="B173">
        <v>3</v>
      </c>
      <c r="C173">
        <v>0.63</v>
      </c>
    </row>
    <row r="174" spans="1:3" x14ac:dyDescent="0.25">
      <c r="A174">
        <v>0.63</v>
      </c>
      <c r="B174">
        <v>3</v>
      </c>
      <c r="C174">
        <v>0.34</v>
      </c>
    </row>
    <row r="175" spans="1:3" x14ac:dyDescent="0.25">
      <c r="A175">
        <v>0.62</v>
      </c>
      <c r="B175">
        <v>3</v>
      </c>
      <c r="C175">
        <v>0.42</v>
      </c>
    </row>
    <row r="176" spans="1:3" x14ac:dyDescent="0.25">
      <c r="A176">
        <v>0.61</v>
      </c>
      <c r="B176">
        <v>3</v>
      </c>
      <c r="C176">
        <v>0.35</v>
      </c>
    </row>
    <row r="177" spans="1:3" x14ac:dyDescent="0.25">
      <c r="A177">
        <v>0.6</v>
      </c>
      <c r="B177">
        <v>3</v>
      </c>
      <c r="C177">
        <v>0.56000000000000005</v>
      </c>
    </row>
    <row r="178" spans="1:3" x14ac:dyDescent="0.25">
      <c r="A178">
        <v>0.6</v>
      </c>
      <c r="B178">
        <v>3</v>
      </c>
      <c r="C178">
        <v>0.43</v>
      </c>
    </row>
    <row r="179" spans="1:3" x14ac:dyDescent="0.25">
      <c r="A179">
        <v>0.59</v>
      </c>
      <c r="B179">
        <v>3</v>
      </c>
      <c r="C179">
        <v>0.54</v>
      </c>
    </row>
    <row r="180" spans="1:3" x14ac:dyDescent="0.25">
      <c r="A180">
        <v>0.56999999999999995</v>
      </c>
      <c r="B180">
        <v>3</v>
      </c>
      <c r="C180">
        <v>0.62</v>
      </c>
    </row>
    <row r="181" spans="1:3" x14ac:dyDescent="0.25">
      <c r="A181">
        <v>0.56999999999999995</v>
      </c>
      <c r="B181">
        <v>3</v>
      </c>
      <c r="C181">
        <v>0.56000000000000005</v>
      </c>
    </row>
    <row r="182" spans="1:3" x14ac:dyDescent="0.25">
      <c r="A182">
        <v>0.56000000000000005</v>
      </c>
      <c r="B182">
        <v>3</v>
      </c>
      <c r="C182">
        <v>0.76</v>
      </c>
    </row>
    <row r="183" spans="1:3" x14ac:dyDescent="0.25">
      <c r="A183">
        <v>0.56000000000000005</v>
      </c>
      <c r="B183">
        <v>3</v>
      </c>
      <c r="C183">
        <v>0.09</v>
      </c>
    </row>
    <row r="184" spans="1:3" x14ac:dyDescent="0.25">
      <c r="A184">
        <v>0.55000000000000004</v>
      </c>
      <c r="B184">
        <v>3</v>
      </c>
      <c r="C184">
        <v>0.56999999999999995</v>
      </c>
    </row>
    <row r="185" spans="1:3" x14ac:dyDescent="0.25">
      <c r="A185">
        <v>0.55000000000000004</v>
      </c>
      <c r="B185">
        <v>3</v>
      </c>
      <c r="C185">
        <v>0.36</v>
      </c>
    </row>
    <row r="186" spans="1:3" x14ac:dyDescent="0.25">
      <c r="A186">
        <v>0.55000000000000004</v>
      </c>
      <c r="B186">
        <v>3</v>
      </c>
      <c r="C186">
        <v>0.33</v>
      </c>
    </row>
    <row r="187" spans="1:3" x14ac:dyDescent="0.25">
      <c r="A187">
        <v>0.55000000000000004</v>
      </c>
      <c r="B187">
        <v>3</v>
      </c>
      <c r="C187">
        <v>0.65</v>
      </c>
    </row>
    <row r="188" spans="1:3" x14ac:dyDescent="0.25">
      <c r="A188">
        <v>0.53</v>
      </c>
      <c r="B188">
        <v>3</v>
      </c>
      <c r="C188">
        <v>0.62</v>
      </c>
    </row>
    <row r="189" spans="1:3" x14ac:dyDescent="0.25">
      <c r="A189">
        <v>0.52</v>
      </c>
      <c r="B189">
        <v>3</v>
      </c>
      <c r="C189">
        <v>0.24</v>
      </c>
    </row>
    <row r="190" spans="1:3" x14ac:dyDescent="0.25">
      <c r="A190">
        <v>0.51</v>
      </c>
      <c r="B190">
        <v>3</v>
      </c>
      <c r="C190">
        <v>0.54</v>
      </c>
    </row>
    <row r="191" spans="1:3" x14ac:dyDescent="0.25">
      <c r="A191">
        <v>0.51</v>
      </c>
      <c r="B191">
        <v>3</v>
      </c>
      <c r="C191">
        <v>0.43</v>
      </c>
    </row>
    <row r="192" spans="1:3" x14ac:dyDescent="0.25">
      <c r="A192">
        <v>0.51</v>
      </c>
      <c r="B192">
        <v>3</v>
      </c>
      <c r="C192">
        <v>0.4</v>
      </c>
    </row>
    <row r="193" spans="1:3" x14ac:dyDescent="0.25">
      <c r="A193">
        <v>0.51</v>
      </c>
      <c r="B193">
        <v>3</v>
      </c>
      <c r="C193">
        <v>0.46</v>
      </c>
    </row>
    <row r="194" spans="1:3" x14ac:dyDescent="0.25">
      <c r="A194">
        <v>0.5</v>
      </c>
      <c r="B194">
        <v>3</v>
      </c>
      <c r="C194">
        <v>0.84</v>
      </c>
    </row>
    <row r="195" spans="1:3" x14ac:dyDescent="0.25">
      <c r="A195">
        <v>0.99</v>
      </c>
      <c r="B195">
        <v>4</v>
      </c>
      <c r="C195">
        <v>0.93</v>
      </c>
    </row>
    <row r="196" spans="1:3" x14ac:dyDescent="0.25">
      <c r="A196">
        <v>0.98</v>
      </c>
      <c r="B196">
        <v>4</v>
      </c>
      <c r="C196">
        <v>0.38</v>
      </c>
    </row>
    <row r="197" spans="1:3" x14ac:dyDescent="0.25">
      <c r="A197">
        <v>0.98</v>
      </c>
      <c r="B197">
        <v>4</v>
      </c>
      <c r="C197">
        <v>0.77</v>
      </c>
    </row>
    <row r="198" spans="1:3" x14ac:dyDescent="0.25">
      <c r="A198">
        <v>0.97</v>
      </c>
      <c r="B198">
        <v>4</v>
      </c>
      <c r="C198">
        <v>0.47</v>
      </c>
    </row>
    <row r="199" spans="1:3" x14ac:dyDescent="0.25">
      <c r="A199">
        <v>0.97</v>
      </c>
      <c r="B199">
        <v>4</v>
      </c>
      <c r="C199">
        <v>0.64</v>
      </c>
    </row>
    <row r="200" spans="1:3" x14ac:dyDescent="0.25">
      <c r="A200">
        <v>0.97</v>
      </c>
      <c r="B200">
        <v>4</v>
      </c>
      <c r="C200">
        <v>0.38</v>
      </c>
    </row>
    <row r="201" spans="1:3" x14ac:dyDescent="0.25">
      <c r="A201">
        <v>0.96</v>
      </c>
      <c r="B201">
        <v>4</v>
      </c>
      <c r="C201">
        <v>0.28999999999999998</v>
      </c>
    </row>
    <row r="202" spans="1:3" x14ac:dyDescent="0.25">
      <c r="A202">
        <v>0.94</v>
      </c>
      <c r="B202">
        <v>4</v>
      </c>
      <c r="C202">
        <v>0.88</v>
      </c>
    </row>
    <row r="203" spans="1:3" x14ac:dyDescent="0.25">
      <c r="A203">
        <v>0.94</v>
      </c>
      <c r="B203">
        <v>4</v>
      </c>
      <c r="C203">
        <v>0.51</v>
      </c>
    </row>
    <row r="204" spans="1:3" x14ac:dyDescent="0.25">
      <c r="A204">
        <v>0.94</v>
      </c>
      <c r="B204">
        <v>4</v>
      </c>
      <c r="C204">
        <v>0.36</v>
      </c>
    </row>
    <row r="205" spans="1:3" x14ac:dyDescent="0.25">
      <c r="A205">
        <v>0.93</v>
      </c>
      <c r="B205">
        <v>4</v>
      </c>
      <c r="C205">
        <v>0.11</v>
      </c>
    </row>
    <row r="206" spans="1:3" x14ac:dyDescent="0.25">
      <c r="A206">
        <v>0.93</v>
      </c>
      <c r="B206">
        <v>4</v>
      </c>
      <c r="C206">
        <v>0.32</v>
      </c>
    </row>
    <row r="207" spans="1:3" x14ac:dyDescent="0.25">
      <c r="A207">
        <v>0.93</v>
      </c>
      <c r="B207">
        <v>4</v>
      </c>
      <c r="C207">
        <v>0.56999999999999995</v>
      </c>
    </row>
    <row r="208" spans="1:3" x14ac:dyDescent="0.25">
      <c r="A208">
        <v>0.93</v>
      </c>
      <c r="B208">
        <v>4</v>
      </c>
      <c r="C208">
        <v>0.57999999999999996</v>
      </c>
    </row>
    <row r="209" spans="1:3" x14ac:dyDescent="0.25">
      <c r="A209">
        <v>0.9</v>
      </c>
      <c r="B209">
        <v>4</v>
      </c>
      <c r="C209">
        <v>0.4</v>
      </c>
    </row>
    <row r="210" spans="1:3" x14ac:dyDescent="0.25">
      <c r="A210">
        <v>0.89</v>
      </c>
      <c r="B210">
        <v>4</v>
      </c>
      <c r="C210">
        <v>0.45</v>
      </c>
    </row>
    <row r="211" spans="1:3" x14ac:dyDescent="0.25">
      <c r="A211">
        <v>0.88</v>
      </c>
      <c r="B211">
        <v>4</v>
      </c>
      <c r="C211">
        <v>0.31</v>
      </c>
    </row>
    <row r="212" spans="1:3" x14ac:dyDescent="0.25">
      <c r="A212">
        <v>0.86</v>
      </c>
      <c r="B212">
        <v>4</v>
      </c>
      <c r="C212">
        <v>0.5</v>
      </c>
    </row>
    <row r="213" spans="1:3" x14ac:dyDescent="0.25">
      <c r="A213">
        <v>0.84</v>
      </c>
      <c r="B213">
        <v>4</v>
      </c>
      <c r="C213">
        <v>0.76</v>
      </c>
    </row>
    <row r="214" spans="1:3" x14ac:dyDescent="0.25">
      <c r="A214">
        <v>0.82</v>
      </c>
      <c r="B214">
        <v>4</v>
      </c>
      <c r="C214">
        <v>0.57999999999999996</v>
      </c>
    </row>
    <row r="215" spans="1:3" x14ac:dyDescent="0.25">
      <c r="A215">
        <v>0.81</v>
      </c>
      <c r="B215">
        <v>4</v>
      </c>
      <c r="C215">
        <v>0.74</v>
      </c>
    </row>
    <row r="216" spans="1:3" x14ac:dyDescent="0.25">
      <c r="A216">
        <v>0.78</v>
      </c>
      <c r="B216">
        <v>4</v>
      </c>
      <c r="C216">
        <v>0.44</v>
      </c>
    </row>
    <row r="217" spans="1:3" x14ac:dyDescent="0.25">
      <c r="A217">
        <v>0.73</v>
      </c>
      <c r="B217">
        <v>4</v>
      </c>
      <c r="C217">
        <v>7.0000000000000007E-2</v>
      </c>
    </row>
    <row r="218" spans="1:3" x14ac:dyDescent="0.25">
      <c r="A218">
        <v>0.72</v>
      </c>
      <c r="B218">
        <v>4</v>
      </c>
      <c r="C218">
        <v>0.08</v>
      </c>
    </row>
    <row r="219" spans="1:3" x14ac:dyDescent="0.25">
      <c r="A219">
        <v>0.72</v>
      </c>
      <c r="B219">
        <v>4</v>
      </c>
      <c r="C219">
        <v>0.56999999999999995</v>
      </c>
    </row>
    <row r="220" spans="1:3" x14ac:dyDescent="0.25">
      <c r="A220">
        <v>0.68</v>
      </c>
      <c r="B220">
        <v>4</v>
      </c>
      <c r="C220">
        <v>0.74</v>
      </c>
    </row>
    <row r="221" spans="1:3" x14ac:dyDescent="0.25">
      <c r="A221">
        <v>0.66</v>
      </c>
      <c r="B221">
        <v>4</v>
      </c>
      <c r="C221">
        <v>0.65</v>
      </c>
    </row>
    <row r="222" spans="1:3" x14ac:dyDescent="0.25">
      <c r="A222">
        <v>0.66</v>
      </c>
      <c r="B222">
        <v>4</v>
      </c>
      <c r="C222">
        <v>0.41</v>
      </c>
    </row>
    <row r="223" spans="1:3" x14ac:dyDescent="0.25">
      <c r="A223">
        <v>0.66</v>
      </c>
      <c r="B223">
        <v>4</v>
      </c>
      <c r="C223">
        <v>0.66</v>
      </c>
    </row>
    <row r="224" spans="1:3" x14ac:dyDescent="0.25">
      <c r="A224">
        <v>0.65</v>
      </c>
      <c r="B224">
        <v>4</v>
      </c>
      <c r="C224">
        <v>0.56999999999999995</v>
      </c>
    </row>
    <row r="225" spans="1:3" x14ac:dyDescent="0.25">
      <c r="A225">
        <v>0.64</v>
      </c>
      <c r="B225">
        <v>4</v>
      </c>
      <c r="C225">
        <v>0.76</v>
      </c>
    </row>
    <row r="226" spans="1:3" x14ac:dyDescent="0.25">
      <c r="A226">
        <v>0.63</v>
      </c>
      <c r="B226">
        <v>4</v>
      </c>
      <c r="C226">
        <v>0.91</v>
      </c>
    </row>
    <row r="227" spans="1:3" x14ac:dyDescent="0.25">
      <c r="A227">
        <v>0.63</v>
      </c>
      <c r="B227">
        <v>4</v>
      </c>
      <c r="C227">
        <v>0.39</v>
      </c>
    </row>
    <row r="228" spans="1:3" x14ac:dyDescent="0.25">
      <c r="A228">
        <v>0.62</v>
      </c>
      <c r="B228">
        <v>4</v>
      </c>
      <c r="C228">
        <v>0.75</v>
      </c>
    </row>
    <row r="229" spans="1:3" x14ac:dyDescent="0.25">
      <c r="A229">
        <v>0.6</v>
      </c>
      <c r="B229">
        <v>4</v>
      </c>
      <c r="C229">
        <v>0.51</v>
      </c>
    </row>
    <row r="230" spans="1:3" x14ac:dyDescent="0.25">
      <c r="A230">
        <v>0.6</v>
      </c>
      <c r="B230">
        <v>4</v>
      </c>
      <c r="C230">
        <v>0.54</v>
      </c>
    </row>
    <row r="231" spans="1:3" x14ac:dyDescent="0.25">
      <c r="A231">
        <v>0.59</v>
      </c>
      <c r="B231">
        <v>4</v>
      </c>
      <c r="C231">
        <v>0.86</v>
      </c>
    </row>
    <row r="232" spans="1:3" x14ac:dyDescent="0.25">
      <c r="A232">
        <v>0.59</v>
      </c>
      <c r="B232">
        <v>4</v>
      </c>
      <c r="C232">
        <v>0.48</v>
      </c>
    </row>
    <row r="233" spans="1:3" x14ac:dyDescent="0.25">
      <c r="A233">
        <v>0.57999999999999996</v>
      </c>
      <c r="B233">
        <v>4</v>
      </c>
      <c r="C233">
        <v>0.19</v>
      </c>
    </row>
    <row r="234" spans="1:3" x14ac:dyDescent="0.25">
      <c r="A234">
        <v>0.57999999999999996</v>
      </c>
      <c r="B234">
        <v>4</v>
      </c>
      <c r="C234">
        <v>0.55000000000000004</v>
      </c>
    </row>
    <row r="235" spans="1:3" x14ac:dyDescent="0.25">
      <c r="A235">
        <v>0.56000000000000005</v>
      </c>
      <c r="B235">
        <v>4</v>
      </c>
      <c r="C235">
        <v>0.88</v>
      </c>
    </row>
    <row r="236" spans="1:3" x14ac:dyDescent="0.25">
      <c r="A236">
        <v>0.55000000000000004</v>
      </c>
      <c r="B236">
        <v>4</v>
      </c>
      <c r="C236">
        <v>0.13</v>
      </c>
    </row>
    <row r="237" spans="1:3" x14ac:dyDescent="0.25">
      <c r="A237">
        <v>0.53</v>
      </c>
      <c r="B237">
        <v>4</v>
      </c>
      <c r="C237">
        <v>0.55000000000000004</v>
      </c>
    </row>
    <row r="238" spans="1:3" x14ac:dyDescent="0.25">
      <c r="A238">
        <v>0.53</v>
      </c>
      <c r="B238">
        <v>4</v>
      </c>
      <c r="C238">
        <v>0.71</v>
      </c>
    </row>
    <row r="239" spans="1:3" x14ac:dyDescent="0.25">
      <c r="A239">
        <v>0.53</v>
      </c>
      <c r="B239">
        <v>4</v>
      </c>
      <c r="C239">
        <v>0.93</v>
      </c>
    </row>
    <row r="240" spans="1:3" x14ac:dyDescent="0.25">
      <c r="A240">
        <v>0.53</v>
      </c>
      <c r="B240">
        <v>4</v>
      </c>
      <c r="C240">
        <v>0.17</v>
      </c>
    </row>
    <row r="241" spans="1:3" x14ac:dyDescent="0.25">
      <c r="A241">
        <v>0.5</v>
      </c>
      <c r="B241">
        <v>4</v>
      </c>
      <c r="C241">
        <v>0.55000000000000004</v>
      </c>
    </row>
    <row r="242" spans="1:3" x14ac:dyDescent="0.25">
      <c r="A242">
        <v>1</v>
      </c>
      <c r="B242">
        <v>5</v>
      </c>
      <c r="C242">
        <v>0.31</v>
      </c>
    </row>
    <row r="243" spans="1:3" x14ac:dyDescent="0.25">
      <c r="A243">
        <v>0.99</v>
      </c>
      <c r="B243">
        <v>5</v>
      </c>
      <c r="C243">
        <v>0.63</v>
      </c>
    </row>
    <row r="244" spans="1:3" x14ac:dyDescent="0.25">
      <c r="A244">
        <v>0.98</v>
      </c>
      <c r="B244">
        <v>5</v>
      </c>
      <c r="C244">
        <v>0.7</v>
      </c>
    </row>
    <row r="245" spans="1:3" x14ac:dyDescent="0.25">
      <c r="A245">
        <v>0.97</v>
      </c>
      <c r="B245">
        <v>5</v>
      </c>
      <c r="C245">
        <v>0.74</v>
      </c>
    </row>
    <row r="246" spans="1:3" x14ac:dyDescent="0.25">
      <c r="A246">
        <v>0.97</v>
      </c>
      <c r="B246">
        <v>5</v>
      </c>
      <c r="C246">
        <v>0.83</v>
      </c>
    </row>
    <row r="247" spans="1:3" x14ac:dyDescent="0.25">
      <c r="A247">
        <v>0.96</v>
      </c>
      <c r="B247">
        <v>5</v>
      </c>
      <c r="C247">
        <v>0.31</v>
      </c>
    </row>
    <row r="248" spans="1:3" x14ac:dyDescent="0.25">
      <c r="A248">
        <v>0.96</v>
      </c>
      <c r="B248">
        <v>5</v>
      </c>
      <c r="C248">
        <v>0.16</v>
      </c>
    </row>
    <row r="249" spans="1:3" x14ac:dyDescent="0.25">
      <c r="A249">
        <v>0.94</v>
      </c>
      <c r="B249">
        <v>5</v>
      </c>
      <c r="C249">
        <v>0.34</v>
      </c>
    </row>
    <row r="250" spans="1:3" x14ac:dyDescent="0.25">
      <c r="A250">
        <v>0.93</v>
      </c>
      <c r="B250">
        <v>5</v>
      </c>
      <c r="C250">
        <v>0.91</v>
      </c>
    </row>
    <row r="251" spans="1:3" x14ac:dyDescent="0.25">
      <c r="A251">
        <v>0.93</v>
      </c>
      <c r="B251">
        <v>5</v>
      </c>
      <c r="C251">
        <v>0.57999999999999996</v>
      </c>
    </row>
    <row r="252" spans="1:3" x14ac:dyDescent="0.25">
      <c r="A252">
        <v>0.91</v>
      </c>
      <c r="B252">
        <v>5</v>
      </c>
      <c r="C252">
        <v>0.16</v>
      </c>
    </row>
    <row r="253" spans="1:3" x14ac:dyDescent="0.25">
      <c r="A253">
        <v>0.91</v>
      </c>
      <c r="B253">
        <v>5</v>
      </c>
      <c r="C253">
        <v>0.57999999999999996</v>
      </c>
    </row>
    <row r="254" spans="1:3" x14ac:dyDescent="0.25">
      <c r="A254">
        <v>0.9</v>
      </c>
      <c r="B254">
        <v>5</v>
      </c>
      <c r="C254">
        <v>0.67</v>
      </c>
    </row>
    <row r="255" spans="1:3" x14ac:dyDescent="0.25">
      <c r="A255">
        <v>0.9</v>
      </c>
      <c r="B255">
        <v>5</v>
      </c>
      <c r="C255">
        <v>0.8</v>
      </c>
    </row>
    <row r="256" spans="1:3" x14ac:dyDescent="0.25">
      <c r="A256">
        <v>0.89</v>
      </c>
      <c r="B256">
        <v>5</v>
      </c>
      <c r="C256">
        <v>0.2</v>
      </c>
    </row>
    <row r="257" spans="1:3" x14ac:dyDescent="0.25">
      <c r="A257">
        <v>0.87</v>
      </c>
      <c r="B257">
        <v>5</v>
      </c>
      <c r="C257">
        <v>0.74</v>
      </c>
    </row>
    <row r="258" spans="1:3" x14ac:dyDescent="0.25">
      <c r="A258">
        <v>0.87</v>
      </c>
      <c r="B258">
        <v>5</v>
      </c>
      <c r="C258">
        <v>0.43</v>
      </c>
    </row>
    <row r="259" spans="1:3" x14ac:dyDescent="0.25">
      <c r="A259">
        <v>0.87</v>
      </c>
      <c r="B259">
        <v>5</v>
      </c>
      <c r="C259">
        <v>0.76</v>
      </c>
    </row>
    <row r="260" spans="1:3" x14ac:dyDescent="0.25">
      <c r="A260">
        <v>0.86</v>
      </c>
      <c r="B260">
        <v>5</v>
      </c>
      <c r="C260">
        <v>0.28999999999999998</v>
      </c>
    </row>
    <row r="261" spans="1:3" x14ac:dyDescent="0.25">
      <c r="A261">
        <v>0.86</v>
      </c>
      <c r="B261">
        <v>5</v>
      </c>
      <c r="C261">
        <v>0.55000000000000004</v>
      </c>
    </row>
    <row r="262" spans="1:3" x14ac:dyDescent="0.25">
      <c r="A262">
        <v>0.85</v>
      </c>
      <c r="B262">
        <v>5</v>
      </c>
      <c r="C262">
        <v>0.26</v>
      </c>
    </row>
    <row r="263" spans="1:3" x14ac:dyDescent="0.25">
      <c r="A263">
        <v>0.85</v>
      </c>
      <c r="B263">
        <v>5</v>
      </c>
      <c r="C263">
        <v>0.57999999999999996</v>
      </c>
    </row>
    <row r="264" spans="1:3" x14ac:dyDescent="0.25">
      <c r="A264">
        <v>0.82</v>
      </c>
      <c r="B264">
        <v>5</v>
      </c>
      <c r="C264">
        <v>0.85</v>
      </c>
    </row>
    <row r="265" spans="1:3" x14ac:dyDescent="0.25">
      <c r="A265">
        <v>0.82</v>
      </c>
      <c r="B265">
        <v>5</v>
      </c>
      <c r="C265">
        <v>0.84</v>
      </c>
    </row>
    <row r="266" spans="1:3" x14ac:dyDescent="0.25">
      <c r="A266">
        <v>0.81</v>
      </c>
      <c r="B266">
        <v>5</v>
      </c>
      <c r="C266">
        <v>0.57999999999999996</v>
      </c>
    </row>
    <row r="267" spans="1:3" x14ac:dyDescent="0.25">
      <c r="A267">
        <v>0.78</v>
      </c>
      <c r="B267">
        <v>5</v>
      </c>
      <c r="C267">
        <v>0.87</v>
      </c>
    </row>
    <row r="268" spans="1:3" x14ac:dyDescent="0.25">
      <c r="A268">
        <v>0.78</v>
      </c>
      <c r="B268">
        <v>5</v>
      </c>
      <c r="C268">
        <v>0.88</v>
      </c>
    </row>
    <row r="269" spans="1:3" x14ac:dyDescent="0.25">
      <c r="A269">
        <v>0.78</v>
      </c>
      <c r="B269">
        <v>5</v>
      </c>
      <c r="C269">
        <v>0.57999999999999996</v>
      </c>
    </row>
    <row r="270" spans="1:3" x14ac:dyDescent="0.25">
      <c r="A270">
        <v>0.78</v>
      </c>
      <c r="B270">
        <v>5</v>
      </c>
      <c r="C270">
        <v>0.32</v>
      </c>
    </row>
    <row r="271" spans="1:3" x14ac:dyDescent="0.25">
      <c r="A271">
        <v>0.77</v>
      </c>
      <c r="B271">
        <v>5</v>
      </c>
      <c r="C271">
        <v>0.81</v>
      </c>
    </row>
    <row r="272" spans="1:3" x14ac:dyDescent="0.25">
      <c r="A272">
        <v>0.76</v>
      </c>
      <c r="B272">
        <v>5</v>
      </c>
      <c r="C272">
        <v>0.82</v>
      </c>
    </row>
    <row r="273" spans="1:3" x14ac:dyDescent="0.25">
      <c r="A273">
        <v>0.76</v>
      </c>
      <c r="B273">
        <v>5</v>
      </c>
      <c r="C273">
        <v>0.56000000000000005</v>
      </c>
    </row>
    <row r="274" spans="1:3" x14ac:dyDescent="0.25">
      <c r="A274">
        <v>0.74</v>
      </c>
      <c r="B274">
        <v>5</v>
      </c>
      <c r="C274">
        <v>0.43</v>
      </c>
    </row>
    <row r="275" spans="1:3" x14ac:dyDescent="0.25">
      <c r="A275">
        <v>0.73</v>
      </c>
      <c r="B275">
        <v>5</v>
      </c>
      <c r="C275">
        <v>0.47</v>
      </c>
    </row>
    <row r="276" spans="1:3" x14ac:dyDescent="0.25">
      <c r="A276">
        <v>0.72</v>
      </c>
      <c r="B276">
        <v>5</v>
      </c>
      <c r="C276">
        <v>0.2</v>
      </c>
    </row>
    <row r="277" spans="1:3" x14ac:dyDescent="0.25">
      <c r="A277">
        <v>0.71</v>
      </c>
      <c r="B277">
        <v>5</v>
      </c>
      <c r="C277">
        <v>0.79</v>
      </c>
    </row>
    <row r="278" spans="1:3" x14ac:dyDescent="0.25">
      <c r="A278">
        <v>0.69</v>
      </c>
      <c r="B278">
        <v>5</v>
      </c>
      <c r="C278">
        <v>0.42</v>
      </c>
    </row>
    <row r="279" spans="1:3" x14ac:dyDescent="0.25">
      <c r="A279">
        <v>0.68</v>
      </c>
      <c r="B279">
        <v>5</v>
      </c>
      <c r="C279">
        <v>0.1</v>
      </c>
    </row>
    <row r="280" spans="1:3" x14ac:dyDescent="0.25">
      <c r="A280">
        <v>0.68</v>
      </c>
      <c r="B280">
        <v>5</v>
      </c>
      <c r="C280">
        <v>0.4</v>
      </c>
    </row>
    <row r="281" spans="1:3" x14ac:dyDescent="0.25">
      <c r="A281">
        <v>0.67</v>
      </c>
      <c r="B281">
        <v>5</v>
      </c>
      <c r="C281">
        <v>0.23</v>
      </c>
    </row>
    <row r="282" spans="1:3" x14ac:dyDescent="0.25">
      <c r="A282">
        <v>0.65</v>
      </c>
      <c r="B282">
        <v>5</v>
      </c>
      <c r="C282">
        <v>0.94</v>
      </c>
    </row>
    <row r="283" spans="1:3" x14ac:dyDescent="0.25">
      <c r="A283">
        <v>0.64</v>
      </c>
      <c r="B283">
        <v>5</v>
      </c>
      <c r="C283">
        <v>0.73</v>
      </c>
    </row>
    <row r="284" spans="1:3" x14ac:dyDescent="0.25">
      <c r="A284">
        <v>0.64</v>
      </c>
      <c r="B284">
        <v>5</v>
      </c>
      <c r="C284">
        <v>0.6</v>
      </c>
    </row>
    <row r="285" spans="1:3" x14ac:dyDescent="0.25">
      <c r="A285">
        <v>0.63</v>
      </c>
      <c r="B285">
        <v>5</v>
      </c>
      <c r="C285">
        <v>0.56000000000000005</v>
      </c>
    </row>
    <row r="286" spans="1:3" x14ac:dyDescent="0.25">
      <c r="A286">
        <v>0.63</v>
      </c>
      <c r="B286">
        <v>5</v>
      </c>
      <c r="C286">
        <v>0.92</v>
      </c>
    </row>
    <row r="287" spans="1:3" x14ac:dyDescent="0.25">
      <c r="A287">
        <v>0.63</v>
      </c>
      <c r="B287">
        <v>5</v>
      </c>
      <c r="C287">
        <v>0.27</v>
      </c>
    </row>
    <row r="288" spans="1:3" x14ac:dyDescent="0.25">
      <c r="A288">
        <v>0.6</v>
      </c>
      <c r="B288">
        <v>5</v>
      </c>
      <c r="C288">
        <v>0.68</v>
      </c>
    </row>
    <row r="289" spans="1:3" x14ac:dyDescent="0.25">
      <c r="A289">
        <v>0.57999999999999996</v>
      </c>
      <c r="B289">
        <v>5</v>
      </c>
      <c r="C289">
        <v>0.31</v>
      </c>
    </row>
    <row r="290" spans="1:3" x14ac:dyDescent="0.25">
      <c r="A290">
        <v>0.57999999999999996</v>
      </c>
      <c r="B290">
        <v>5</v>
      </c>
      <c r="C290">
        <v>0.53</v>
      </c>
    </row>
    <row r="291" spans="1:3" x14ac:dyDescent="0.25">
      <c r="A291">
        <v>0.56999999999999995</v>
      </c>
      <c r="B291">
        <v>5</v>
      </c>
      <c r="C291">
        <v>0.61</v>
      </c>
    </row>
    <row r="292" spans="1:3" x14ac:dyDescent="0.25">
      <c r="A292">
        <v>0.56000000000000005</v>
      </c>
      <c r="B292">
        <v>5</v>
      </c>
      <c r="C292">
        <v>0.24</v>
      </c>
    </row>
    <row r="293" spans="1:3" x14ac:dyDescent="0.25">
      <c r="A293">
        <v>0.56000000000000005</v>
      </c>
      <c r="B293">
        <v>5</v>
      </c>
      <c r="C293">
        <v>0.82</v>
      </c>
    </row>
    <row r="294" spans="1:3" x14ac:dyDescent="0.25">
      <c r="A294">
        <v>0.54</v>
      </c>
      <c r="B294">
        <v>5</v>
      </c>
      <c r="C294">
        <v>0.13</v>
      </c>
    </row>
    <row r="295" spans="1:3" x14ac:dyDescent="0.25">
      <c r="A295">
        <v>0.54</v>
      </c>
      <c r="B295">
        <v>5</v>
      </c>
      <c r="C295">
        <v>0.95</v>
      </c>
    </row>
    <row r="296" spans="1:3" x14ac:dyDescent="0.25">
      <c r="A296">
        <v>0.53</v>
      </c>
      <c r="B296">
        <v>5</v>
      </c>
      <c r="C296">
        <v>0.89</v>
      </c>
    </row>
    <row r="297" spans="1:3" x14ac:dyDescent="0.25">
      <c r="A297">
        <v>0.5</v>
      </c>
      <c r="B297">
        <v>5</v>
      </c>
      <c r="C297">
        <v>0.64</v>
      </c>
    </row>
    <row r="298" spans="1:3" x14ac:dyDescent="0.25">
      <c r="A298">
        <v>1</v>
      </c>
      <c r="B298">
        <v>6</v>
      </c>
      <c r="C298">
        <v>0.71</v>
      </c>
    </row>
    <row r="299" spans="1:3" x14ac:dyDescent="0.25">
      <c r="A299">
        <v>0.97</v>
      </c>
      <c r="B299">
        <v>6</v>
      </c>
      <c r="C299">
        <v>0.43</v>
      </c>
    </row>
    <row r="300" spans="1:3" x14ac:dyDescent="0.25">
      <c r="A300">
        <v>0.96</v>
      </c>
      <c r="B300">
        <v>6</v>
      </c>
      <c r="C300">
        <v>0.65</v>
      </c>
    </row>
    <row r="301" spans="1:3" x14ac:dyDescent="0.25">
      <c r="A301">
        <v>0.96</v>
      </c>
      <c r="B301">
        <v>6</v>
      </c>
      <c r="C301">
        <v>0.68</v>
      </c>
    </row>
    <row r="302" spans="1:3" x14ac:dyDescent="0.25">
      <c r="A302">
        <v>0.95</v>
      </c>
      <c r="B302">
        <v>6</v>
      </c>
      <c r="C302">
        <v>0.87</v>
      </c>
    </row>
    <row r="303" spans="1:3" x14ac:dyDescent="0.25">
      <c r="A303">
        <v>0.91</v>
      </c>
      <c r="B303">
        <v>6</v>
      </c>
      <c r="C303">
        <v>0.72</v>
      </c>
    </row>
    <row r="304" spans="1:3" x14ac:dyDescent="0.25">
      <c r="A304">
        <v>0.91</v>
      </c>
      <c r="B304">
        <v>6</v>
      </c>
      <c r="C304">
        <v>0.67</v>
      </c>
    </row>
    <row r="305" spans="1:3" x14ac:dyDescent="0.25">
      <c r="A305">
        <v>0.9</v>
      </c>
      <c r="B305">
        <v>6</v>
      </c>
      <c r="C305">
        <v>0.94</v>
      </c>
    </row>
    <row r="306" spans="1:3" x14ac:dyDescent="0.25">
      <c r="A306">
        <v>0.9</v>
      </c>
      <c r="B306">
        <v>6</v>
      </c>
      <c r="C306">
        <v>0.45</v>
      </c>
    </row>
    <row r="307" spans="1:3" x14ac:dyDescent="0.25">
      <c r="A307">
        <v>0.9</v>
      </c>
      <c r="B307">
        <v>6</v>
      </c>
      <c r="C307">
        <v>0.26</v>
      </c>
    </row>
    <row r="308" spans="1:3" x14ac:dyDescent="0.25">
      <c r="A308">
        <v>0.89</v>
      </c>
      <c r="B308">
        <v>6</v>
      </c>
      <c r="C308">
        <v>0.84</v>
      </c>
    </row>
    <row r="309" spans="1:3" x14ac:dyDescent="0.25">
      <c r="A309">
        <v>0.85</v>
      </c>
      <c r="B309">
        <v>6</v>
      </c>
      <c r="C309">
        <v>0.86</v>
      </c>
    </row>
    <row r="310" spans="1:3" x14ac:dyDescent="0.25">
      <c r="A310">
        <v>0.83</v>
      </c>
      <c r="B310">
        <v>6</v>
      </c>
      <c r="C310">
        <v>0.51</v>
      </c>
    </row>
    <row r="311" spans="1:3" x14ac:dyDescent="0.25">
      <c r="A311">
        <v>0.82</v>
      </c>
      <c r="B311">
        <v>6</v>
      </c>
      <c r="C311">
        <v>0.45</v>
      </c>
    </row>
    <row r="312" spans="1:3" x14ac:dyDescent="0.25">
      <c r="A312">
        <v>0.82</v>
      </c>
      <c r="B312">
        <v>6</v>
      </c>
      <c r="C312">
        <v>0.56000000000000005</v>
      </c>
    </row>
    <row r="313" spans="1:3" x14ac:dyDescent="0.25">
      <c r="A313">
        <v>0.82</v>
      </c>
      <c r="B313">
        <v>6</v>
      </c>
      <c r="C313">
        <v>0.88</v>
      </c>
    </row>
    <row r="314" spans="1:3" x14ac:dyDescent="0.25">
      <c r="A314">
        <v>0.82</v>
      </c>
      <c r="B314">
        <v>6</v>
      </c>
      <c r="C314">
        <v>0.45</v>
      </c>
    </row>
    <row r="315" spans="1:3" x14ac:dyDescent="0.25">
      <c r="A315">
        <v>0.8</v>
      </c>
      <c r="B315">
        <v>6</v>
      </c>
      <c r="C315">
        <v>0.67</v>
      </c>
    </row>
    <row r="316" spans="1:3" x14ac:dyDescent="0.25">
      <c r="A316">
        <v>0.8</v>
      </c>
      <c r="B316">
        <v>6</v>
      </c>
      <c r="C316">
        <v>0.47</v>
      </c>
    </row>
    <row r="317" spans="1:3" x14ac:dyDescent="0.25">
      <c r="A317">
        <v>0.78</v>
      </c>
      <c r="B317">
        <v>6</v>
      </c>
      <c r="C317">
        <v>0.77</v>
      </c>
    </row>
    <row r="318" spans="1:3" x14ac:dyDescent="0.25">
      <c r="A318">
        <v>0.78</v>
      </c>
      <c r="B318">
        <v>6</v>
      </c>
      <c r="C318">
        <v>0.85</v>
      </c>
    </row>
    <row r="319" spans="1:3" x14ac:dyDescent="0.25">
      <c r="A319">
        <v>0.77</v>
      </c>
      <c r="B319">
        <v>6</v>
      </c>
      <c r="C319">
        <v>0.45</v>
      </c>
    </row>
    <row r="320" spans="1:3" x14ac:dyDescent="0.25">
      <c r="A320">
        <v>0.77</v>
      </c>
      <c r="B320">
        <v>6</v>
      </c>
      <c r="C320">
        <v>0.43</v>
      </c>
    </row>
    <row r="321" spans="1:3" x14ac:dyDescent="0.25">
      <c r="A321">
        <v>0.75</v>
      </c>
      <c r="B321">
        <v>6</v>
      </c>
      <c r="C321">
        <v>0.47</v>
      </c>
    </row>
    <row r="322" spans="1:3" x14ac:dyDescent="0.25">
      <c r="A322">
        <v>0.74</v>
      </c>
      <c r="B322">
        <v>6</v>
      </c>
      <c r="C322">
        <v>0.56000000000000005</v>
      </c>
    </row>
    <row r="323" spans="1:3" x14ac:dyDescent="0.25">
      <c r="A323">
        <v>0.74</v>
      </c>
      <c r="B323">
        <v>6</v>
      </c>
      <c r="C323">
        <v>0.56000000000000005</v>
      </c>
    </row>
    <row r="324" spans="1:3" x14ac:dyDescent="0.25">
      <c r="A324">
        <v>0.73</v>
      </c>
      <c r="B324">
        <v>6</v>
      </c>
      <c r="C324">
        <v>0.45</v>
      </c>
    </row>
    <row r="325" spans="1:3" x14ac:dyDescent="0.25">
      <c r="A325">
        <v>0.72</v>
      </c>
      <c r="B325">
        <v>6</v>
      </c>
      <c r="C325">
        <v>0.57999999999999996</v>
      </c>
    </row>
    <row r="326" spans="1:3" x14ac:dyDescent="0.25">
      <c r="A326">
        <v>0.69</v>
      </c>
      <c r="B326">
        <v>6</v>
      </c>
      <c r="C326">
        <v>0.56000000000000005</v>
      </c>
    </row>
    <row r="327" spans="1:3" x14ac:dyDescent="0.25">
      <c r="A327">
        <v>0.69</v>
      </c>
      <c r="B327">
        <v>6</v>
      </c>
      <c r="C327">
        <v>0.87</v>
      </c>
    </row>
    <row r="328" spans="1:3" x14ac:dyDescent="0.25">
      <c r="A328">
        <v>0.67</v>
      </c>
      <c r="B328">
        <v>6</v>
      </c>
      <c r="C328">
        <v>0.39</v>
      </c>
    </row>
    <row r="329" spans="1:3" x14ac:dyDescent="0.25">
      <c r="A329">
        <v>0.66</v>
      </c>
      <c r="B329">
        <v>6</v>
      </c>
      <c r="C329">
        <v>0.85</v>
      </c>
    </row>
    <row r="330" spans="1:3" x14ac:dyDescent="0.25">
      <c r="A330">
        <v>0.64</v>
      </c>
      <c r="B330">
        <v>6</v>
      </c>
      <c r="C330">
        <v>0.54</v>
      </c>
    </row>
    <row r="331" spans="1:3" x14ac:dyDescent="0.25">
      <c r="A331">
        <v>0.56999999999999995</v>
      </c>
      <c r="B331">
        <v>6</v>
      </c>
      <c r="C331">
        <v>0.92</v>
      </c>
    </row>
    <row r="332" spans="1:3" x14ac:dyDescent="0.25">
      <c r="A332">
        <v>0.55000000000000004</v>
      </c>
      <c r="B332">
        <v>6</v>
      </c>
      <c r="C332">
        <v>0.9</v>
      </c>
    </row>
    <row r="333" spans="1:3" x14ac:dyDescent="0.25">
      <c r="A333">
        <v>0.55000000000000004</v>
      </c>
      <c r="B333">
        <v>6</v>
      </c>
      <c r="C333">
        <v>0.77</v>
      </c>
    </row>
    <row r="334" spans="1:3" x14ac:dyDescent="0.25">
      <c r="A334">
        <v>0.54</v>
      </c>
      <c r="B334">
        <v>6</v>
      </c>
      <c r="C334">
        <v>0.77</v>
      </c>
    </row>
    <row r="335" spans="1:3" x14ac:dyDescent="0.25">
      <c r="A335">
        <v>0.5</v>
      </c>
      <c r="B335">
        <v>6</v>
      </c>
      <c r="C335">
        <v>0.41</v>
      </c>
    </row>
    <row r="336" spans="1:3" x14ac:dyDescent="0.25">
      <c r="A336">
        <v>0.5</v>
      </c>
      <c r="B336">
        <v>6</v>
      </c>
      <c r="C336">
        <v>0.17</v>
      </c>
    </row>
    <row r="337" spans="1:3" x14ac:dyDescent="0.25">
      <c r="A337">
        <v>0.96</v>
      </c>
      <c r="B337">
        <v>7</v>
      </c>
      <c r="C337">
        <v>0.75</v>
      </c>
    </row>
    <row r="338" spans="1:3" x14ac:dyDescent="0.25">
      <c r="A338">
        <v>0.95</v>
      </c>
      <c r="B338">
        <v>7</v>
      </c>
      <c r="C338">
        <v>0.71</v>
      </c>
    </row>
    <row r="339" spans="1:3" x14ac:dyDescent="0.25">
      <c r="A339">
        <v>0.95</v>
      </c>
      <c r="B339">
        <v>7</v>
      </c>
      <c r="C339">
        <v>0.46</v>
      </c>
    </row>
    <row r="340" spans="1:3" x14ac:dyDescent="0.25">
      <c r="A340">
        <v>0.94</v>
      </c>
      <c r="B340">
        <v>7</v>
      </c>
      <c r="C340">
        <v>0.15</v>
      </c>
    </row>
    <row r="341" spans="1:3" x14ac:dyDescent="0.25">
      <c r="A341">
        <v>0.93</v>
      </c>
      <c r="B341">
        <v>7</v>
      </c>
      <c r="C341">
        <v>0.25</v>
      </c>
    </row>
    <row r="342" spans="1:3" x14ac:dyDescent="0.25">
      <c r="A342">
        <v>0.92</v>
      </c>
      <c r="B342">
        <v>7</v>
      </c>
      <c r="C342">
        <v>0.35</v>
      </c>
    </row>
    <row r="343" spans="1:3" x14ac:dyDescent="0.25">
      <c r="A343">
        <v>0.91</v>
      </c>
      <c r="B343">
        <v>7</v>
      </c>
      <c r="C343">
        <v>0.33</v>
      </c>
    </row>
    <row r="344" spans="1:3" x14ac:dyDescent="0.25">
      <c r="A344">
        <v>0.9</v>
      </c>
      <c r="B344">
        <v>7</v>
      </c>
      <c r="C344">
        <v>0.23</v>
      </c>
    </row>
    <row r="345" spans="1:3" x14ac:dyDescent="0.25">
      <c r="A345">
        <v>0.89</v>
      </c>
      <c r="B345">
        <v>7</v>
      </c>
      <c r="C345">
        <v>0.74</v>
      </c>
    </row>
    <row r="346" spans="1:3" x14ac:dyDescent="0.25">
      <c r="A346">
        <v>0.89</v>
      </c>
      <c r="B346">
        <v>7</v>
      </c>
      <c r="C346">
        <v>0.61</v>
      </c>
    </row>
    <row r="347" spans="1:3" x14ac:dyDescent="0.25">
      <c r="A347">
        <v>0.89</v>
      </c>
      <c r="B347">
        <v>7</v>
      </c>
      <c r="C347">
        <v>0.19</v>
      </c>
    </row>
    <row r="348" spans="1:3" x14ac:dyDescent="0.25">
      <c r="A348">
        <v>0.89</v>
      </c>
      <c r="B348">
        <v>7</v>
      </c>
      <c r="C348">
        <v>0.17</v>
      </c>
    </row>
    <row r="349" spans="1:3" x14ac:dyDescent="0.25">
      <c r="A349">
        <v>0.89</v>
      </c>
      <c r="B349">
        <v>7</v>
      </c>
      <c r="C349">
        <v>0.55000000000000004</v>
      </c>
    </row>
    <row r="350" spans="1:3" x14ac:dyDescent="0.25">
      <c r="A350">
        <v>0.88</v>
      </c>
      <c r="B350">
        <v>7</v>
      </c>
      <c r="C350">
        <v>0.84</v>
      </c>
    </row>
    <row r="351" spans="1:3" x14ac:dyDescent="0.25">
      <c r="A351">
        <v>0.86</v>
      </c>
      <c r="B351">
        <v>7</v>
      </c>
      <c r="C351">
        <v>0.54</v>
      </c>
    </row>
    <row r="352" spans="1:3" x14ac:dyDescent="0.25">
      <c r="A352">
        <v>0.85</v>
      </c>
      <c r="B352">
        <v>7</v>
      </c>
      <c r="C352">
        <v>0.26</v>
      </c>
    </row>
    <row r="353" spans="1:3" x14ac:dyDescent="0.25">
      <c r="A353">
        <v>0.85</v>
      </c>
      <c r="B353">
        <v>7</v>
      </c>
      <c r="C353">
        <v>0.7</v>
      </c>
    </row>
    <row r="354" spans="1:3" x14ac:dyDescent="0.25">
      <c r="A354">
        <v>0.81</v>
      </c>
      <c r="B354">
        <v>7</v>
      </c>
      <c r="C354">
        <v>0.69</v>
      </c>
    </row>
    <row r="355" spans="1:3" x14ac:dyDescent="0.25">
      <c r="A355">
        <v>0.81</v>
      </c>
      <c r="B355">
        <v>7</v>
      </c>
      <c r="C355">
        <v>0.56999999999999995</v>
      </c>
    </row>
    <row r="356" spans="1:3" x14ac:dyDescent="0.25">
      <c r="A356">
        <v>0.81</v>
      </c>
      <c r="B356">
        <v>7</v>
      </c>
      <c r="C356">
        <v>0.44</v>
      </c>
    </row>
    <row r="357" spans="1:3" x14ac:dyDescent="0.25">
      <c r="A357">
        <v>0.8</v>
      </c>
      <c r="B357">
        <v>7</v>
      </c>
      <c r="C357">
        <v>0.18</v>
      </c>
    </row>
    <row r="358" spans="1:3" x14ac:dyDescent="0.25">
      <c r="A358">
        <v>0.78</v>
      </c>
      <c r="B358">
        <v>7</v>
      </c>
      <c r="C358">
        <v>0.82</v>
      </c>
    </row>
    <row r="359" spans="1:3" x14ac:dyDescent="0.25">
      <c r="A359">
        <v>0.77</v>
      </c>
      <c r="B359">
        <v>7</v>
      </c>
      <c r="C359">
        <v>0.5</v>
      </c>
    </row>
    <row r="360" spans="1:3" x14ac:dyDescent="0.25">
      <c r="A360">
        <v>0.77</v>
      </c>
      <c r="B360">
        <v>7</v>
      </c>
      <c r="C360">
        <v>0.36</v>
      </c>
    </row>
    <row r="361" spans="1:3" x14ac:dyDescent="0.25">
      <c r="A361">
        <v>0.75</v>
      </c>
      <c r="B361">
        <v>7</v>
      </c>
      <c r="C361">
        <v>0.88</v>
      </c>
    </row>
    <row r="362" spans="1:3" x14ac:dyDescent="0.25">
      <c r="A362">
        <v>0.74</v>
      </c>
      <c r="B362">
        <v>7</v>
      </c>
      <c r="C362">
        <v>0.95</v>
      </c>
    </row>
    <row r="363" spans="1:3" x14ac:dyDescent="0.25">
      <c r="A363">
        <v>0.72</v>
      </c>
      <c r="B363">
        <v>7</v>
      </c>
      <c r="C363">
        <v>0.86</v>
      </c>
    </row>
    <row r="364" spans="1:3" x14ac:dyDescent="0.25">
      <c r="A364">
        <v>0.69</v>
      </c>
      <c r="B364">
        <v>7</v>
      </c>
      <c r="C364">
        <v>0.55000000000000004</v>
      </c>
    </row>
    <row r="365" spans="1:3" x14ac:dyDescent="0.25">
      <c r="A365">
        <v>0.69</v>
      </c>
      <c r="B365">
        <v>7</v>
      </c>
      <c r="C365">
        <v>0.57999999999999996</v>
      </c>
    </row>
    <row r="366" spans="1:3" x14ac:dyDescent="0.25">
      <c r="A366">
        <v>0.68</v>
      </c>
      <c r="B366">
        <v>7</v>
      </c>
      <c r="C366">
        <v>0.41</v>
      </c>
    </row>
    <row r="367" spans="1:3" x14ac:dyDescent="0.25">
      <c r="A367">
        <v>0.67</v>
      </c>
      <c r="B367">
        <v>7</v>
      </c>
      <c r="C367">
        <v>0.93</v>
      </c>
    </row>
    <row r="368" spans="1:3" x14ac:dyDescent="0.25">
      <c r="A368">
        <v>0.66</v>
      </c>
      <c r="B368">
        <v>7</v>
      </c>
      <c r="C368">
        <v>0.82</v>
      </c>
    </row>
    <row r="369" spans="1:3" x14ac:dyDescent="0.25">
      <c r="A369">
        <v>0.66</v>
      </c>
      <c r="B369">
        <v>7</v>
      </c>
      <c r="C369">
        <v>0.35</v>
      </c>
    </row>
    <row r="370" spans="1:3" x14ac:dyDescent="0.25">
      <c r="A370">
        <v>0.65</v>
      </c>
      <c r="B370">
        <v>7</v>
      </c>
      <c r="C370">
        <v>0.11</v>
      </c>
    </row>
    <row r="371" spans="1:3" x14ac:dyDescent="0.25">
      <c r="A371">
        <v>0.63</v>
      </c>
      <c r="B371">
        <v>7</v>
      </c>
      <c r="C371">
        <v>0.41</v>
      </c>
    </row>
    <row r="372" spans="1:3" x14ac:dyDescent="0.25">
      <c r="A372">
        <v>0.62</v>
      </c>
      <c r="B372">
        <v>7</v>
      </c>
      <c r="C372">
        <v>0.38</v>
      </c>
    </row>
    <row r="373" spans="1:3" x14ac:dyDescent="0.25">
      <c r="A373">
        <v>0.59</v>
      </c>
      <c r="B373">
        <v>7</v>
      </c>
      <c r="C373">
        <v>0.2</v>
      </c>
    </row>
    <row r="374" spans="1:3" x14ac:dyDescent="0.25">
      <c r="A374">
        <v>0.57999999999999996</v>
      </c>
      <c r="B374">
        <v>7</v>
      </c>
      <c r="C374">
        <v>0.32</v>
      </c>
    </row>
    <row r="375" spans="1:3" x14ac:dyDescent="0.25">
      <c r="A375">
        <v>0.57999999999999996</v>
      </c>
      <c r="B375">
        <v>7</v>
      </c>
      <c r="C375">
        <v>0.9</v>
      </c>
    </row>
    <row r="376" spans="1:3" x14ac:dyDescent="0.25">
      <c r="A376">
        <v>0.56000000000000005</v>
      </c>
      <c r="B376">
        <v>7</v>
      </c>
      <c r="C376">
        <v>0.53</v>
      </c>
    </row>
    <row r="377" spans="1:3" x14ac:dyDescent="0.25">
      <c r="A377">
        <v>0.54</v>
      </c>
      <c r="B377">
        <v>7</v>
      </c>
      <c r="C377">
        <v>0.76</v>
      </c>
    </row>
    <row r="378" spans="1:3" x14ac:dyDescent="0.25">
      <c r="A378">
        <v>0.54</v>
      </c>
      <c r="B378">
        <v>7</v>
      </c>
      <c r="C378">
        <v>0.78</v>
      </c>
    </row>
    <row r="379" spans="1:3" x14ac:dyDescent="0.25">
      <c r="A379">
        <v>0.54</v>
      </c>
      <c r="B379">
        <v>7</v>
      </c>
      <c r="C379">
        <v>0.51</v>
      </c>
    </row>
    <row r="380" spans="1:3" x14ac:dyDescent="0.25">
      <c r="A380">
        <v>0.52</v>
      </c>
      <c r="B380">
        <v>7</v>
      </c>
      <c r="C380">
        <v>0.19</v>
      </c>
    </row>
    <row r="381" spans="1:3" x14ac:dyDescent="0.25">
      <c r="A381">
        <v>0.52</v>
      </c>
      <c r="B381">
        <v>7</v>
      </c>
      <c r="C381">
        <v>0.59</v>
      </c>
    </row>
    <row r="382" spans="1:3" x14ac:dyDescent="0.25">
      <c r="A382">
        <v>0.5</v>
      </c>
      <c r="B382">
        <v>7</v>
      </c>
      <c r="C382">
        <v>0.38</v>
      </c>
    </row>
    <row r="383" spans="1:3" x14ac:dyDescent="0.25">
      <c r="A383">
        <v>0.98</v>
      </c>
      <c r="B383">
        <v>8</v>
      </c>
      <c r="C383">
        <v>0.41</v>
      </c>
    </row>
    <row r="384" spans="1:3" x14ac:dyDescent="0.25">
      <c r="A384">
        <v>0.94</v>
      </c>
      <c r="B384">
        <v>8</v>
      </c>
      <c r="C384">
        <v>0.06</v>
      </c>
    </row>
    <row r="385" spans="1:3" x14ac:dyDescent="0.25">
      <c r="A385">
        <v>0.92</v>
      </c>
      <c r="B385">
        <v>8</v>
      </c>
      <c r="C385">
        <v>0.86</v>
      </c>
    </row>
    <row r="386" spans="1:3" x14ac:dyDescent="0.25">
      <c r="A386">
        <v>0.92</v>
      </c>
      <c r="B386">
        <v>8</v>
      </c>
      <c r="C386">
        <v>0.37</v>
      </c>
    </row>
    <row r="387" spans="1:3" x14ac:dyDescent="0.25">
      <c r="A387">
        <v>0.9</v>
      </c>
      <c r="B387">
        <v>8</v>
      </c>
      <c r="C387">
        <v>0.13</v>
      </c>
    </row>
    <row r="388" spans="1:3" x14ac:dyDescent="0.25">
      <c r="A388">
        <v>0.88</v>
      </c>
      <c r="B388">
        <v>8</v>
      </c>
      <c r="C388">
        <v>0.42</v>
      </c>
    </row>
    <row r="389" spans="1:3" x14ac:dyDescent="0.25">
      <c r="A389">
        <v>0.87</v>
      </c>
      <c r="B389">
        <v>8</v>
      </c>
      <c r="C389">
        <v>0.68</v>
      </c>
    </row>
    <row r="390" spans="1:3" x14ac:dyDescent="0.25">
      <c r="A390">
        <v>0.87</v>
      </c>
      <c r="B390">
        <v>8</v>
      </c>
      <c r="C390">
        <v>0.79</v>
      </c>
    </row>
    <row r="391" spans="1:3" x14ac:dyDescent="0.25">
      <c r="A391">
        <v>0.87</v>
      </c>
      <c r="B391">
        <v>8</v>
      </c>
      <c r="C391">
        <v>0.31</v>
      </c>
    </row>
    <row r="392" spans="1:3" x14ac:dyDescent="0.25">
      <c r="A392">
        <v>0.85</v>
      </c>
      <c r="B392">
        <v>8</v>
      </c>
      <c r="C392">
        <v>0.56000000000000005</v>
      </c>
    </row>
    <row r="393" spans="1:3" x14ac:dyDescent="0.25">
      <c r="A393">
        <v>0.84</v>
      </c>
      <c r="B393">
        <v>8</v>
      </c>
      <c r="C393">
        <v>0.55000000000000004</v>
      </c>
    </row>
    <row r="394" spans="1:3" x14ac:dyDescent="0.25">
      <c r="A394">
        <v>0.84</v>
      </c>
      <c r="B394">
        <v>8</v>
      </c>
      <c r="C394">
        <v>0.62</v>
      </c>
    </row>
    <row r="395" spans="1:3" x14ac:dyDescent="0.25">
      <c r="A395">
        <v>0.83</v>
      </c>
      <c r="B395">
        <v>8</v>
      </c>
      <c r="C395">
        <v>0.86</v>
      </c>
    </row>
    <row r="396" spans="1:3" x14ac:dyDescent="0.25">
      <c r="A396">
        <v>0.82</v>
      </c>
      <c r="B396">
        <v>8</v>
      </c>
      <c r="C396">
        <v>0.72</v>
      </c>
    </row>
    <row r="397" spans="1:3" x14ac:dyDescent="0.25">
      <c r="A397">
        <v>0.8</v>
      </c>
      <c r="B397">
        <v>8</v>
      </c>
      <c r="C397">
        <v>0.79</v>
      </c>
    </row>
    <row r="398" spans="1:3" x14ac:dyDescent="0.25">
      <c r="A398">
        <v>0.78</v>
      </c>
      <c r="B398">
        <v>8</v>
      </c>
      <c r="C398">
        <v>0.43</v>
      </c>
    </row>
    <row r="399" spans="1:3" x14ac:dyDescent="0.25">
      <c r="A399">
        <v>0.78</v>
      </c>
      <c r="B399">
        <v>8</v>
      </c>
      <c r="C399">
        <v>0.4</v>
      </c>
    </row>
    <row r="400" spans="1:3" x14ac:dyDescent="0.25">
      <c r="A400">
        <v>0.78</v>
      </c>
      <c r="B400">
        <v>8</v>
      </c>
      <c r="C400">
        <v>0.56000000000000005</v>
      </c>
    </row>
    <row r="401" spans="1:3" x14ac:dyDescent="0.25">
      <c r="A401">
        <v>0.77</v>
      </c>
      <c r="B401">
        <v>8</v>
      </c>
      <c r="C401">
        <v>0.44</v>
      </c>
    </row>
    <row r="402" spans="1:3" x14ac:dyDescent="0.25">
      <c r="A402">
        <v>0.75</v>
      </c>
      <c r="B402">
        <v>8</v>
      </c>
      <c r="C402">
        <v>0.17</v>
      </c>
    </row>
    <row r="403" spans="1:3" x14ac:dyDescent="0.25">
      <c r="A403">
        <v>0.74</v>
      </c>
      <c r="B403">
        <v>8</v>
      </c>
      <c r="C403">
        <v>0.48</v>
      </c>
    </row>
    <row r="404" spans="1:3" x14ac:dyDescent="0.25">
      <c r="A404">
        <v>0.74</v>
      </c>
      <c r="B404">
        <v>8</v>
      </c>
      <c r="C404">
        <v>0.45</v>
      </c>
    </row>
    <row r="405" spans="1:3" x14ac:dyDescent="0.25">
      <c r="A405">
        <v>0.74</v>
      </c>
      <c r="B405">
        <v>8</v>
      </c>
      <c r="C405">
        <v>0.45</v>
      </c>
    </row>
    <row r="406" spans="1:3" x14ac:dyDescent="0.25">
      <c r="A406">
        <v>0.74</v>
      </c>
      <c r="B406">
        <v>8</v>
      </c>
      <c r="C406">
        <v>0.67</v>
      </c>
    </row>
    <row r="407" spans="1:3" x14ac:dyDescent="0.25">
      <c r="A407">
        <v>0.73</v>
      </c>
      <c r="B407">
        <v>8</v>
      </c>
      <c r="C407">
        <v>0.64</v>
      </c>
    </row>
    <row r="408" spans="1:3" x14ac:dyDescent="0.25">
      <c r="A408">
        <v>0.72</v>
      </c>
      <c r="B408">
        <v>8</v>
      </c>
      <c r="C408">
        <v>0.54</v>
      </c>
    </row>
    <row r="409" spans="1:3" x14ac:dyDescent="0.25">
      <c r="A409">
        <v>0.69</v>
      </c>
      <c r="B409">
        <v>8</v>
      </c>
      <c r="C409">
        <v>0.67</v>
      </c>
    </row>
    <row r="410" spans="1:3" x14ac:dyDescent="0.25">
      <c r="A410">
        <v>0.68</v>
      </c>
      <c r="B410">
        <v>8</v>
      </c>
      <c r="C410">
        <v>0.82</v>
      </c>
    </row>
    <row r="411" spans="1:3" x14ac:dyDescent="0.25">
      <c r="A411">
        <v>0.68</v>
      </c>
      <c r="B411">
        <v>8</v>
      </c>
      <c r="C411">
        <v>0.73</v>
      </c>
    </row>
    <row r="412" spans="1:3" x14ac:dyDescent="0.25">
      <c r="A412">
        <v>0.68</v>
      </c>
      <c r="B412">
        <v>8</v>
      </c>
      <c r="C412">
        <v>0.67</v>
      </c>
    </row>
    <row r="413" spans="1:3" x14ac:dyDescent="0.25">
      <c r="A413">
        <v>0.67</v>
      </c>
      <c r="B413">
        <v>8</v>
      </c>
      <c r="C413">
        <v>0.28000000000000003</v>
      </c>
    </row>
    <row r="414" spans="1:3" x14ac:dyDescent="0.25">
      <c r="A414">
        <v>0.64</v>
      </c>
      <c r="B414">
        <v>8</v>
      </c>
      <c r="C414">
        <v>0.52</v>
      </c>
    </row>
    <row r="415" spans="1:3" x14ac:dyDescent="0.25">
      <c r="A415">
        <v>0.64</v>
      </c>
      <c r="B415">
        <v>8</v>
      </c>
      <c r="C415">
        <v>7.0000000000000007E-2</v>
      </c>
    </row>
    <row r="416" spans="1:3" x14ac:dyDescent="0.25">
      <c r="A416">
        <v>0.62</v>
      </c>
      <c r="B416">
        <v>8</v>
      </c>
      <c r="C416">
        <v>0.05</v>
      </c>
    </row>
    <row r="417" spans="1:3" x14ac:dyDescent="0.25">
      <c r="A417">
        <v>0.61</v>
      </c>
      <c r="B417">
        <v>8</v>
      </c>
      <c r="C417">
        <v>0.28000000000000003</v>
      </c>
    </row>
    <row r="418" spans="1:3" x14ac:dyDescent="0.25">
      <c r="A418">
        <v>0.61</v>
      </c>
      <c r="B418">
        <v>8</v>
      </c>
      <c r="C418">
        <v>0.71</v>
      </c>
    </row>
    <row r="419" spans="1:3" x14ac:dyDescent="0.25">
      <c r="A419">
        <v>0.59</v>
      </c>
      <c r="B419">
        <v>8</v>
      </c>
      <c r="C419">
        <v>0.77</v>
      </c>
    </row>
    <row r="420" spans="1:3" x14ac:dyDescent="0.25">
      <c r="A420">
        <v>0.59</v>
      </c>
      <c r="B420">
        <v>8</v>
      </c>
      <c r="C420">
        <v>0.5</v>
      </c>
    </row>
    <row r="421" spans="1:3" x14ac:dyDescent="0.25">
      <c r="A421">
        <v>0.57999999999999996</v>
      </c>
      <c r="B421">
        <v>8</v>
      </c>
      <c r="C421">
        <v>0.84</v>
      </c>
    </row>
    <row r="422" spans="1:3" x14ac:dyDescent="0.25">
      <c r="A422">
        <v>0.56999999999999995</v>
      </c>
      <c r="B422">
        <v>8</v>
      </c>
      <c r="C422">
        <v>0.82</v>
      </c>
    </row>
    <row r="423" spans="1:3" x14ac:dyDescent="0.25">
      <c r="A423">
        <v>0.56999999999999995</v>
      </c>
      <c r="B423">
        <v>8</v>
      </c>
      <c r="C423">
        <v>0.4</v>
      </c>
    </row>
    <row r="424" spans="1:3" x14ac:dyDescent="0.25">
      <c r="A424">
        <v>0.56999999999999995</v>
      </c>
      <c r="B424">
        <v>8</v>
      </c>
      <c r="C424">
        <v>0.86</v>
      </c>
    </row>
    <row r="425" spans="1:3" x14ac:dyDescent="0.25">
      <c r="A425">
        <v>0.54</v>
      </c>
      <c r="B425">
        <v>8</v>
      </c>
      <c r="C425">
        <v>0.48</v>
      </c>
    </row>
    <row r="426" spans="1:3" x14ac:dyDescent="0.25">
      <c r="A426">
        <v>0.54</v>
      </c>
      <c r="B426">
        <v>8</v>
      </c>
      <c r="C426">
        <v>0.39</v>
      </c>
    </row>
    <row r="427" spans="1:3" x14ac:dyDescent="0.25">
      <c r="A427">
        <v>0.53</v>
      </c>
      <c r="B427">
        <v>8</v>
      </c>
      <c r="C427">
        <v>0.63</v>
      </c>
    </row>
    <row r="428" spans="1:3" x14ac:dyDescent="0.25">
      <c r="A428">
        <v>0.51</v>
      </c>
      <c r="B428">
        <v>8</v>
      </c>
      <c r="C428">
        <v>0.26</v>
      </c>
    </row>
    <row r="429" spans="1:3" x14ac:dyDescent="0.25">
      <c r="A429">
        <v>0.51</v>
      </c>
      <c r="B429">
        <v>8</v>
      </c>
      <c r="C429">
        <v>0.47</v>
      </c>
    </row>
    <row r="430" spans="1:3" x14ac:dyDescent="0.25">
      <c r="A430">
        <v>0.5</v>
      </c>
      <c r="B430">
        <v>8</v>
      </c>
      <c r="C430">
        <v>0.33</v>
      </c>
    </row>
    <row r="431" spans="1:3" x14ac:dyDescent="0.25">
      <c r="A431">
        <v>0.99</v>
      </c>
      <c r="B431">
        <v>9</v>
      </c>
      <c r="C431">
        <v>0.9</v>
      </c>
    </row>
    <row r="432" spans="1:3" x14ac:dyDescent="0.25">
      <c r="A432">
        <v>0.98</v>
      </c>
      <c r="B432">
        <v>9</v>
      </c>
      <c r="C432">
        <v>0.7</v>
      </c>
    </row>
    <row r="433" spans="1:3" x14ac:dyDescent="0.25">
      <c r="A433">
        <v>0.98</v>
      </c>
      <c r="B433">
        <v>9</v>
      </c>
      <c r="C433">
        <v>0.5</v>
      </c>
    </row>
    <row r="434" spans="1:3" x14ac:dyDescent="0.25">
      <c r="A434">
        <v>0.95</v>
      </c>
      <c r="B434">
        <v>9</v>
      </c>
      <c r="C434">
        <v>0.83</v>
      </c>
    </row>
    <row r="435" spans="1:3" x14ac:dyDescent="0.25">
      <c r="A435">
        <v>0.94</v>
      </c>
      <c r="B435">
        <v>9</v>
      </c>
      <c r="C435">
        <v>0.12</v>
      </c>
    </row>
    <row r="436" spans="1:3" x14ac:dyDescent="0.25">
      <c r="A436">
        <v>0.94</v>
      </c>
      <c r="B436">
        <v>9</v>
      </c>
      <c r="C436">
        <v>0.95</v>
      </c>
    </row>
    <row r="437" spans="1:3" x14ac:dyDescent="0.25">
      <c r="A437">
        <v>0.93</v>
      </c>
      <c r="B437">
        <v>9</v>
      </c>
      <c r="C437">
        <v>0.4</v>
      </c>
    </row>
    <row r="438" spans="1:3" x14ac:dyDescent="0.25">
      <c r="A438">
        <v>0.91</v>
      </c>
      <c r="B438">
        <v>9</v>
      </c>
      <c r="C438">
        <v>0.5</v>
      </c>
    </row>
    <row r="439" spans="1:3" x14ac:dyDescent="0.25">
      <c r="A439">
        <v>0.91</v>
      </c>
      <c r="B439">
        <v>9</v>
      </c>
      <c r="C439">
        <v>0.31</v>
      </c>
    </row>
    <row r="440" spans="1:3" x14ac:dyDescent="0.25">
      <c r="A440">
        <v>0.89</v>
      </c>
      <c r="B440">
        <v>9</v>
      </c>
      <c r="C440">
        <v>0.46</v>
      </c>
    </row>
    <row r="441" spans="1:3" x14ac:dyDescent="0.25">
      <c r="A441">
        <v>0.88</v>
      </c>
      <c r="B441">
        <v>9</v>
      </c>
      <c r="C441">
        <v>0.69</v>
      </c>
    </row>
    <row r="442" spans="1:3" x14ac:dyDescent="0.25">
      <c r="A442">
        <v>0.87</v>
      </c>
      <c r="B442">
        <v>9</v>
      </c>
      <c r="C442">
        <v>0.26</v>
      </c>
    </row>
    <row r="443" spans="1:3" x14ac:dyDescent="0.25">
      <c r="A443">
        <v>0.86</v>
      </c>
      <c r="B443">
        <v>9</v>
      </c>
      <c r="C443">
        <v>0.72</v>
      </c>
    </row>
    <row r="444" spans="1:3" x14ac:dyDescent="0.25">
      <c r="A444">
        <v>0.85</v>
      </c>
      <c r="B444">
        <v>9</v>
      </c>
      <c r="C444">
        <v>0.17</v>
      </c>
    </row>
    <row r="445" spans="1:3" x14ac:dyDescent="0.25">
      <c r="A445">
        <v>0.84</v>
      </c>
      <c r="B445">
        <v>9</v>
      </c>
      <c r="C445">
        <v>0.74</v>
      </c>
    </row>
    <row r="446" spans="1:3" x14ac:dyDescent="0.25">
      <c r="A446">
        <v>0.82</v>
      </c>
      <c r="B446">
        <v>9</v>
      </c>
      <c r="C446">
        <v>0.11</v>
      </c>
    </row>
    <row r="447" spans="1:3" x14ac:dyDescent="0.25">
      <c r="A447">
        <v>0.82</v>
      </c>
      <c r="B447">
        <v>9</v>
      </c>
      <c r="C447">
        <v>0.65</v>
      </c>
    </row>
    <row r="448" spans="1:3" x14ac:dyDescent="0.25">
      <c r="A448">
        <v>0.79</v>
      </c>
      <c r="B448">
        <v>9</v>
      </c>
      <c r="C448">
        <v>0.53</v>
      </c>
    </row>
    <row r="449" spans="1:3" x14ac:dyDescent="0.25">
      <c r="A449">
        <v>0.79</v>
      </c>
      <c r="B449">
        <v>9</v>
      </c>
      <c r="C449">
        <v>0.81</v>
      </c>
    </row>
    <row r="450" spans="1:3" x14ac:dyDescent="0.25">
      <c r="A450">
        <v>0.78</v>
      </c>
      <c r="B450">
        <v>9</v>
      </c>
      <c r="C450">
        <v>0.75</v>
      </c>
    </row>
    <row r="451" spans="1:3" x14ac:dyDescent="0.25">
      <c r="A451">
        <v>0.77</v>
      </c>
      <c r="B451">
        <v>9</v>
      </c>
      <c r="C451">
        <v>0.05</v>
      </c>
    </row>
    <row r="452" spans="1:3" x14ac:dyDescent="0.25">
      <c r="A452">
        <v>0.76</v>
      </c>
      <c r="B452">
        <v>9</v>
      </c>
      <c r="C452">
        <v>0.24</v>
      </c>
    </row>
    <row r="453" spans="1:3" x14ac:dyDescent="0.25">
      <c r="A453">
        <v>0.72</v>
      </c>
      <c r="B453">
        <v>9</v>
      </c>
      <c r="C453">
        <v>0.06</v>
      </c>
    </row>
    <row r="454" spans="1:3" x14ac:dyDescent="0.25">
      <c r="A454">
        <v>0.71</v>
      </c>
      <c r="B454">
        <v>9</v>
      </c>
      <c r="C454">
        <v>0.53</v>
      </c>
    </row>
    <row r="455" spans="1:3" x14ac:dyDescent="0.25">
      <c r="A455">
        <v>0.7</v>
      </c>
      <c r="B455">
        <v>9</v>
      </c>
      <c r="C455">
        <v>0.27</v>
      </c>
    </row>
    <row r="456" spans="1:3" x14ac:dyDescent="0.25">
      <c r="A456">
        <v>0.69</v>
      </c>
      <c r="B456">
        <v>9</v>
      </c>
      <c r="C456">
        <v>0.79</v>
      </c>
    </row>
    <row r="457" spans="1:3" x14ac:dyDescent="0.25">
      <c r="A457">
        <v>0.69</v>
      </c>
      <c r="B457">
        <v>9</v>
      </c>
      <c r="C457">
        <v>0.81</v>
      </c>
    </row>
    <row r="458" spans="1:3" x14ac:dyDescent="0.25">
      <c r="A458">
        <v>0.68</v>
      </c>
      <c r="B458">
        <v>9</v>
      </c>
      <c r="C458">
        <v>0.5</v>
      </c>
    </row>
    <row r="459" spans="1:3" x14ac:dyDescent="0.25">
      <c r="A459">
        <v>0.68</v>
      </c>
      <c r="B459">
        <v>9</v>
      </c>
      <c r="C459">
        <v>0.63</v>
      </c>
    </row>
    <row r="460" spans="1:3" x14ac:dyDescent="0.25">
      <c r="A460">
        <v>0.65</v>
      </c>
      <c r="B460">
        <v>9</v>
      </c>
      <c r="C460">
        <v>0.83</v>
      </c>
    </row>
    <row r="461" spans="1:3" x14ac:dyDescent="0.25">
      <c r="A461">
        <v>0.65</v>
      </c>
      <c r="B461">
        <v>9</v>
      </c>
      <c r="C461">
        <v>0.26</v>
      </c>
    </row>
    <row r="462" spans="1:3" x14ac:dyDescent="0.25">
      <c r="A462">
        <v>0.63</v>
      </c>
      <c r="B462">
        <v>9</v>
      </c>
      <c r="C462">
        <v>0.91</v>
      </c>
    </row>
    <row r="463" spans="1:3" x14ac:dyDescent="0.25">
      <c r="A463">
        <v>0.62</v>
      </c>
      <c r="B463">
        <v>9</v>
      </c>
      <c r="C463">
        <v>0.75</v>
      </c>
    </row>
    <row r="464" spans="1:3" x14ac:dyDescent="0.25">
      <c r="A464">
        <v>0.62</v>
      </c>
      <c r="B464">
        <v>9</v>
      </c>
      <c r="C464">
        <v>0.77</v>
      </c>
    </row>
    <row r="465" spans="1:3" x14ac:dyDescent="0.25">
      <c r="A465">
        <v>0.59</v>
      </c>
      <c r="B465">
        <v>9</v>
      </c>
      <c r="C465">
        <v>0.34</v>
      </c>
    </row>
    <row r="466" spans="1:3" x14ac:dyDescent="0.25">
      <c r="A466">
        <v>0.57999999999999996</v>
      </c>
      <c r="B466">
        <v>9</v>
      </c>
      <c r="C466">
        <v>0.44</v>
      </c>
    </row>
    <row r="467" spans="1:3" x14ac:dyDescent="0.25">
      <c r="A467">
        <v>0.57999999999999996</v>
      </c>
      <c r="B467">
        <v>9</v>
      </c>
      <c r="C467">
        <v>0.19</v>
      </c>
    </row>
    <row r="468" spans="1:3" x14ac:dyDescent="0.25">
      <c r="A468">
        <v>0.56000000000000005</v>
      </c>
      <c r="B468">
        <v>9</v>
      </c>
      <c r="C468">
        <v>0.09</v>
      </c>
    </row>
    <row r="469" spans="1:3" x14ac:dyDescent="0.25">
      <c r="A469">
        <v>0.56000000000000005</v>
      </c>
      <c r="B469">
        <v>9</v>
      </c>
      <c r="C469">
        <v>0.79</v>
      </c>
    </row>
    <row r="470" spans="1:3" x14ac:dyDescent="0.25">
      <c r="A470">
        <v>0.54</v>
      </c>
      <c r="B470">
        <v>9</v>
      </c>
      <c r="C470">
        <v>0.22</v>
      </c>
    </row>
    <row r="471" spans="1:3" x14ac:dyDescent="0.25">
      <c r="A471">
        <v>0.54</v>
      </c>
      <c r="B471">
        <v>9</v>
      </c>
      <c r="C471">
        <v>0.2</v>
      </c>
    </row>
    <row r="472" spans="1:3" x14ac:dyDescent="0.25">
      <c r="A472">
        <v>0.52</v>
      </c>
      <c r="B472">
        <v>9</v>
      </c>
      <c r="C472">
        <v>0.47</v>
      </c>
    </row>
    <row r="473" spans="1:3" x14ac:dyDescent="0.25">
      <c r="A473">
        <v>0.52</v>
      </c>
      <c r="B473">
        <v>9</v>
      </c>
      <c r="C473">
        <v>0.39</v>
      </c>
    </row>
    <row r="474" spans="1:3" x14ac:dyDescent="0.25">
      <c r="A474">
        <v>0.52</v>
      </c>
      <c r="B474">
        <v>9</v>
      </c>
      <c r="C474">
        <v>0.4</v>
      </c>
    </row>
    <row r="475" spans="1:3" x14ac:dyDescent="0.25">
      <c r="A475">
        <v>0.51</v>
      </c>
      <c r="B475">
        <v>9</v>
      </c>
      <c r="C475">
        <v>0.59</v>
      </c>
    </row>
    <row r="476" spans="1:3" x14ac:dyDescent="0.25">
      <c r="A476">
        <v>0.51</v>
      </c>
      <c r="B476">
        <v>9</v>
      </c>
      <c r="C476">
        <v>0.48</v>
      </c>
    </row>
    <row r="477" spans="1:3" x14ac:dyDescent="0.25">
      <c r="A477">
        <v>0.5</v>
      </c>
      <c r="B477">
        <v>9</v>
      </c>
      <c r="C477">
        <v>0.82</v>
      </c>
    </row>
    <row r="478" spans="1:3" x14ac:dyDescent="0.25">
      <c r="A478">
        <v>1</v>
      </c>
      <c r="B478">
        <v>10</v>
      </c>
      <c r="C478">
        <v>0.61</v>
      </c>
    </row>
    <row r="479" spans="1:3" x14ac:dyDescent="0.25">
      <c r="A479">
        <v>1</v>
      </c>
      <c r="B479">
        <v>10</v>
      </c>
      <c r="C479">
        <v>0.61</v>
      </c>
    </row>
    <row r="480" spans="1:3" x14ac:dyDescent="0.25">
      <c r="A480">
        <v>0.99</v>
      </c>
      <c r="B480">
        <v>10</v>
      </c>
      <c r="C480">
        <v>0.46</v>
      </c>
    </row>
    <row r="481" spans="1:3" x14ac:dyDescent="0.25">
      <c r="A481">
        <v>0.95</v>
      </c>
      <c r="B481">
        <v>10</v>
      </c>
      <c r="C481">
        <v>0.27</v>
      </c>
    </row>
    <row r="482" spans="1:3" x14ac:dyDescent="0.25">
      <c r="A482">
        <v>0.95</v>
      </c>
      <c r="B482">
        <v>10</v>
      </c>
      <c r="C482">
        <v>0.48</v>
      </c>
    </row>
    <row r="483" spans="1:3" x14ac:dyDescent="0.25">
      <c r="A483">
        <v>0.93</v>
      </c>
      <c r="B483">
        <v>10</v>
      </c>
      <c r="C483">
        <v>7.0000000000000007E-2</v>
      </c>
    </row>
    <row r="484" spans="1:3" x14ac:dyDescent="0.25">
      <c r="A484">
        <v>0.93</v>
      </c>
      <c r="B484">
        <v>10</v>
      </c>
      <c r="C484">
        <v>0.79</v>
      </c>
    </row>
    <row r="485" spans="1:3" x14ac:dyDescent="0.25">
      <c r="A485">
        <v>0.92</v>
      </c>
      <c r="B485">
        <v>10</v>
      </c>
      <c r="C485">
        <v>0.16</v>
      </c>
    </row>
    <row r="486" spans="1:3" x14ac:dyDescent="0.25">
      <c r="A486">
        <v>0.91</v>
      </c>
      <c r="B486">
        <v>10</v>
      </c>
      <c r="C486">
        <v>0.53</v>
      </c>
    </row>
    <row r="487" spans="1:3" x14ac:dyDescent="0.25">
      <c r="A487">
        <v>0.9</v>
      </c>
      <c r="B487">
        <v>10</v>
      </c>
      <c r="C487">
        <v>0.65</v>
      </c>
    </row>
    <row r="488" spans="1:3" x14ac:dyDescent="0.25">
      <c r="A488">
        <v>0.9</v>
      </c>
      <c r="B488">
        <v>10</v>
      </c>
      <c r="C488">
        <v>0.26</v>
      </c>
    </row>
    <row r="489" spans="1:3" x14ac:dyDescent="0.25">
      <c r="A489">
        <v>0.89</v>
      </c>
      <c r="B489">
        <v>10</v>
      </c>
      <c r="C489">
        <v>0.39</v>
      </c>
    </row>
    <row r="490" spans="1:3" x14ac:dyDescent="0.25">
      <c r="A490">
        <v>0.87</v>
      </c>
      <c r="B490">
        <v>10</v>
      </c>
      <c r="C490">
        <v>0.79</v>
      </c>
    </row>
    <row r="491" spans="1:3" x14ac:dyDescent="0.25">
      <c r="A491">
        <v>0.87</v>
      </c>
      <c r="B491">
        <v>10</v>
      </c>
      <c r="C491">
        <v>0.82</v>
      </c>
    </row>
    <row r="492" spans="1:3" x14ac:dyDescent="0.25">
      <c r="A492">
        <v>0.86</v>
      </c>
      <c r="B492">
        <v>10</v>
      </c>
      <c r="C492">
        <v>0.45</v>
      </c>
    </row>
    <row r="493" spans="1:3" x14ac:dyDescent="0.25">
      <c r="A493">
        <v>0.85</v>
      </c>
      <c r="B493">
        <v>10</v>
      </c>
      <c r="C493">
        <v>0.52</v>
      </c>
    </row>
    <row r="494" spans="1:3" x14ac:dyDescent="0.25">
      <c r="A494">
        <v>0.83</v>
      </c>
      <c r="B494">
        <v>10</v>
      </c>
      <c r="C494">
        <v>0.09</v>
      </c>
    </row>
    <row r="495" spans="1:3" x14ac:dyDescent="0.25">
      <c r="A495">
        <v>0.8</v>
      </c>
      <c r="B495">
        <v>10</v>
      </c>
      <c r="C495">
        <v>0.53</v>
      </c>
    </row>
    <row r="496" spans="1:3" x14ac:dyDescent="0.25">
      <c r="A496">
        <v>0.8</v>
      </c>
      <c r="B496">
        <v>10</v>
      </c>
      <c r="C496">
        <v>0.08</v>
      </c>
    </row>
    <row r="497" spans="1:3" x14ac:dyDescent="0.25">
      <c r="A497">
        <v>0.8</v>
      </c>
      <c r="B497">
        <v>10</v>
      </c>
      <c r="C497">
        <v>0.12</v>
      </c>
    </row>
    <row r="498" spans="1:3" x14ac:dyDescent="0.25">
      <c r="A498">
        <v>0.8</v>
      </c>
      <c r="B498">
        <v>10</v>
      </c>
      <c r="C498">
        <v>0.41</v>
      </c>
    </row>
    <row r="499" spans="1:3" x14ac:dyDescent="0.25">
      <c r="A499">
        <v>0.79</v>
      </c>
      <c r="B499">
        <v>10</v>
      </c>
      <c r="C499">
        <v>0.88</v>
      </c>
    </row>
    <row r="500" spans="1:3" x14ac:dyDescent="0.25">
      <c r="A500">
        <v>0.79</v>
      </c>
      <c r="B500">
        <v>10</v>
      </c>
      <c r="C500">
        <v>0.94</v>
      </c>
    </row>
    <row r="501" spans="1:3" x14ac:dyDescent="0.25">
      <c r="A501">
        <v>0.77</v>
      </c>
      <c r="B501">
        <v>10</v>
      </c>
      <c r="C501">
        <v>0.66</v>
      </c>
    </row>
    <row r="502" spans="1:3" x14ac:dyDescent="0.25">
      <c r="A502">
        <v>0.76</v>
      </c>
      <c r="B502">
        <v>10</v>
      </c>
      <c r="C502">
        <v>0.81</v>
      </c>
    </row>
    <row r="503" spans="1:3" x14ac:dyDescent="0.25">
      <c r="A503">
        <v>0.75</v>
      </c>
      <c r="B503">
        <v>10</v>
      </c>
      <c r="C503">
        <v>0.68</v>
      </c>
    </row>
    <row r="504" spans="1:3" x14ac:dyDescent="0.25">
      <c r="A504">
        <v>0.74</v>
      </c>
      <c r="B504">
        <v>10</v>
      </c>
      <c r="C504">
        <v>0.64</v>
      </c>
    </row>
    <row r="505" spans="1:3" x14ac:dyDescent="0.25">
      <c r="A505">
        <v>0.73</v>
      </c>
      <c r="B505">
        <v>10</v>
      </c>
      <c r="C505">
        <v>0.9</v>
      </c>
    </row>
    <row r="506" spans="1:3" x14ac:dyDescent="0.25">
      <c r="A506">
        <v>0.73</v>
      </c>
      <c r="B506">
        <v>10</v>
      </c>
      <c r="C506">
        <v>0.95</v>
      </c>
    </row>
    <row r="507" spans="1:3" x14ac:dyDescent="0.25">
      <c r="A507">
        <v>0.72</v>
      </c>
      <c r="B507">
        <v>10</v>
      </c>
      <c r="C507">
        <v>0.05</v>
      </c>
    </row>
    <row r="508" spans="1:3" x14ac:dyDescent="0.25">
      <c r="A508">
        <v>0.72</v>
      </c>
      <c r="B508">
        <v>10</v>
      </c>
      <c r="C508">
        <v>0.63</v>
      </c>
    </row>
    <row r="509" spans="1:3" x14ac:dyDescent="0.25">
      <c r="A509">
        <v>0.71</v>
      </c>
      <c r="B509">
        <v>10</v>
      </c>
      <c r="C509">
        <v>0.87</v>
      </c>
    </row>
    <row r="510" spans="1:3" x14ac:dyDescent="0.25">
      <c r="A510">
        <v>0.68</v>
      </c>
      <c r="B510">
        <v>10</v>
      </c>
      <c r="C510">
        <v>0.8</v>
      </c>
    </row>
    <row r="511" spans="1:3" x14ac:dyDescent="0.25">
      <c r="A511">
        <v>0.68</v>
      </c>
      <c r="B511">
        <v>10</v>
      </c>
      <c r="C511">
        <v>0.92</v>
      </c>
    </row>
    <row r="512" spans="1:3" x14ac:dyDescent="0.25">
      <c r="A512">
        <v>0.67</v>
      </c>
      <c r="B512">
        <v>10</v>
      </c>
      <c r="C512">
        <v>0.77</v>
      </c>
    </row>
    <row r="513" spans="1:3" x14ac:dyDescent="0.25">
      <c r="A513">
        <v>0.66</v>
      </c>
      <c r="B513">
        <v>10</v>
      </c>
      <c r="C513">
        <v>0.68</v>
      </c>
    </row>
    <row r="514" spans="1:3" x14ac:dyDescent="0.25">
      <c r="A514">
        <v>0.64</v>
      </c>
      <c r="B514">
        <v>10</v>
      </c>
      <c r="C514">
        <v>0.23</v>
      </c>
    </row>
    <row r="515" spans="1:3" x14ac:dyDescent="0.25">
      <c r="A515">
        <v>0.64</v>
      </c>
      <c r="B515">
        <v>10</v>
      </c>
      <c r="C515">
        <v>0.67</v>
      </c>
    </row>
    <row r="516" spans="1:3" x14ac:dyDescent="0.25">
      <c r="A516">
        <v>0.62</v>
      </c>
      <c r="B516">
        <v>10</v>
      </c>
      <c r="C516">
        <v>0.42</v>
      </c>
    </row>
    <row r="517" spans="1:3" x14ac:dyDescent="0.25">
      <c r="A517">
        <v>0.6</v>
      </c>
      <c r="B517">
        <v>10</v>
      </c>
      <c r="C517">
        <v>0.33</v>
      </c>
    </row>
    <row r="518" spans="1:3" x14ac:dyDescent="0.25">
      <c r="A518">
        <v>0.6</v>
      </c>
      <c r="B518">
        <v>10</v>
      </c>
      <c r="C518">
        <v>0.61</v>
      </c>
    </row>
    <row r="519" spans="1:3" x14ac:dyDescent="0.25">
      <c r="A519">
        <v>0.59</v>
      </c>
      <c r="B519">
        <v>10</v>
      </c>
      <c r="C519">
        <v>0.12</v>
      </c>
    </row>
    <row r="520" spans="1:3" x14ac:dyDescent="0.25">
      <c r="A520">
        <v>0.59</v>
      </c>
      <c r="B520">
        <v>10</v>
      </c>
      <c r="C520">
        <v>0.36</v>
      </c>
    </row>
    <row r="521" spans="1:3" x14ac:dyDescent="0.25">
      <c r="A521">
        <v>0.56999999999999995</v>
      </c>
      <c r="B521">
        <v>10</v>
      </c>
      <c r="C521">
        <v>0.49</v>
      </c>
    </row>
    <row r="522" spans="1:3" x14ac:dyDescent="0.25">
      <c r="A522">
        <v>0.56999999999999995</v>
      </c>
      <c r="B522">
        <v>10</v>
      </c>
      <c r="C522">
        <v>0.68</v>
      </c>
    </row>
    <row r="523" spans="1:3" x14ac:dyDescent="0.25">
      <c r="A523">
        <v>0.56000000000000005</v>
      </c>
      <c r="B523">
        <v>10</v>
      </c>
      <c r="C523">
        <v>0.31</v>
      </c>
    </row>
    <row r="524" spans="1:3" x14ac:dyDescent="0.25">
      <c r="A524">
        <v>0.55000000000000004</v>
      </c>
      <c r="B524">
        <v>10</v>
      </c>
      <c r="C524">
        <v>0.87</v>
      </c>
    </row>
    <row r="525" spans="1:3" x14ac:dyDescent="0.25">
      <c r="A525">
        <v>0.55000000000000004</v>
      </c>
      <c r="B525">
        <v>10</v>
      </c>
      <c r="C525">
        <v>0.37</v>
      </c>
    </row>
    <row r="526" spans="1:3" x14ac:dyDescent="0.25">
      <c r="A526">
        <v>0.53</v>
      </c>
      <c r="B526">
        <v>10</v>
      </c>
      <c r="C526">
        <v>0.17</v>
      </c>
    </row>
    <row r="527" spans="1:3" x14ac:dyDescent="0.25">
      <c r="A527">
        <v>0.53</v>
      </c>
      <c r="B527">
        <v>10</v>
      </c>
      <c r="C527">
        <v>0.44</v>
      </c>
    </row>
    <row r="528" spans="1:3" x14ac:dyDescent="0.25">
      <c r="A528">
        <v>0.51</v>
      </c>
      <c r="B528">
        <v>10</v>
      </c>
      <c r="C528">
        <v>0.42</v>
      </c>
    </row>
    <row r="529" spans="1:3" x14ac:dyDescent="0.25">
      <c r="A529">
        <v>0.51</v>
      </c>
      <c r="B529">
        <v>10</v>
      </c>
      <c r="C529">
        <v>0.86</v>
      </c>
    </row>
    <row r="530" spans="1:3" x14ac:dyDescent="0.25">
      <c r="A530">
        <v>0.5</v>
      </c>
      <c r="B530">
        <v>10</v>
      </c>
      <c r="C530">
        <v>0.61</v>
      </c>
    </row>
    <row r="531" spans="1:3" x14ac:dyDescent="0.25">
      <c r="A531">
        <v>0.99</v>
      </c>
      <c r="B531">
        <v>11</v>
      </c>
      <c r="C531">
        <v>0.54</v>
      </c>
    </row>
    <row r="532" spans="1:3" x14ac:dyDescent="0.25">
      <c r="A532">
        <v>0.97</v>
      </c>
      <c r="B532">
        <v>11</v>
      </c>
      <c r="C532">
        <v>0.35</v>
      </c>
    </row>
    <row r="533" spans="1:3" x14ac:dyDescent="0.25">
      <c r="A533">
        <v>0.96</v>
      </c>
      <c r="B533">
        <v>11</v>
      </c>
      <c r="C533">
        <v>0.34</v>
      </c>
    </row>
    <row r="534" spans="1:3" x14ac:dyDescent="0.25">
      <c r="A534">
        <v>0.94</v>
      </c>
      <c r="B534">
        <v>11</v>
      </c>
      <c r="C534">
        <v>0.28000000000000003</v>
      </c>
    </row>
    <row r="535" spans="1:3" x14ac:dyDescent="0.25">
      <c r="A535">
        <v>0.92</v>
      </c>
      <c r="B535">
        <v>11</v>
      </c>
      <c r="C535">
        <v>0.8</v>
      </c>
    </row>
    <row r="536" spans="1:3" x14ac:dyDescent="0.25">
      <c r="A536">
        <v>0.92</v>
      </c>
      <c r="B536">
        <v>11</v>
      </c>
      <c r="C536">
        <v>0.7</v>
      </c>
    </row>
    <row r="537" spans="1:3" x14ac:dyDescent="0.25">
      <c r="A537">
        <v>0.91</v>
      </c>
      <c r="B537">
        <v>11</v>
      </c>
      <c r="C537">
        <v>0.19</v>
      </c>
    </row>
    <row r="538" spans="1:3" x14ac:dyDescent="0.25">
      <c r="A538">
        <v>0.91</v>
      </c>
      <c r="B538">
        <v>11</v>
      </c>
      <c r="C538">
        <v>0.24</v>
      </c>
    </row>
    <row r="539" spans="1:3" x14ac:dyDescent="0.25">
      <c r="A539">
        <v>0.91</v>
      </c>
      <c r="B539">
        <v>11</v>
      </c>
      <c r="C539">
        <v>0.36</v>
      </c>
    </row>
    <row r="540" spans="1:3" x14ac:dyDescent="0.25">
      <c r="A540">
        <v>0.91</v>
      </c>
      <c r="B540">
        <v>11</v>
      </c>
      <c r="C540">
        <v>0.69</v>
      </c>
    </row>
    <row r="541" spans="1:3" x14ac:dyDescent="0.25">
      <c r="A541">
        <v>0.89</v>
      </c>
      <c r="B541">
        <v>11</v>
      </c>
      <c r="C541">
        <v>0.15</v>
      </c>
    </row>
    <row r="542" spans="1:3" x14ac:dyDescent="0.25">
      <c r="A542">
        <v>0.88</v>
      </c>
      <c r="B542">
        <v>11</v>
      </c>
      <c r="C542">
        <v>0.6</v>
      </c>
    </row>
    <row r="543" spans="1:3" x14ac:dyDescent="0.25">
      <c r="A543">
        <v>0.87</v>
      </c>
      <c r="B543">
        <v>11</v>
      </c>
      <c r="C543">
        <v>0.41</v>
      </c>
    </row>
    <row r="544" spans="1:3" x14ac:dyDescent="0.25">
      <c r="A544">
        <v>0.86</v>
      </c>
      <c r="B544">
        <v>11</v>
      </c>
      <c r="C544">
        <v>0.56000000000000005</v>
      </c>
    </row>
    <row r="545" spans="1:3" x14ac:dyDescent="0.25">
      <c r="A545">
        <v>0.86</v>
      </c>
      <c r="B545">
        <v>11</v>
      </c>
      <c r="C545">
        <v>0.4</v>
      </c>
    </row>
    <row r="546" spans="1:3" x14ac:dyDescent="0.25">
      <c r="A546">
        <v>0.85</v>
      </c>
      <c r="B546">
        <v>11</v>
      </c>
      <c r="C546">
        <v>0.84</v>
      </c>
    </row>
    <row r="547" spans="1:3" x14ac:dyDescent="0.25">
      <c r="A547">
        <v>0.82</v>
      </c>
      <c r="B547">
        <v>11</v>
      </c>
      <c r="C547">
        <v>0.69</v>
      </c>
    </row>
    <row r="548" spans="1:3" x14ac:dyDescent="0.25">
      <c r="A548">
        <v>0.8</v>
      </c>
      <c r="B548">
        <v>11</v>
      </c>
      <c r="C548">
        <v>0.53</v>
      </c>
    </row>
    <row r="549" spans="1:3" x14ac:dyDescent="0.25">
      <c r="A549">
        <v>0.79</v>
      </c>
      <c r="B549">
        <v>11</v>
      </c>
      <c r="C549">
        <v>0.1</v>
      </c>
    </row>
    <row r="550" spans="1:3" x14ac:dyDescent="0.25">
      <c r="A550">
        <v>0.79</v>
      </c>
      <c r="B550">
        <v>11</v>
      </c>
      <c r="C550">
        <v>0.85</v>
      </c>
    </row>
    <row r="551" spans="1:3" x14ac:dyDescent="0.25">
      <c r="A551">
        <v>0.77</v>
      </c>
      <c r="B551">
        <v>11</v>
      </c>
      <c r="C551">
        <v>0.65</v>
      </c>
    </row>
    <row r="552" spans="1:3" x14ac:dyDescent="0.25">
      <c r="A552">
        <v>0.76</v>
      </c>
      <c r="B552">
        <v>11</v>
      </c>
      <c r="C552">
        <v>0.28000000000000003</v>
      </c>
    </row>
    <row r="553" spans="1:3" x14ac:dyDescent="0.25">
      <c r="A553">
        <v>0.75</v>
      </c>
      <c r="B553">
        <v>11</v>
      </c>
      <c r="C553">
        <v>0.24</v>
      </c>
    </row>
    <row r="554" spans="1:3" x14ac:dyDescent="0.25">
      <c r="A554">
        <v>0.74</v>
      </c>
      <c r="B554">
        <v>11</v>
      </c>
      <c r="C554">
        <v>0.33</v>
      </c>
    </row>
    <row r="555" spans="1:3" x14ac:dyDescent="0.25">
      <c r="A555">
        <v>0.74</v>
      </c>
      <c r="B555">
        <v>11</v>
      </c>
      <c r="C555">
        <v>0.86</v>
      </c>
    </row>
    <row r="556" spans="1:3" x14ac:dyDescent="0.25">
      <c r="A556">
        <v>0.74</v>
      </c>
      <c r="B556">
        <v>11</v>
      </c>
      <c r="C556">
        <v>0.63</v>
      </c>
    </row>
    <row r="557" spans="1:3" x14ac:dyDescent="0.25">
      <c r="A557">
        <v>0.73</v>
      </c>
      <c r="B557">
        <v>11</v>
      </c>
      <c r="C557">
        <v>0.54</v>
      </c>
    </row>
    <row r="558" spans="1:3" x14ac:dyDescent="0.25">
      <c r="A558">
        <v>0.73</v>
      </c>
      <c r="B558">
        <v>11</v>
      </c>
      <c r="C558">
        <v>0.34</v>
      </c>
    </row>
    <row r="559" spans="1:3" x14ac:dyDescent="0.25">
      <c r="A559">
        <v>0.73</v>
      </c>
      <c r="B559">
        <v>11</v>
      </c>
      <c r="C559">
        <v>0.88</v>
      </c>
    </row>
    <row r="560" spans="1:3" x14ac:dyDescent="0.25">
      <c r="A560">
        <v>0.72</v>
      </c>
      <c r="B560">
        <v>11</v>
      </c>
      <c r="C560">
        <v>0.24</v>
      </c>
    </row>
    <row r="561" spans="1:3" x14ac:dyDescent="0.25">
      <c r="A561">
        <v>0.71</v>
      </c>
      <c r="B561">
        <v>11</v>
      </c>
      <c r="C561">
        <v>0.06</v>
      </c>
    </row>
    <row r="562" spans="1:3" x14ac:dyDescent="0.25">
      <c r="A562">
        <v>0.7</v>
      </c>
      <c r="B562">
        <v>11</v>
      </c>
      <c r="C562">
        <v>0.08</v>
      </c>
    </row>
    <row r="563" spans="1:3" x14ac:dyDescent="0.25">
      <c r="A563">
        <v>0.69</v>
      </c>
      <c r="B563">
        <v>11</v>
      </c>
      <c r="C563">
        <v>0.39</v>
      </c>
    </row>
    <row r="564" spans="1:3" x14ac:dyDescent="0.25">
      <c r="A564">
        <v>0.69</v>
      </c>
      <c r="B564">
        <v>11</v>
      </c>
      <c r="C564">
        <v>0.28999999999999998</v>
      </c>
    </row>
    <row r="565" spans="1:3" x14ac:dyDescent="0.25">
      <c r="A565">
        <v>0.69</v>
      </c>
      <c r="B565">
        <v>11</v>
      </c>
      <c r="C565">
        <v>0.69</v>
      </c>
    </row>
    <row r="566" spans="1:3" x14ac:dyDescent="0.25">
      <c r="A566">
        <v>0.67</v>
      </c>
      <c r="B566">
        <v>11</v>
      </c>
      <c r="C566">
        <v>0.71</v>
      </c>
    </row>
    <row r="567" spans="1:3" x14ac:dyDescent="0.25">
      <c r="A567">
        <v>0.67</v>
      </c>
      <c r="B567">
        <v>11</v>
      </c>
      <c r="C567">
        <v>0.79</v>
      </c>
    </row>
    <row r="568" spans="1:3" x14ac:dyDescent="0.25">
      <c r="A568">
        <v>0.66</v>
      </c>
      <c r="B568">
        <v>11</v>
      </c>
      <c r="C568">
        <v>0.5</v>
      </c>
    </row>
    <row r="569" spans="1:3" x14ac:dyDescent="0.25">
      <c r="A569">
        <v>0.65</v>
      </c>
      <c r="B569">
        <v>11</v>
      </c>
      <c r="C569">
        <v>0.36</v>
      </c>
    </row>
    <row r="570" spans="1:3" x14ac:dyDescent="0.25">
      <c r="A570">
        <v>0.65</v>
      </c>
      <c r="B570">
        <v>11</v>
      </c>
      <c r="C570">
        <v>0.43</v>
      </c>
    </row>
    <row r="571" spans="1:3" x14ac:dyDescent="0.25">
      <c r="A571">
        <v>0.65</v>
      </c>
      <c r="B571">
        <v>11</v>
      </c>
      <c r="C571">
        <v>0.43</v>
      </c>
    </row>
    <row r="572" spans="1:3" x14ac:dyDescent="0.25">
      <c r="A572">
        <v>0.63</v>
      </c>
      <c r="B572">
        <v>11</v>
      </c>
      <c r="C572">
        <v>0.8</v>
      </c>
    </row>
    <row r="573" spans="1:3" x14ac:dyDescent="0.25">
      <c r="A573">
        <v>0.63</v>
      </c>
      <c r="B573">
        <v>11</v>
      </c>
      <c r="C573">
        <v>0.12</v>
      </c>
    </row>
    <row r="574" spans="1:3" x14ac:dyDescent="0.25">
      <c r="A574">
        <v>0.62</v>
      </c>
      <c r="B574">
        <v>11</v>
      </c>
      <c r="C574">
        <v>0.55000000000000004</v>
      </c>
    </row>
    <row r="575" spans="1:3" x14ac:dyDescent="0.25">
      <c r="A575">
        <v>0.61</v>
      </c>
      <c r="B575">
        <v>11</v>
      </c>
      <c r="C575">
        <v>0.56000000000000005</v>
      </c>
    </row>
    <row r="576" spans="1:3" x14ac:dyDescent="0.25">
      <c r="A576">
        <v>0.57999999999999996</v>
      </c>
      <c r="B576">
        <v>11</v>
      </c>
      <c r="C576">
        <v>0.3</v>
      </c>
    </row>
    <row r="577" spans="1:3" x14ac:dyDescent="0.25">
      <c r="A577">
        <v>0.56999999999999995</v>
      </c>
      <c r="B577">
        <v>11</v>
      </c>
      <c r="C577">
        <v>0.46</v>
      </c>
    </row>
    <row r="578" spans="1:3" x14ac:dyDescent="0.25">
      <c r="A578">
        <v>0.56999999999999995</v>
      </c>
      <c r="B578">
        <v>11</v>
      </c>
      <c r="C578">
        <v>0.84</v>
      </c>
    </row>
    <row r="579" spans="1:3" x14ac:dyDescent="0.25">
      <c r="A579">
        <v>0.56000000000000005</v>
      </c>
      <c r="B579">
        <v>11</v>
      </c>
      <c r="C579">
        <v>0.93</v>
      </c>
    </row>
    <row r="580" spans="1:3" x14ac:dyDescent="0.25">
      <c r="A580">
        <v>0.56000000000000005</v>
      </c>
      <c r="B580">
        <v>11</v>
      </c>
      <c r="C580">
        <v>0.28000000000000003</v>
      </c>
    </row>
    <row r="581" spans="1:3" x14ac:dyDescent="0.25">
      <c r="A581">
        <v>0.55000000000000004</v>
      </c>
      <c r="B581">
        <v>11</v>
      </c>
      <c r="C581">
        <v>0.24</v>
      </c>
    </row>
    <row r="582" spans="1:3" x14ac:dyDescent="0.25">
      <c r="A582">
        <v>0.55000000000000004</v>
      </c>
      <c r="B582">
        <v>11</v>
      </c>
      <c r="C582">
        <v>0.83</v>
      </c>
    </row>
    <row r="583" spans="1:3" x14ac:dyDescent="0.25">
      <c r="A583">
        <v>0.54</v>
      </c>
      <c r="B583">
        <v>11</v>
      </c>
      <c r="C583">
        <v>0.59</v>
      </c>
    </row>
    <row r="584" spans="1:3" x14ac:dyDescent="0.25">
      <c r="A584">
        <v>0.54</v>
      </c>
      <c r="B584">
        <v>11</v>
      </c>
      <c r="C584">
        <v>0.34</v>
      </c>
    </row>
    <row r="585" spans="1:3" x14ac:dyDescent="0.25">
      <c r="A585">
        <v>0.53</v>
      </c>
      <c r="B585">
        <v>11</v>
      </c>
      <c r="C585">
        <v>0.28000000000000003</v>
      </c>
    </row>
    <row r="586" spans="1:3" x14ac:dyDescent="0.25">
      <c r="A586">
        <v>0.53</v>
      </c>
      <c r="B586">
        <v>11</v>
      </c>
      <c r="C586">
        <v>0.78</v>
      </c>
    </row>
    <row r="587" spans="1:3" x14ac:dyDescent="0.25">
      <c r="A587">
        <v>0.99</v>
      </c>
      <c r="B587">
        <v>12</v>
      </c>
      <c r="C587">
        <v>0.45</v>
      </c>
    </row>
    <row r="588" spans="1:3" x14ac:dyDescent="0.25">
      <c r="A588">
        <v>0.97</v>
      </c>
      <c r="B588">
        <v>12</v>
      </c>
      <c r="C588">
        <v>0.86</v>
      </c>
    </row>
    <row r="589" spans="1:3" x14ac:dyDescent="0.25">
      <c r="A589">
        <v>0.95</v>
      </c>
      <c r="B589">
        <v>12</v>
      </c>
      <c r="C589">
        <v>0.71</v>
      </c>
    </row>
    <row r="590" spans="1:3" x14ac:dyDescent="0.25">
      <c r="A590">
        <v>0.95</v>
      </c>
      <c r="B590">
        <v>12</v>
      </c>
      <c r="C590">
        <v>0.95</v>
      </c>
    </row>
    <row r="591" spans="1:3" x14ac:dyDescent="0.25">
      <c r="A591">
        <v>0.94</v>
      </c>
      <c r="B591">
        <v>12</v>
      </c>
      <c r="C591">
        <v>0.62</v>
      </c>
    </row>
    <row r="592" spans="1:3" x14ac:dyDescent="0.25">
      <c r="A592">
        <v>0.91</v>
      </c>
      <c r="B592">
        <v>12</v>
      </c>
      <c r="C592">
        <v>0.4</v>
      </c>
    </row>
    <row r="593" spans="1:3" x14ac:dyDescent="0.25">
      <c r="A593">
        <v>0.91</v>
      </c>
      <c r="B593">
        <v>12</v>
      </c>
      <c r="C593">
        <v>0.37</v>
      </c>
    </row>
    <row r="594" spans="1:3" x14ac:dyDescent="0.25">
      <c r="A594">
        <v>0.9</v>
      </c>
      <c r="B594">
        <v>12</v>
      </c>
      <c r="C594">
        <v>0.84</v>
      </c>
    </row>
    <row r="595" spans="1:3" x14ac:dyDescent="0.25">
      <c r="A595">
        <v>0.9</v>
      </c>
      <c r="B595">
        <v>12</v>
      </c>
      <c r="C595">
        <v>0.61</v>
      </c>
    </row>
    <row r="596" spans="1:3" x14ac:dyDescent="0.25">
      <c r="A596">
        <v>0.87</v>
      </c>
      <c r="B596">
        <v>12</v>
      </c>
      <c r="C596">
        <v>0.46</v>
      </c>
    </row>
    <row r="597" spans="1:3" x14ac:dyDescent="0.25">
      <c r="A597">
        <v>0.87</v>
      </c>
      <c r="B597">
        <v>12</v>
      </c>
      <c r="C597">
        <v>0.67</v>
      </c>
    </row>
    <row r="598" spans="1:3" x14ac:dyDescent="0.25">
      <c r="A598">
        <v>0.87</v>
      </c>
      <c r="B598">
        <v>12</v>
      </c>
      <c r="C598">
        <v>0.67</v>
      </c>
    </row>
    <row r="599" spans="1:3" x14ac:dyDescent="0.25">
      <c r="A599">
        <v>0.87</v>
      </c>
      <c r="B599">
        <v>12</v>
      </c>
      <c r="C599">
        <v>0.84</v>
      </c>
    </row>
    <row r="600" spans="1:3" x14ac:dyDescent="0.25">
      <c r="A600">
        <v>0.82</v>
      </c>
      <c r="B600">
        <v>12</v>
      </c>
      <c r="C600">
        <v>0.3</v>
      </c>
    </row>
    <row r="601" spans="1:3" x14ac:dyDescent="0.25">
      <c r="A601">
        <v>0.82</v>
      </c>
      <c r="B601">
        <v>12</v>
      </c>
      <c r="C601">
        <v>0.6</v>
      </c>
    </row>
    <row r="602" spans="1:3" x14ac:dyDescent="0.25">
      <c r="A602">
        <v>0.82</v>
      </c>
      <c r="B602">
        <v>12</v>
      </c>
      <c r="C602">
        <v>0.8</v>
      </c>
    </row>
    <row r="603" spans="1:3" x14ac:dyDescent="0.25">
      <c r="A603">
        <v>0.81</v>
      </c>
      <c r="B603">
        <v>12</v>
      </c>
      <c r="C603">
        <v>0.88</v>
      </c>
    </row>
    <row r="604" spans="1:3" x14ac:dyDescent="0.25">
      <c r="A604">
        <v>0.79</v>
      </c>
      <c r="B604">
        <v>12</v>
      </c>
      <c r="C604">
        <v>0.75</v>
      </c>
    </row>
    <row r="605" spans="1:3" x14ac:dyDescent="0.25">
      <c r="A605">
        <v>0.79</v>
      </c>
      <c r="B605">
        <v>12</v>
      </c>
      <c r="C605">
        <v>0.36</v>
      </c>
    </row>
    <row r="606" spans="1:3" x14ac:dyDescent="0.25">
      <c r="A606">
        <v>0.78</v>
      </c>
      <c r="B606">
        <v>12</v>
      </c>
      <c r="C606">
        <v>0.76</v>
      </c>
    </row>
    <row r="607" spans="1:3" x14ac:dyDescent="0.25">
      <c r="A607">
        <v>0.77</v>
      </c>
      <c r="B607">
        <v>12</v>
      </c>
      <c r="C607">
        <v>0.1</v>
      </c>
    </row>
    <row r="608" spans="1:3" x14ac:dyDescent="0.25">
      <c r="A608">
        <v>0.77</v>
      </c>
      <c r="B608">
        <v>12</v>
      </c>
      <c r="C608">
        <v>0.64</v>
      </c>
    </row>
    <row r="609" spans="1:3" x14ac:dyDescent="0.25">
      <c r="A609">
        <v>0.77</v>
      </c>
      <c r="B609">
        <v>12</v>
      </c>
      <c r="C609">
        <v>0.93</v>
      </c>
    </row>
    <row r="610" spans="1:3" x14ac:dyDescent="0.25">
      <c r="A610">
        <v>0.76</v>
      </c>
      <c r="B610">
        <v>12</v>
      </c>
      <c r="C610">
        <v>0.44</v>
      </c>
    </row>
    <row r="611" spans="1:3" x14ac:dyDescent="0.25">
      <c r="A611">
        <v>0.74</v>
      </c>
      <c r="B611">
        <v>12</v>
      </c>
      <c r="C611">
        <v>0.64</v>
      </c>
    </row>
    <row r="612" spans="1:3" x14ac:dyDescent="0.25">
      <c r="A612">
        <v>0.69</v>
      </c>
      <c r="B612">
        <v>12</v>
      </c>
      <c r="C612">
        <v>0.16</v>
      </c>
    </row>
    <row r="613" spans="1:3" x14ac:dyDescent="0.25">
      <c r="A613">
        <v>0.69</v>
      </c>
      <c r="B613">
        <v>12</v>
      </c>
      <c r="C613">
        <v>0.28999999999999998</v>
      </c>
    </row>
    <row r="614" spans="1:3" x14ac:dyDescent="0.25">
      <c r="A614">
        <v>0.67</v>
      </c>
      <c r="B614">
        <v>12</v>
      </c>
      <c r="C614">
        <v>0.67</v>
      </c>
    </row>
    <row r="615" spans="1:3" x14ac:dyDescent="0.25">
      <c r="A615">
        <v>0.66</v>
      </c>
      <c r="B615">
        <v>12</v>
      </c>
      <c r="C615">
        <v>0.68</v>
      </c>
    </row>
    <row r="616" spans="1:3" x14ac:dyDescent="0.25">
      <c r="A616">
        <v>0.65</v>
      </c>
      <c r="B616">
        <v>12</v>
      </c>
      <c r="C616">
        <v>0.3</v>
      </c>
    </row>
    <row r="617" spans="1:3" x14ac:dyDescent="0.25">
      <c r="A617">
        <v>0.64</v>
      </c>
      <c r="B617">
        <v>12</v>
      </c>
      <c r="C617">
        <v>0.28000000000000003</v>
      </c>
    </row>
    <row r="618" spans="1:3" x14ac:dyDescent="0.25">
      <c r="A618">
        <v>0.63</v>
      </c>
      <c r="B618">
        <v>12</v>
      </c>
      <c r="C618">
        <v>0.85</v>
      </c>
    </row>
    <row r="619" spans="1:3" x14ac:dyDescent="0.25">
      <c r="A619">
        <v>0.62</v>
      </c>
      <c r="B619">
        <v>12</v>
      </c>
      <c r="C619">
        <v>0.55000000000000004</v>
      </c>
    </row>
    <row r="620" spans="1:3" x14ac:dyDescent="0.25">
      <c r="A620">
        <v>0.62</v>
      </c>
      <c r="B620">
        <v>12</v>
      </c>
      <c r="C620">
        <v>0.17</v>
      </c>
    </row>
    <row r="621" spans="1:3" x14ac:dyDescent="0.25">
      <c r="A621">
        <v>0.62</v>
      </c>
      <c r="B621">
        <v>12</v>
      </c>
      <c r="C621">
        <v>0.44</v>
      </c>
    </row>
    <row r="622" spans="1:3" x14ac:dyDescent="0.25">
      <c r="A622">
        <v>0.61</v>
      </c>
      <c r="B622">
        <v>12</v>
      </c>
      <c r="C622">
        <v>0.14000000000000001</v>
      </c>
    </row>
    <row r="623" spans="1:3" x14ac:dyDescent="0.25">
      <c r="A623">
        <v>0.6</v>
      </c>
      <c r="B623">
        <v>12</v>
      </c>
      <c r="C623">
        <v>0.51</v>
      </c>
    </row>
    <row r="624" spans="1:3" x14ac:dyDescent="0.25">
      <c r="A624">
        <v>0.59</v>
      </c>
      <c r="B624">
        <v>12</v>
      </c>
      <c r="C624">
        <v>0.41</v>
      </c>
    </row>
    <row r="625" spans="1:3" x14ac:dyDescent="0.25">
      <c r="A625">
        <v>0.57999999999999996</v>
      </c>
      <c r="B625">
        <v>12</v>
      </c>
      <c r="C625">
        <v>0.9</v>
      </c>
    </row>
    <row r="626" spans="1:3" x14ac:dyDescent="0.25">
      <c r="A626">
        <v>0.56999999999999995</v>
      </c>
      <c r="B626">
        <v>12</v>
      </c>
      <c r="C626">
        <v>0.62</v>
      </c>
    </row>
    <row r="627" spans="1:3" x14ac:dyDescent="0.25">
      <c r="A627">
        <v>0.54</v>
      </c>
      <c r="B627">
        <v>12</v>
      </c>
      <c r="C627">
        <v>0.42</v>
      </c>
    </row>
    <row r="628" spans="1:3" x14ac:dyDescent="0.25">
      <c r="A628">
        <v>0.54</v>
      </c>
      <c r="B628">
        <v>12</v>
      </c>
      <c r="C628">
        <v>0.24</v>
      </c>
    </row>
    <row r="629" spans="1:3" x14ac:dyDescent="0.25">
      <c r="A629">
        <v>0.52</v>
      </c>
      <c r="B629">
        <v>12</v>
      </c>
      <c r="C629">
        <v>0.38</v>
      </c>
    </row>
    <row r="630" spans="1:3" x14ac:dyDescent="0.25">
      <c r="A630">
        <v>0.52</v>
      </c>
      <c r="B630">
        <v>12</v>
      </c>
      <c r="C630">
        <v>0.39</v>
      </c>
    </row>
    <row r="631" spans="1:3" x14ac:dyDescent="0.25">
      <c r="A631">
        <v>0.5</v>
      </c>
      <c r="B631">
        <v>12</v>
      </c>
      <c r="C631">
        <v>0.55000000000000004</v>
      </c>
    </row>
    <row r="632" spans="1:3" x14ac:dyDescent="0.25">
      <c r="A632">
        <v>0.99</v>
      </c>
      <c r="B632">
        <v>13</v>
      </c>
      <c r="C632">
        <v>0.68</v>
      </c>
    </row>
    <row r="633" spans="1:3" x14ac:dyDescent="0.25">
      <c r="A633">
        <v>0.99</v>
      </c>
      <c r="B633">
        <v>13</v>
      </c>
      <c r="C633">
        <v>0.67</v>
      </c>
    </row>
    <row r="634" spans="1:3" x14ac:dyDescent="0.25">
      <c r="A634">
        <v>0.96</v>
      </c>
      <c r="B634">
        <v>13</v>
      </c>
      <c r="C634">
        <v>0.28000000000000003</v>
      </c>
    </row>
    <row r="635" spans="1:3" x14ac:dyDescent="0.25">
      <c r="A635">
        <v>0.95</v>
      </c>
      <c r="B635">
        <v>13</v>
      </c>
      <c r="C635">
        <v>0.44</v>
      </c>
    </row>
    <row r="636" spans="1:3" x14ac:dyDescent="0.25">
      <c r="A636">
        <v>0.92</v>
      </c>
      <c r="B636">
        <v>13</v>
      </c>
      <c r="C636">
        <v>0.53</v>
      </c>
    </row>
    <row r="637" spans="1:3" x14ac:dyDescent="0.25">
      <c r="A637">
        <v>0.92</v>
      </c>
      <c r="B637">
        <v>13</v>
      </c>
      <c r="C637">
        <v>0.59</v>
      </c>
    </row>
    <row r="638" spans="1:3" x14ac:dyDescent="0.25">
      <c r="A638">
        <v>0.9</v>
      </c>
      <c r="B638">
        <v>13</v>
      </c>
      <c r="C638">
        <v>0.28000000000000003</v>
      </c>
    </row>
    <row r="639" spans="1:3" x14ac:dyDescent="0.25">
      <c r="A639">
        <v>0.89</v>
      </c>
      <c r="B639">
        <v>13</v>
      </c>
      <c r="C639">
        <v>0.86</v>
      </c>
    </row>
    <row r="640" spans="1:3" x14ac:dyDescent="0.25">
      <c r="A640">
        <v>0.89</v>
      </c>
      <c r="B640">
        <v>13</v>
      </c>
      <c r="C640">
        <v>0.19</v>
      </c>
    </row>
    <row r="641" spans="1:3" x14ac:dyDescent="0.25">
      <c r="A641">
        <v>0.89</v>
      </c>
      <c r="B641">
        <v>13</v>
      </c>
      <c r="C641">
        <v>0.18</v>
      </c>
    </row>
    <row r="642" spans="1:3" x14ac:dyDescent="0.25">
      <c r="A642">
        <v>0.88</v>
      </c>
      <c r="B642">
        <v>13</v>
      </c>
      <c r="C642">
        <v>0.16</v>
      </c>
    </row>
    <row r="643" spans="1:3" x14ac:dyDescent="0.25">
      <c r="A643">
        <v>0.86</v>
      </c>
      <c r="B643">
        <v>13</v>
      </c>
      <c r="C643">
        <v>0.56999999999999995</v>
      </c>
    </row>
    <row r="644" spans="1:3" x14ac:dyDescent="0.25">
      <c r="A644">
        <v>0.85</v>
      </c>
      <c r="B644">
        <v>13</v>
      </c>
      <c r="C644">
        <v>0.06</v>
      </c>
    </row>
    <row r="645" spans="1:3" x14ac:dyDescent="0.25">
      <c r="A645">
        <v>0.84</v>
      </c>
      <c r="B645">
        <v>13</v>
      </c>
      <c r="C645">
        <v>7.0000000000000007E-2</v>
      </c>
    </row>
    <row r="646" spans="1:3" x14ac:dyDescent="0.25">
      <c r="A646">
        <v>0.82</v>
      </c>
      <c r="B646">
        <v>13</v>
      </c>
      <c r="C646">
        <v>0.84</v>
      </c>
    </row>
    <row r="647" spans="1:3" x14ac:dyDescent="0.25">
      <c r="A647">
        <v>0.82</v>
      </c>
      <c r="B647">
        <v>13</v>
      </c>
      <c r="C647">
        <v>0.48</v>
      </c>
    </row>
    <row r="648" spans="1:3" x14ac:dyDescent="0.25">
      <c r="A648">
        <v>0.82</v>
      </c>
      <c r="B648">
        <v>13</v>
      </c>
      <c r="C648">
        <v>0.78</v>
      </c>
    </row>
    <row r="649" spans="1:3" x14ac:dyDescent="0.25">
      <c r="A649">
        <v>0.82</v>
      </c>
      <c r="B649">
        <v>13</v>
      </c>
      <c r="C649">
        <v>0.1</v>
      </c>
    </row>
    <row r="650" spans="1:3" x14ac:dyDescent="0.25">
      <c r="A650">
        <v>0.8</v>
      </c>
      <c r="B650">
        <v>13</v>
      </c>
      <c r="C650">
        <v>0.36</v>
      </c>
    </row>
    <row r="651" spans="1:3" x14ac:dyDescent="0.25">
      <c r="A651">
        <v>0.78</v>
      </c>
      <c r="B651">
        <v>13</v>
      </c>
      <c r="C651">
        <v>0.09</v>
      </c>
    </row>
    <row r="652" spans="1:3" x14ac:dyDescent="0.25">
      <c r="A652">
        <v>0.78</v>
      </c>
      <c r="B652">
        <v>13</v>
      </c>
      <c r="C652">
        <v>0.85</v>
      </c>
    </row>
    <row r="653" spans="1:3" x14ac:dyDescent="0.25">
      <c r="A653">
        <v>0.78</v>
      </c>
      <c r="B653">
        <v>13</v>
      </c>
      <c r="C653">
        <v>0.8</v>
      </c>
    </row>
    <row r="654" spans="1:3" x14ac:dyDescent="0.25">
      <c r="A654">
        <v>0.76</v>
      </c>
      <c r="B654">
        <v>13</v>
      </c>
      <c r="C654">
        <v>0.9</v>
      </c>
    </row>
    <row r="655" spans="1:3" x14ac:dyDescent="0.25">
      <c r="A655">
        <v>0.75</v>
      </c>
      <c r="B655">
        <v>13</v>
      </c>
      <c r="C655">
        <v>0.65</v>
      </c>
    </row>
    <row r="656" spans="1:3" x14ac:dyDescent="0.25">
      <c r="A656">
        <v>0.74</v>
      </c>
      <c r="B656">
        <v>13</v>
      </c>
      <c r="C656">
        <v>0.18</v>
      </c>
    </row>
    <row r="657" spans="1:3" x14ac:dyDescent="0.25">
      <c r="A657">
        <v>0.74</v>
      </c>
      <c r="B657">
        <v>13</v>
      </c>
      <c r="C657">
        <v>0.65</v>
      </c>
    </row>
    <row r="658" spans="1:3" x14ac:dyDescent="0.25">
      <c r="A658">
        <v>0.73</v>
      </c>
      <c r="B658">
        <v>13</v>
      </c>
      <c r="C658">
        <v>0.56999999999999995</v>
      </c>
    </row>
    <row r="659" spans="1:3" x14ac:dyDescent="0.25">
      <c r="A659">
        <v>0.73</v>
      </c>
      <c r="B659">
        <v>13</v>
      </c>
      <c r="C659">
        <v>0.69</v>
      </c>
    </row>
    <row r="660" spans="1:3" x14ac:dyDescent="0.25">
      <c r="A660">
        <v>0.71</v>
      </c>
      <c r="B660">
        <v>13</v>
      </c>
      <c r="C660">
        <v>0.33</v>
      </c>
    </row>
    <row r="661" spans="1:3" x14ac:dyDescent="0.25">
      <c r="A661">
        <v>0.7</v>
      </c>
      <c r="B661">
        <v>13</v>
      </c>
      <c r="C661">
        <v>7.0000000000000007E-2</v>
      </c>
    </row>
    <row r="662" spans="1:3" x14ac:dyDescent="0.25">
      <c r="A662">
        <v>0.69</v>
      </c>
      <c r="B662">
        <v>13</v>
      </c>
      <c r="C662">
        <v>0.67</v>
      </c>
    </row>
    <row r="663" spans="1:3" x14ac:dyDescent="0.25">
      <c r="A663">
        <v>0.68</v>
      </c>
      <c r="B663">
        <v>13</v>
      </c>
      <c r="C663">
        <v>0.26</v>
      </c>
    </row>
    <row r="664" spans="1:3" x14ac:dyDescent="0.25">
      <c r="A664">
        <v>0.64</v>
      </c>
      <c r="B664">
        <v>13</v>
      </c>
      <c r="C664">
        <v>0.32</v>
      </c>
    </row>
    <row r="665" spans="1:3" x14ac:dyDescent="0.25">
      <c r="A665">
        <v>0.64</v>
      </c>
      <c r="B665">
        <v>13</v>
      </c>
      <c r="C665">
        <v>0.35</v>
      </c>
    </row>
    <row r="666" spans="1:3" x14ac:dyDescent="0.25">
      <c r="A666">
        <v>0.64</v>
      </c>
      <c r="B666">
        <v>13</v>
      </c>
      <c r="C666">
        <v>0.14000000000000001</v>
      </c>
    </row>
    <row r="667" spans="1:3" x14ac:dyDescent="0.25">
      <c r="A667">
        <v>0.64</v>
      </c>
      <c r="B667">
        <v>13</v>
      </c>
      <c r="C667">
        <v>0.09</v>
      </c>
    </row>
    <row r="668" spans="1:3" x14ac:dyDescent="0.25">
      <c r="A668">
        <v>0.63</v>
      </c>
      <c r="B668">
        <v>13</v>
      </c>
      <c r="C668">
        <v>0.37</v>
      </c>
    </row>
    <row r="669" spans="1:3" x14ac:dyDescent="0.25">
      <c r="A669">
        <v>0.61</v>
      </c>
      <c r="B669">
        <v>13</v>
      </c>
      <c r="C669">
        <v>0.36</v>
      </c>
    </row>
    <row r="670" spans="1:3" x14ac:dyDescent="0.25">
      <c r="A670">
        <v>0.6</v>
      </c>
      <c r="B670">
        <v>13</v>
      </c>
      <c r="C670">
        <v>0.8</v>
      </c>
    </row>
    <row r="671" spans="1:3" x14ac:dyDescent="0.25">
      <c r="A671">
        <v>0.6</v>
      </c>
      <c r="B671">
        <v>13</v>
      </c>
      <c r="C671">
        <v>0.31</v>
      </c>
    </row>
    <row r="672" spans="1:3" x14ac:dyDescent="0.25">
      <c r="A672">
        <v>0.6</v>
      </c>
      <c r="B672">
        <v>13</v>
      </c>
      <c r="C672">
        <v>0.72</v>
      </c>
    </row>
    <row r="673" spans="1:3" x14ac:dyDescent="0.25">
      <c r="A673">
        <v>0.57999999999999996</v>
      </c>
      <c r="B673">
        <v>13</v>
      </c>
      <c r="C673">
        <v>0.45</v>
      </c>
    </row>
    <row r="674" spans="1:3" x14ac:dyDescent="0.25">
      <c r="A674">
        <v>0.56999999999999995</v>
      </c>
      <c r="B674">
        <v>13</v>
      </c>
      <c r="C674">
        <v>0.69</v>
      </c>
    </row>
    <row r="675" spans="1:3" x14ac:dyDescent="0.25">
      <c r="A675">
        <v>0.55000000000000004</v>
      </c>
      <c r="B675">
        <v>13</v>
      </c>
      <c r="C675">
        <v>0.73</v>
      </c>
    </row>
    <row r="676" spans="1:3" x14ac:dyDescent="0.25">
      <c r="A676">
        <v>0.55000000000000004</v>
      </c>
      <c r="B676">
        <v>13</v>
      </c>
      <c r="C676">
        <v>0.85</v>
      </c>
    </row>
    <row r="677" spans="1:3" x14ac:dyDescent="0.25">
      <c r="A677">
        <v>0.52</v>
      </c>
      <c r="B677">
        <v>13</v>
      </c>
      <c r="C677">
        <v>0.51</v>
      </c>
    </row>
    <row r="678" spans="1:3" x14ac:dyDescent="0.25">
      <c r="A678">
        <v>0.5</v>
      </c>
      <c r="B678">
        <v>13</v>
      </c>
      <c r="C678">
        <v>0.6</v>
      </c>
    </row>
    <row r="679" spans="1:3" x14ac:dyDescent="0.25">
      <c r="A679">
        <v>0.5</v>
      </c>
      <c r="B679">
        <v>13</v>
      </c>
      <c r="C679">
        <v>0.4</v>
      </c>
    </row>
    <row r="680" spans="1:3" x14ac:dyDescent="0.25">
      <c r="A680">
        <v>1</v>
      </c>
      <c r="B680">
        <v>14</v>
      </c>
      <c r="C680">
        <v>0.63</v>
      </c>
    </row>
    <row r="681" spans="1:3" x14ac:dyDescent="0.25">
      <c r="A681">
        <v>0.98</v>
      </c>
      <c r="B681">
        <v>14</v>
      </c>
      <c r="C681">
        <v>0.62</v>
      </c>
    </row>
    <row r="682" spans="1:3" x14ac:dyDescent="0.25">
      <c r="A682">
        <v>0.98</v>
      </c>
      <c r="B682">
        <v>14</v>
      </c>
      <c r="C682">
        <v>0.14000000000000001</v>
      </c>
    </row>
    <row r="683" spans="1:3" x14ac:dyDescent="0.25">
      <c r="A683">
        <v>0.97</v>
      </c>
      <c r="B683">
        <v>14</v>
      </c>
      <c r="C683">
        <v>0.28999999999999998</v>
      </c>
    </row>
    <row r="684" spans="1:3" x14ac:dyDescent="0.25">
      <c r="A684">
        <v>0.97</v>
      </c>
      <c r="B684">
        <v>14</v>
      </c>
      <c r="C684">
        <v>0.93</v>
      </c>
    </row>
    <row r="685" spans="1:3" x14ac:dyDescent="0.25">
      <c r="A685">
        <v>0.95</v>
      </c>
      <c r="B685">
        <v>14</v>
      </c>
      <c r="C685">
        <v>0.06</v>
      </c>
    </row>
    <row r="686" spans="1:3" x14ac:dyDescent="0.25">
      <c r="A686">
        <v>0.95</v>
      </c>
      <c r="B686">
        <v>14</v>
      </c>
      <c r="C686">
        <v>0.88</v>
      </c>
    </row>
    <row r="687" spans="1:3" x14ac:dyDescent="0.25">
      <c r="A687">
        <v>0.92</v>
      </c>
      <c r="B687">
        <v>14</v>
      </c>
      <c r="C687">
        <v>0.26</v>
      </c>
    </row>
    <row r="688" spans="1:3" x14ac:dyDescent="0.25">
      <c r="A688">
        <v>0.9</v>
      </c>
      <c r="B688">
        <v>14</v>
      </c>
      <c r="C688">
        <v>0.15</v>
      </c>
    </row>
    <row r="689" spans="1:3" x14ac:dyDescent="0.25">
      <c r="A689">
        <v>0.89</v>
      </c>
      <c r="B689">
        <v>14</v>
      </c>
      <c r="C689">
        <v>0.56999999999999995</v>
      </c>
    </row>
    <row r="690" spans="1:3" x14ac:dyDescent="0.25">
      <c r="A690">
        <v>0.89</v>
      </c>
      <c r="B690">
        <v>14</v>
      </c>
      <c r="C690">
        <v>0.48</v>
      </c>
    </row>
    <row r="691" spans="1:3" x14ac:dyDescent="0.25">
      <c r="A691">
        <v>0.87</v>
      </c>
      <c r="B691">
        <v>14</v>
      </c>
      <c r="C691">
        <v>0.83</v>
      </c>
    </row>
    <row r="692" spans="1:3" x14ac:dyDescent="0.25">
      <c r="A692">
        <v>0.86</v>
      </c>
      <c r="B692">
        <v>14</v>
      </c>
      <c r="C692">
        <v>0.42</v>
      </c>
    </row>
    <row r="693" spans="1:3" x14ac:dyDescent="0.25">
      <c r="A693">
        <v>0.85</v>
      </c>
      <c r="B693">
        <v>14</v>
      </c>
      <c r="C693">
        <v>0.25</v>
      </c>
    </row>
    <row r="694" spans="1:3" x14ac:dyDescent="0.25">
      <c r="A694">
        <v>0.84</v>
      </c>
      <c r="B694">
        <v>14</v>
      </c>
      <c r="C694">
        <v>0.27</v>
      </c>
    </row>
    <row r="695" spans="1:3" x14ac:dyDescent="0.25">
      <c r="A695">
        <v>0.84</v>
      </c>
      <c r="B695">
        <v>14</v>
      </c>
      <c r="C695">
        <v>0.1</v>
      </c>
    </row>
    <row r="696" spans="1:3" x14ac:dyDescent="0.25">
      <c r="A696">
        <v>0.84</v>
      </c>
      <c r="B696">
        <v>14</v>
      </c>
      <c r="C696">
        <v>0.26</v>
      </c>
    </row>
    <row r="697" spans="1:3" x14ac:dyDescent="0.25">
      <c r="A697">
        <v>0.83</v>
      </c>
      <c r="B697">
        <v>14</v>
      </c>
      <c r="C697">
        <v>0.63</v>
      </c>
    </row>
    <row r="698" spans="1:3" x14ac:dyDescent="0.25">
      <c r="A698">
        <v>0.81</v>
      </c>
      <c r="B698">
        <v>14</v>
      </c>
      <c r="C698">
        <v>0.69</v>
      </c>
    </row>
    <row r="699" spans="1:3" x14ac:dyDescent="0.25">
      <c r="A699">
        <v>0.8</v>
      </c>
      <c r="B699">
        <v>14</v>
      </c>
      <c r="C699">
        <v>0.7</v>
      </c>
    </row>
    <row r="700" spans="1:3" x14ac:dyDescent="0.25">
      <c r="A700">
        <v>0.8</v>
      </c>
      <c r="B700">
        <v>14</v>
      </c>
      <c r="C700">
        <v>0.31</v>
      </c>
    </row>
    <row r="701" spans="1:3" x14ac:dyDescent="0.25">
      <c r="A701">
        <v>0.77</v>
      </c>
      <c r="B701">
        <v>14</v>
      </c>
      <c r="C701">
        <v>0.54</v>
      </c>
    </row>
    <row r="702" spans="1:3" x14ac:dyDescent="0.25">
      <c r="A702">
        <v>0.76</v>
      </c>
      <c r="B702">
        <v>14</v>
      </c>
      <c r="C702">
        <v>0.18</v>
      </c>
    </row>
    <row r="703" spans="1:3" x14ac:dyDescent="0.25">
      <c r="A703">
        <v>0.75</v>
      </c>
      <c r="B703">
        <v>14</v>
      </c>
      <c r="C703">
        <v>0.21</v>
      </c>
    </row>
    <row r="704" spans="1:3" x14ac:dyDescent="0.25">
      <c r="A704">
        <v>0.74</v>
      </c>
      <c r="B704">
        <v>14</v>
      </c>
      <c r="C704">
        <v>0.12</v>
      </c>
    </row>
    <row r="705" spans="1:3" x14ac:dyDescent="0.25">
      <c r="A705">
        <v>0.71</v>
      </c>
      <c r="B705">
        <v>14</v>
      </c>
      <c r="C705">
        <v>0.52</v>
      </c>
    </row>
    <row r="706" spans="1:3" x14ac:dyDescent="0.25">
      <c r="A706">
        <v>0.7</v>
      </c>
      <c r="B706">
        <v>14</v>
      </c>
      <c r="C706">
        <v>0.9</v>
      </c>
    </row>
    <row r="707" spans="1:3" x14ac:dyDescent="0.25">
      <c r="A707">
        <v>0.69</v>
      </c>
      <c r="B707">
        <v>14</v>
      </c>
      <c r="C707">
        <v>0.47</v>
      </c>
    </row>
    <row r="708" spans="1:3" x14ac:dyDescent="0.25">
      <c r="A708">
        <v>0.68</v>
      </c>
      <c r="B708">
        <v>14</v>
      </c>
      <c r="C708">
        <v>0.35</v>
      </c>
    </row>
    <row r="709" spans="1:3" x14ac:dyDescent="0.25">
      <c r="A709">
        <v>0.66</v>
      </c>
      <c r="B709">
        <v>14</v>
      </c>
      <c r="C709">
        <v>0.08</v>
      </c>
    </row>
    <row r="710" spans="1:3" x14ac:dyDescent="0.25">
      <c r="A710">
        <v>0.65</v>
      </c>
      <c r="B710">
        <v>14</v>
      </c>
      <c r="C710">
        <v>0.25</v>
      </c>
    </row>
    <row r="711" spans="1:3" x14ac:dyDescent="0.25">
      <c r="A711">
        <v>0.65</v>
      </c>
      <c r="B711">
        <v>14</v>
      </c>
      <c r="C711">
        <v>0.42</v>
      </c>
    </row>
    <row r="712" spans="1:3" x14ac:dyDescent="0.25">
      <c r="A712">
        <v>0.65</v>
      </c>
      <c r="B712">
        <v>14</v>
      </c>
      <c r="C712">
        <v>0.54</v>
      </c>
    </row>
    <row r="713" spans="1:3" x14ac:dyDescent="0.25">
      <c r="A713">
        <v>0.64</v>
      </c>
      <c r="B713">
        <v>14</v>
      </c>
      <c r="C713">
        <v>0.49</v>
      </c>
    </row>
    <row r="714" spans="1:3" x14ac:dyDescent="0.25">
      <c r="A714">
        <v>0.61</v>
      </c>
      <c r="B714">
        <v>14</v>
      </c>
      <c r="C714">
        <v>0.35</v>
      </c>
    </row>
    <row r="715" spans="1:3" x14ac:dyDescent="0.25">
      <c r="A715">
        <v>0.6</v>
      </c>
      <c r="B715">
        <v>14</v>
      </c>
      <c r="C715">
        <v>0.57999999999999996</v>
      </c>
    </row>
    <row r="716" spans="1:3" x14ac:dyDescent="0.25">
      <c r="A716">
        <v>0.6</v>
      </c>
      <c r="B716">
        <v>14</v>
      </c>
      <c r="C716">
        <v>0.43</v>
      </c>
    </row>
    <row r="717" spans="1:3" x14ac:dyDescent="0.25">
      <c r="A717">
        <v>0.59</v>
      </c>
      <c r="B717">
        <v>14</v>
      </c>
      <c r="C717">
        <v>0.74</v>
      </c>
    </row>
    <row r="718" spans="1:3" x14ac:dyDescent="0.25">
      <c r="A718">
        <v>0.56000000000000005</v>
      </c>
      <c r="B718">
        <v>14</v>
      </c>
      <c r="C718">
        <v>0.31</v>
      </c>
    </row>
    <row r="719" spans="1:3" x14ac:dyDescent="0.25">
      <c r="A719">
        <v>0.56000000000000005</v>
      </c>
      <c r="B719">
        <v>14</v>
      </c>
      <c r="C719">
        <v>0.38</v>
      </c>
    </row>
    <row r="720" spans="1:3" x14ac:dyDescent="0.25">
      <c r="A720">
        <v>0.56000000000000005</v>
      </c>
      <c r="B720">
        <v>14</v>
      </c>
      <c r="C720">
        <v>0.18</v>
      </c>
    </row>
    <row r="721" spans="1:3" x14ac:dyDescent="0.25">
      <c r="A721">
        <v>0.55000000000000004</v>
      </c>
      <c r="B721">
        <v>14</v>
      </c>
      <c r="C721">
        <v>0.88</v>
      </c>
    </row>
    <row r="722" spans="1:3" x14ac:dyDescent="0.25">
      <c r="A722">
        <v>0.54</v>
      </c>
      <c r="B722">
        <v>14</v>
      </c>
      <c r="C722">
        <v>0.5</v>
      </c>
    </row>
    <row r="723" spans="1:3" x14ac:dyDescent="0.25">
      <c r="A723">
        <v>0.53</v>
      </c>
      <c r="B723">
        <v>14</v>
      </c>
      <c r="C723">
        <v>0.77</v>
      </c>
    </row>
    <row r="724" spans="1:3" x14ac:dyDescent="0.25">
      <c r="A724">
        <v>0.53</v>
      </c>
      <c r="B724">
        <v>14</v>
      </c>
      <c r="C724">
        <v>0.19</v>
      </c>
    </row>
    <row r="725" spans="1:3" x14ac:dyDescent="0.25">
      <c r="A725">
        <v>0.52</v>
      </c>
      <c r="B725">
        <v>14</v>
      </c>
      <c r="C725">
        <v>0.81</v>
      </c>
    </row>
    <row r="726" spans="1:3" x14ac:dyDescent="0.25">
      <c r="A726">
        <v>0.52</v>
      </c>
      <c r="B726">
        <v>14</v>
      </c>
      <c r="C726">
        <v>0.89</v>
      </c>
    </row>
    <row r="727" spans="1:3" x14ac:dyDescent="0.25">
      <c r="A727">
        <v>0.51</v>
      </c>
      <c r="B727">
        <v>14</v>
      </c>
      <c r="C727">
        <v>0.37</v>
      </c>
    </row>
    <row r="728" spans="1:3" x14ac:dyDescent="0.25">
      <c r="A728">
        <v>0.51</v>
      </c>
      <c r="B728">
        <v>14</v>
      </c>
      <c r="C728">
        <v>0.09</v>
      </c>
    </row>
    <row r="729" spans="1:3" x14ac:dyDescent="0.25">
      <c r="A729">
        <v>0.51</v>
      </c>
      <c r="B729">
        <v>14</v>
      </c>
      <c r="C729">
        <v>0.36</v>
      </c>
    </row>
    <row r="730" spans="1:3" x14ac:dyDescent="0.25">
      <c r="A730">
        <v>0.5</v>
      </c>
      <c r="B730">
        <v>14</v>
      </c>
      <c r="C730">
        <v>0.32</v>
      </c>
    </row>
    <row r="731" spans="1:3" x14ac:dyDescent="0.25">
      <c r="A731">
        <v>0.5</v>
      </c>
      <c r="B731">
        <v>14</v>
      </c>
      <c r="C731">
        <v>0.55000000000000004</v>
      </c>
    </row>
    <row r="732" spans="1:3" x14ac:dyDescent="0.25">
      <c r="A732">
        <v>1</v>
      </c>
      <c r="B732">
        <v>15</v>
      </c>
      <c r="C732">
        <v>0.34</v>
      </c>
    </row>
    <row r="733" spans="1:3" x14ac:dyDescent="0.25">
      <c r="A733">
        <v>0.99</v>
      </c>
      <c r="B733">
        <v>15</v>
      </c>
      <c r="C733">
        <v>0.92</v>
      </c>
    </row>
    <row r="734" spans="1:3" x14ac:dyDescent="0.25">
      <c r="A734">
        <v>0.99</v>
      </c>
      <c r="B734">
        <v>15</v>
      </c>
      <c r="C734">
        <v>0.11</v>
      </c>
    </row>
    <row r="735" spans="1:3" x14ac:dyDescent="0.25">
      <c r="A735">
        <v>0.98</v>
      </c>
      <c r="B735">
        <v>15</v>
      </c>
      <c r="C735">
        <v>0.64</v>
      </c>
    </row>
    <row r="736" spans="1:3" x14ac:dyDescent="0.25">
      <c r="A736">
        <v>0.97</v>
      </c>
      <c r="B736">
        <v>15</v>
      </c>
      <c r="C736">
        <v>0.3</v>
      </c>
    </row>
    <row r="737" spans="1:3" x14ac:dyDescent="0.25">
      <c r="A737">
        <v>0.95</v>
      </c>
      <c r="B737">
        <v>15</v>
      </c>
      <c r="C737">
        <v>0.49</v>
      </c>
    </row>
    <row r="738" spans="1:3" x14ac:dyDescent="0.25">
      <c r="A738">
        <v>0.94</v>
      </c>
      <c r="B738">
        <v>15</v>
      </c>
      <c r="C738">
        <v>0.74</v>
      </c>
    </row>
    <row r="739" spans="1:3" x14ac:dyDescent="0.25">
      <c r="A739">
        <v>0.94</v>
      </c>
      <c r="B739">
        <v>15</v>
      </c>
      <c r="C739">
        <v>0.19</v>
      </c>
    </row>
    <row r="740" spans="1:3" x14ac:dyDescent="0.25">
      <c r="A740">
        <v>0.93</v>
      </c>
      <c r="B740">
        <v>15</v>
      </c>
      <c r="C740">
        <v>0.84</v>
      </c>
    </row>
    <row r="741" spans="1:3" x14ac:dyDescent="0.25">
      <c r="A741">
        <v>0.93</v>
      </c>
      <c r="B741">
        <v>15</v>
      </c>
      <c r="C741">
        <v>0.42</v>
      </c>
    </row>
    <row r="742" spans="1:3" x14ac:dyDescent="0.25">
      <c r="A742">
        <v>0.92</v>
      </c>
      <c r="B742">
        <v>15</v>
      </c>
      <c r="C742">
        <v>0.91</v>
      </c>
    </row>
    <row r="743" spans="1:3" x14ac:dyDescent="0.25">
      <c r="A743">
        <v>0.92</v>
      </c>
      <c r="B743">
        <v>15</v>
      </c>
      <c r="C743">
        <v>0.9</v>
      </c>
    </row>
    <row r="744" spans="1:3" x14ac:dyDescent="0.25">
      <c r="A744">
        <v>0.91</v>
      </c>
      <c r="B744">
        <v>15</v>
      </c>
      <c r="C744">
        <v>0.36</v>
      </c>
    </row>
    <row r="745" spans="1:3" x14ac:dyDescent="0.25">
      <c r="A745">
        <v>0.91</v>
      </c>
      <c r="B745">
        <v>15</v>
      </c>
      <c r="C745">
        <v>0.48</v>
      </c>
    </row>
    <row r="746" spans="1:3" x14ac:dyDescent="0.25">
      <c r="A746">
        <v>0.9</v>
      </c>
      <c r="B746">
        <v>15</v>
      </c>
      <c r="C746">
        <v>0.46</v>
      </c>
    </row>
    <row r="747" spans="1:3" x14ac:dyDescent="0.25">
      <c r="A747">
        <v>0.9</v>
      </c>
      <c r="B747">
        <v>15</v>
      </c>
      <c r="C747">
        <v>0.28000000000000003</v>
      </c>
    </row>
    <row r="748" spans="1:3" x14ac:dyDescent="0.25">
      <c r="A748">
        <v>0.9</v>
      </c>
      <c r="B748">
        <v>15</v>
      </c>
      <c r="C748">
        <v>0.92</v>
      </c>
    </row>
    <row r="749" spans="1:3" x14ac:dyDescent="0.25">
      <c r="A749">
        <v>0.89</v>
      </c>
      <c r="B749">
        <v>15</v>
      </c>
      <c r="C749">
        <v>0.4</v>
      </c>
    </row>
    <row r="750" spans="1:3" x14ac:dyDescent="0.25">
      <c r="A750">
        <v>0.88</v>
      </c>
      <c r="B750">
        <v>15</v>
      </c>
      <c r="C750">
        <v>0.67</v>
      </c>
    </row>
    <row r="751" spans="1:3" x14ac:dyDescent="0.25">
      <c r="A751">
        <v>0.88</v>
      </c>
      <c r="B751">
        <v>15</v>
      </c>
      <c r="C751">
        <v>0.43</v>
      </c>
    </row>
    <row r="752" spans="1:3" x14ac:dyDescent="0.25">
      <c r="A752">
        <v>0.87</v>
      </c>
      <c r="B752">
        <v>15</v>
      </c>
      <c r="C752">
        <v>0.3</v>
      </c>
    </row>
    <row r="753" spans="1:3" x14ac:dyDescent="0.25">
      <c r="A753">
        <v>0.87</v>
      </c>
      <c r="B753">
        <v>15</v>
      </c>
      <c r="C753">
        <v>0.28999999999999998</v>
      </c>
    </row>
    <row r="754" spans="1:3" x14ac:dyDescent="0.25">
      <c r="A754">
        <v>0.86</v>
      </c>
      <c r="B754">
        <v>15</v>
      </c>
      <c r="C754">
        <v>0.34</v>
      </c>
    </row>
    <row r="755" spans="1:3" x14ac:dyDescent="0.25">
      <c r="A755">
        <v>0.86</v>
      </c>
      <c r="B755">
        <v>15</v>
      </c>
      <c r="C755">
        <v>0.05</v>
      </c>
    </row>
    <row r="756" spans="1:3" x14ac:dyDescent="0.25">
      <c r="A756">
        <v>0.85</v>
      </c>
      <c r="B756">
        <v>15</v>
      </c>
      <c r="C756">
        <v>0.91</v>
      </c>
    </row>
    <row r="757" spans="1:3" x14ac:dyDescent="0.25">
      <c r="A757">
        <v>0.85</v>
      </c>
      <c r="B757">
        <v>15</v>
      </c>
      <c r="C757">
        <v>0.42</v>
      </c>
    </row>
    <row r="758" spans="1:3" x14ac:dyDescent="0.25">
      <c r="A758">
        <v>0.82</v>
      </c>
      <c r="B758">
        <v>15</v>
      </c>
      <c r="C758">
        <v>0.74</v>
      </c>
    </row>
    <row r="759" spans="1:3" x14ac:dyDescent="0.25">
      <c r="A759">
        <v>0.82</v>
      </c>
      <c r="B759">
        <v>15</v>
      </c>
      <c r="C759">
        <v>0.5</v>
      </c>
    </row>
    <row r="760" spans="1:3" x14ac:dyDescent="0.25">
      <c r="A760">
        <v>0.82</v>
      </c>
      <c r="B760">
        <v>15</v>
      </c>
      <c r="C760">
        <v>0.2</v>
      </c>
    </row>
    <row r="761" spans="1:3" x14ac:dyDescent="0.25">
      <c r="A761">
        <v>0.8</v>
      </c>
      <c r="B761">
        <v>15</v>
      </c>
      <c r="C761">
        <v>0.8</v>
      </c>
    </row>
    <row r="762" spans="1:3" x14ac:dyDescent="0.25">
      <c r="A762">
        <v>0.79</v>
      </c>
      <c r="B762">
        <v>15</v>
      </c>
      <c r="C762">
        <v>0.44</v>
      </c>
    </row>
    <row r="763" spans="1:3" x14ac:dyDescent="0.25">
      <c r="A763">
        <v>0.78</v>
      </c>
      <c r="B763">
        <v>15</v>
      </c>
      <c r="C763">
        <v>0.56000000000000005</v>
      </c>
    </row>
    <row r="764" spans="1:3" x14ac:dyDescent="0.25">
      <c r="A764">
        <v>0.72</v>
      </c>
      <c r="B764">
        <v>15</v>
      </c>
      <c r="C764">
        <v>0.41</v>
      </c>
    </row>
    <row r="765" spans="1:3" x14ac:dyDescent="0.25">
      <c r="A765">
        <v>0.68</v>
      </c>
      <c r="B765">
        <v>15</v>
      </c>
      <c r="C765">
        <v>0.59</v>
      </c>
    </row>
    <row r="766" spans="1:3" x14ac:dyDescent="0.25">
      <c r="A766">
        <v>0.68</v>
      </c>
      <c r="B766">
        <v>15</v>
      </c>
      <c r="C766">
        <v>0.14000000000000001</v>
      </c>
    </row>
    <row r="767" spans="1:3" x14ac:dyDescent="0.25">
      <c r="A767">
        <v>0.68</v>
      </c>
      <c r="B767">
        <v>15</v>
      </c>
      <c r="C767">
        <v>0.47</v>
      </c>
    </row>
    <row r="768" spans="1:3" x14ac:dyDescent="0.25">
      <c r="A768">
        <v>0.66</v>
      </c>
      <c r="B768">
        <v>15</v>
      </c>
      <c r="C768">
        <v>0.55000000000000004</v>
      </c>
    </row>
    <row r="769" spans="1:3" x14ac:dyDescent="0.25">
      <c r="A769">
        <v>0.66</v>
      </c>
      <c r="B769">
        <v>15</v>
      </c>
      <c r="C769">
        <v>7.0000000000000007E-2</v>
      </c>
    </row>
    <row r="770" spans="1:3" x14ac:dyDescent="0.25">
      <c r="A770">
        <v>0.65</v>
      </c>
      <c r="B770">
        <v>15</v>
      </c>
      <c r="C770">
        <v>0.46</v>
      </c>
    </row>
    <row r="771" spans="1:3" x14ac:dyDescent="0.25">
      <c r="A771">
        <v>0.64</v>
      </c>
      <c r="B771">
        <v>15</v>
      </c>
      <c r="C771">
        <v>0.56000000000000005</v>
      </c>
    </row>
    <row r="772" spans="1:3" x14ac:dyDescent="0.25">
      <c r="A772">
        <v>0.64</v>
      </c>
      <c r="B772">
        <v>15</v>
      </c>
      <c r="C772">
        <v>0.64</v>
      </c>
    </row>
    <row r="773" spans="1:3" x14ac:dyDescent="0.25">
      <c r="A773">
        <v>0.64</v>
      </c>
      <c r="B773">
        <v>15</v>
      </c>
      <c r="C773">
        <v>7.0000000000000007E-2</v>
      </c>
    </row>
    <row r="774" spans="1:3" x14ac:dyDescent="0.25">
      <c r="A774">
        <v>0.62</v>
      </c>
      <c r="B774">
        <v>15</v>
      </c>
      <c r="C774">
        <v>0.22</v>
      </c>
    </row>
    <row r="775" spans="1:3" x14ac:dyDescent="0.25">
      <c r="A775">
        <v>0.6</v>
      </c>
      <c r="B775">
        <v>15</v>
      </c>
      <c r="C775">
        <v>0.42</v>
      </c>
    </row>
    <row r="776" spans="1:3" x14ac:dyDescent="0.25">
      <c r="A776">
        <v>0.57999999999999996</v>
      </c>
      <c r="B776">
        <v>15</v>
      </c>
      <c r="C776">
        <v>0.86</v>
      </c>
    </row>
    <row r="777" spans="1:3" x14ac:dyDescent="0.25">
      <c r="A777">
        <v>0.56000000000000005</v>
      </c>
      <c r="B777">
        <v>15</v>
      </c>
      <c r="C777">
        <v>0.36</v>
      </c>
    </row>
    <row r="778" spans="1:3" x14ac:dyDescent="0.25">
      <c r="A778">
        <v>0.55000000000000004</v>
      </c>
      <c r="B778">
        <v>15</v>
      </c>
      <c r="C778">
        <v>0.15</v>
      </c>
    </row>
    <row r="779" spans="1:3" x14ac:dyDescent="0.25">
      <c r="A779">
        <v>0.55000000000000004</v>
      </c>
      <c r="B779">
        <v>15</v>
      </c>
      <c r="C779">
        <v>0.45</v>
      </c>
    </row>
    <row r="780" spans="1:3" x14ac:dyDescent="0.25">
      <c r="A780">
        <v>0.55000000000000004</v>
      </c>
      <c r="B780">
        <v>15</v>
      </c>
      <c r="C780">
        <v>0.71</v>
      </c>
    </row>
    <row r="781" spans="1:3" x14ac:dyDescent="0.25">
      <c r="A781">
        <v>0.52</v>
      </c>
      <c r="B781">
        <v>15</v>
      </c>
      <c r="C781">
        <v>0.08</v>
      </c>
    </row>
    <row r="782" spans="1:3" x14ac:dyDescent="0.25">
      <c r="A782">
        <v>0.51</v>
      </c>
      <c r="B782">
        <v>15</v>
      </c>
      <c r="C782">
        <v>0.32</v>
      </c>
    </row>
    <row r="783" spans="1:3" x14ac:dyDescent="0.25">
      <c r="A783">
        <v>1</v>
      </c>
      <c r="B783">
        <v>16</v>
      </c>
      <c r="C783">
        <v>0.33</v>
      </c>
    </row>
    <row r="784" spans="1:3" x14ac:dyDescent="0.25">
      <c r="A784">
        <v>0.97</v>
      </c>
      <c r="B784">
        <v>16</v>
      </c>
      <c r="C784">
        <v>0.65</v>
      </c>
    </row>
    <row r="785" spans="1:3" x14ac:dyDescent="0.25">
      <c r="A785">
        <v>0.95</v>
      </c>
      <c r="B785">
        <v>16</v>
      </c>
      <c r="C785">
        <v>0.4</v>
      </c>
    </row>
    <row r="786" spans="1:3" x14ac:dyDescent="0.25">
      <c r="A786">
        <v>0.95</v>
      </c>
      <c r="B786">
        <v>16</v>
      </c>
      <c r="C786">
        <v>0.27</v>
      </c>
    </row>
    <row r="787" spans="1:3" x14ac:dyDescent="0.25">
      <c r="A787">
        <v>0.95</v>
      </c>
      <c r="B787">
        <v>16</v>
      </c>
      <c r="C787">
        <v>0.73</v>
      </c>
    </row>
    <row r="788" spans="1:3" x14ac:dyDescent="0.25">
      <c r="A788">
        <v>0.95</v>
      </c>
      <c r="B788">
        <v>16</v>
      </c>
      <c r="C788">
        <v>0.64</v>
      </c>
    </row>
    <row r="789" spans="1:3" x14ac:dyDescent="0.25">
      <c r="A789">
        <v>0.94</v>
      </c>
      <c r="B789">
        <v>16</v>
      </c>
      <c r="C789">
        <v>0.94</v>
      </c>
    </row>
    <row r="790" spans="1:3" x14ac:dyDescent="0.25">
      <c r="A790">
        <v>0.93</v>
      </c>
      <c r="B790">
        <v>16</v>
      </c>
      <c r="C790">
        <v>0.43</v>
      </c>
    </row>
    <row r="791" spans="1:3" x14ac:dyDescent="0.25">
      <c r="A791">
        <v>0.93</v>
      </c>
      <c r="B791">
        <v>16</v>
      </c>
      <c r="C791">
        <v>0.47</v>
      </c>
    </row>
    <row r="792" spans="1:3" x14ac:dyDescent="0.25">
      <c r="A792">
        <v>0.91</v>
      </c>
      <c r="B792">
        <v>16</v>
      </c>
      <c r="C792">
        <v>0.91</v>
      </c>
    </row>
    <row r="793" spans="1:3" x14ac:dyDescent="0.25">
      <c r="A793">
        <v>0.9</v>
      </c>
      <c r="B793">
        <v>16</v>
      </c>
      <c r="C793">
        <v>0.27</v>
      </c>
    </row>
    <row r="794" spans="1:3" x14ac:dyDescent="0.25">
      <c r="A794">
        <v>0.89</v>
      </c>
      <c r="B794">
        <v>16</v>
      </c>
      <c r="C794">
        <v>0.22</v>
      </c>
    </row>
    <row r="795" spans="1:3" x14ac:dyDescent="0.25">
      <c r="A795">
        <v>0.89</v>
      </c>
      <c r="B795">
        <v>16</v>
      </c>
      <c r="C795">
        <v>0.91</v>
      </c>
    </row>
    <row r="796" spans="1:3" x14ac:dyDescent="0.25">
      <c r="A796">
        <v>0.85</v>
      </c>
      <c r="B796">
        <v>16</v>
      </c>
      <c r="C796">
        <v>0.91</v>
      </c>
    </row>
    <row r="797" spans="1:3" x14ac:dyDescent="0.25">
      <c r="A797">
        <v>0.85</v>
      </c>
      <c r="B797">
        <v>16</v>
      </c>
      <c r="C797">
        <v>0.94</v>
      </c>
    </row>
    <row r="798" spans="1:3" x14ac:dyDescent="0.25">
      <c r="A798">
        <v>0.84</v>
      </c>
      <c r="B798">
        <v>16</v>
      </c>
      <c r="C798">
        <v>0.75</v>
      </c>
    </row>
    <row r="799" spans="1:3" x14ac:dyDescent="0.25">
      <c r="A799">
        <v>0.84</v>
      </c>
      <c r="B799">
        <v>16</v>
      </c>
      <c r="C799">
        <v>0.63</v>
      </c>
    </row>
    <row r="800" spans="1:3" x14ac:dyDescent="0.25">
      <c r="A800">
        <v>0.84</v>
      </c>
      <c r="B800">
        <v>16</v>
      </c>
      <c r="C800">
        <v>0.6</v>
      </c>
    </row>
    <row r="801" spans="1:3" x14ac:dyDescent="0.25">
      <c r="A801">
        <v>0.83</v>
      </c>
      <c r="B801">
        <v>16</v>
      </c>
      <c r="C801">
        <v>0.24</v>
      </c>
    </row>
    <row r="802" spans="1:3" x14ac:dyDescent="0.25">
      <c r="A802">
        <v>0.83</v>
      </c>
      <c r="B802">
        <v>16</v>
      </c>
      <c r="C802">
        <v>0.72</v>
      </c>
    </row>
    <row r="803" spans="1:3" x14ac:dyDescent="0.25">
      <c r="A803">
        <v>0.82</v>
      </c>
      <c r="B803">
        <v>16</v>
      </c>
      <c r="C803">
        <v>0.59</v>
      </c>
    </row>
    <row r="804" spans="1:3" x14ac:dyDescent="0.25">
      <c r="A804">
        <v>0.82</v>
      </c>
      <c r="B804">
        <v>16</v>
      </c>
      <c r="C804">
        <v>0.93</v>
      </c>
    </row>
    <row r="805" spans="1:3" x14ac:dyDescent="0.25">
      <c r="A805">
        <v>0.8</v>
      </c>
      <c r="B805">
        <v>16</v>
      </c>
      <c r="C805">
        <v>0.39</v>
      </c>
    </row>
    <row r="806" spans="1:3" x14ac:dyDescent="0.25">
      <c r="A806">
        <v>0.79</v>
      </c>
      <c r="B806">
        <v>16</v>
      </c>
      <c r="C806">
        <v>0.33</v>
      </c>
    </row>
    <row r="807" spans="1:3" x14ac:dyDescent="0.25">
      <c r="A807">
        <v>0.78</v>
      </c>
      <c r="B807">
        <v>16</v>
      </c>
      <c r="C807">
        <v>0.57999999999999996</v>
      </c>
    </row>
    <row r="808" spans="1:3" x14ac:dyDescent="0.25">
      <c r="A808">
        <v>0.77</v>
      </c>
      <c r="B808">
        <v>16</v>
      </c>
      <c r="C808">
        <v>0.55000000000000004</v>
      </c>
    </row>
    <row r="809" spans="1:3" x14ac:dyDescent="0.25">
      <c r="A809">
        <v>0.77</v>
      </c>
      <c r="B809">
        <v>16</v>
      </c>
      <c r="C809">
        <v>0.43</v>
      </c>
    </row>
    <row r="810" spans="1:3" x14ac:dyDescent="0.25">
      <c r="A810">
        <v>0.77</v>
      </c>
      <c r="B810">
        <v>16</v>
      </c>
      <c r="C810">
        <v>0.71</v>
      </c>
    </row>
    <row r="811" spans="1:3" x14ac:dyDescent="0.25">
      <c r="A811">
        <v>0.76</v>
      </c>
      <c r="B811">
        <v>16</v>
      </c>
      <c r="C811">
        <v>0.94</v>
      </c>
    </row>
    <row r="812" spans="1:3" x14ac:dyDescent="0.25">
      <c r="A812">
        <v>0.74</v>
      </c>
      <c r="B812">
        <v>16</v>
      </c>
      <c r="C812">
        <v>0.38</v>
      </c>
    </row>
    <row r="813" spans="1:3" x14ac:dyDescent="0.25">
      <c r="A813">
        <v>0.72</v>
      </c>
      <c r="B813">
        <v>16</v>
      </c>
      <c r="C813">
        <v>0.18</v>
      </c>
    </row>
    <row r="814" spans="1:3" x14ac:dyDescent="0.25">
      <c r="A814">
        <v>0.7</v>
      </c>
      <c r="B814">
        <v>16</v>
      </c>
      <c r="C814">
        <v>0.95</v>
      </c>
    </row>
    <row r="815" spans="1:3" x14ac:dyDescent="0.25">
      <c r="A815">
        <v>0.7</v>
      </c>
      <c r="B815">
        <v>16</v>
      </c>
      <c r="C815">
        <v>0.21</v>
      </c>
    </row>
    <row r="816" spans="1:3" x14ac:dyDescent="0.25">
      <c r="A816">
        <v>0.69</v>
      </c>
      <c r="B816">
        <v>16</v>
      </c>
      <c r="C816">
        <v>0.45</v>
      </c>
    </row>
    <row r="817" spans="1:3" x14ac:dyDescent="0.25">
      <c r="A817">
        <v>0.68</v>
      </c>
      <c r="B817">
        <v>16</v>
      </c>
      <c r="C817">
        <v>0.56999999999999995</v>
      </c>
    </row>
    <row r="818" spans="1:3" x14ac:dyDescent="0.25">
      <c r="A818">
        <v>0.68</v>
      </c>
      <c r="B818">
        <v>16</v>
      </c>
      <c r="C818">
        <v>0.09</v>
      </c>
    </row>
    <row r="819" spans="1:3" x14ac:dyDescent="0.25">
      <c r="A819">
        <v>0.68</v>
      </c>
      <c r="B819">
        <v>16</v>
      </c>
      <c r="C819">
        <v>0.59</v>
      </c>
    </row>
    <row r="820" spans="1:3" x14ac:dyDescent="0.25">
      <c r="A820">
        <v>0.67</v>
      </c>
      <c r="B820">
        <v>16</v>
      </c>
      <c r="C820">
        <v>0.46</v>
      </c>
    </row>
    <row r="821" spans="1:3" x14ac:dyDescent="0.25">
      <c r="A821">
        <v>0.66</v>
      </c>
      <c r="B821">
        <v>16</v>
      </c>
      <c r="C821">
        <v>0.31</v>
      </c>
    </row>
    <row r="822" spans="1:3" x14ac:dyDescent="0.25">
      <c r="A822">
        <v>0.66</v>
      </c>
      <c r="B822">
        <v>16</v>
      </c>
      <c r="C822">
        <v>0.36</v>
      </c>
    </row>
    <row r="823" spans="1:3" x14ac:dyDescent="0.25">
      <c r="A823">
        <v>0.66</v>
      </c>
      <c r="B823">
        <v>16</v>
      </c>
      <c r="C823">
        <v>0.63</v>
      </c>
    </row>
    <row r="824" spans="1:3" x14ac:dyDescent="0.25">
      <c r="A824">
        <v>0.65</v>
      </c>
      <c r="B824">
        <v>16</v>
      </c>
      <c r="C824">
        <v>0.76</v>
      </c>
    </row>
    <row r="825" spans="1:3" x14ac:dyDescent="0.25">
      <c r="A825">
        <v>0.64</v>
      </c>
      <c r="B825">
        <v>16</v>
      </c>
      <c r="C825">
        <v>0.9</v>
      </c>
    </row>
    <row r="826" spans="1:3" x14ac:dyDescent="0.25">
      <c r="A826">
        <v>0.63</v>
      </c>
      <c r="B826">
        <v>16</v>
      </c>
      <c r="C826">
        <v>0.49</v>
      </c>
    </row>
    <row r="827" spans="1:3" x14ac:dyDescent="0.25">
      <c r="A827">
        <v>0.62</v>
      </c>
      <c r="B827">
        <v>16</v>
      </c>
      <c r="C827">
        <v>0.82</v>
      </c>
    </row>
    <row r="828" spans="1:3" x14ac:dyDescent="0.25">
      <c r="A828">
        <v>0.61</v>
      </c>
      <c r="B828">
        <v>16</v>
      </c>
      <c r="C828">
        <v>0.75</v>
      </c>
    </row>
    <row r="829" spans="1:3" x14ac:dyDescent="0.25">
      <c r="A829">
        <v>0.6</v>
      </c>
      <c r="B829">
        <v>16</v>
      </c>
      <c r="C829">
        <v>0.51</v>
      </c>
    </row>
    <row r="830" spans="1:3" x14ac:dyDescent="0.25">
      <c r="A830">
        <v>0.6</v>
      </c>
      <c r="B830">
        <v>16</v>
      </c>
      <c r="C830">
        <v>0.83</v>
      </c>
    </row>
    <row r="831" spans="1:3" x14ac:dyDescent="0.25">
      <c r="A831">
        <v>0.59</v>
      </c>
      <c r="B831">
        <v>16</v>
      </c>
      <c r="C831">
        <v>0.82</v>
      </c>
    </row>
    <row r="832" spans="1:3" x14ac:dyDescent="0.25">
      <c r="A832">
        <v>0.59</v>
      </c>
      <c r="B832">
        <v>16</v>
      </c>
      <c r="C832">
        <v>0.13</v>
      </c>
    </row>
    <row r="833" spans="1:3" x14ac:dyDescent="0.25">
      <c r="A833">
        <v>0.59</v>
      </c>
      <c r="B833">
        <v>16</v>
      </c>
      <c r="C833">
        <v>0.51</v>
      </c>
    </row>
    <row r="834" spans="1:3" x14ac:dyDescent="0.25">
      <c r="A834">
        <v>0.56999999999999995</v>
      </c>
      <c r="B834">
        <v>16</v>
      </c>
      <c r="C834">
        <v>0.53</v>
      </c>
    </row>
    <row r="835" spans="1:3" x14ac:dyDescent="0.25">
      <c r="A835">
        <v>0.56999999999999995</v>
      </c>
      <c r="B835">
        <v>16</v>
      </c>
      <c r="C835">
        <v>0.45</v>
      </c>
    </row>
    <row r="836" spans="1:3" x14ac:dyDescent="0.25">
      <c r="A836">
        <v>0.56999999999999995</v>
      </c>
      <c r="B836">
        <v>16</v>
      </c>
      <c r="C836">
        <v>0.26</v>
      </c>
    </row>
    <row r="837" spans="1:3" x14ac:dyDescent="0.25">
      <c r="A837">
        <v>0.55000000000000004</v>
      </c>
      <c r="B837">
        <v>16</v>
      </c>
      <c r="C837">
        <v>0.83</v>
      </c>
    </row>
    <row r="838" spans="1:3" x14ac:dyDescent="0.25">
      <c r="A838">
        <v>0.54</v>
      </c>
      <c r="B838">
        <v>16</v>
      </c>
      <c r="C838">
        <v>0.11</v>
      </c>
    </row>
    <row r="839" spans="1:3" x14ac:dyDescent="0.25">
      <c r="A839">
        <v>0.54</v>
      </c>
      <c r="B839">
        <v>16</v>
      </c>
      <c r="C839">
        <v>0.48</v>
      </c>
    </row>
    <row r="840" spans="1:3" x14ac:dyDescent="0.25">
      <c r="A840">
        <v>0.53</v>
      </c>
      <c r="B840">
        <v>16</v>
      </c>
      <c r="C840">
        <v>0.73</v>
      </c>
    </row>
    <row r="841" spans="1:3" x14ac:dyDescent="0.25">
      <c r="A841">
        <v>0.53</v>
      </c>
      <c r="B841">
        <v>16</v>
      </c>
      <c r="C841">
        <v>0.32</v>
      </c>
    </row>
    <row r="842" spans="1:3" x14ac:dyDescent="0.25">
      <c r="A842">
        <v>0.51</v>
      </c>
      <c r="B842">
        <v>16</v>
      </c>
      <c r="C842">
        <v>0.43</v>
      </c>
    </row>
    <row r="843" spans="1:3" x14ac:dyDescent="0.25">
      <c r="A843">
        <v>0.51</v>
      </c>
      <c r="B843">
        <v>16</v>
      </c>
      <c r="C843">
        <v>0.87</v>
      </c>
    </row>
    <row r="844" spans="1:3" x14ac:dyDescent="0.25">
      <c r="A844">
        <v>1</v>
      </c>
      <c r="B844">
        <v>17</v>
      </c>
      <c r="C844">
        <v>0.55000000000000004</v>
      </c>
    </row>
    <row r="845" spans="1:3" x14ac:dyDescent="0.25">
      <c r="A845">
        <v>0.98</v>
      </c>
      <c r="B845">
        <v>17</v>
      </c>
      <c r="C845">
        <v>0.81</v>
      </c>
    </row>
    <row r="846" spans="1:3" x14ac:dyDescent="0.25">
      <c r="A846">
        <v>0.98</v>
      </c>
      <c r="B846">
        <v>17</v>
      </c>
      <c r="C846">
        <v>0.16</v>
      </c>
    </row>
    <row r="847" spans="1:3" x14ac:dyDescent="0.25">
      <c r="A847">
        <v>0.97</v>
      </c>
      <c r="B847">
        <v>17</v>
      </c>
      <c r="C847">
        <v>0.17</v>
      </c>
    </row>
    <row r="848" spans="1:3" x14ac:dyDescent="0.25">
      <c r="A848">
        <v>0.94</v>
      </c>
      <c r="B848">
        <v>17</v>
      </c>
      <c r="C848">
        <v>0.93</v>
      </c>
    </row>
    <row r="849" spans="1:3" x14ac:dyDescent="0.25">
      <c r="A849">
        <v>0.92</v>
      </c>
      <c r="B849">
        <v>17</v>
      </c>
      <c r="C849">
        <v>0.34</v>
      </c>
    </row>
    <row r="850" spans="1:3" x14ac:dyDescent="0.25">
      <c r="A850">
        <v>0.92</v>
      </c>
      <c r="B850">
        <v>17</v>
      </c>
      <c r="C850">
        <v>0.41</v>
      </c>
    </row>
    <row r="851" spans="1:3" x14ac:dyDescent="0.25">
      <c r="A851">
        <v>0.91</v>
      </c>
      <c r="B851">
        <v>17</v>
      </c>
      <c r="C851">
        <v>0.3</v>
      </c>
    </row>
    <row r="852" spans="1:3" x14ac:dyDescent="0.25">
      <c r="A852">
        <v>0.9</v>
      </c>
      <c r="B852">
        <v>17</v>
      </c>
      <c r="C852">
        <v>0.93</v>
      </c>
    </row>
    <row r="853" spans="1:3" x14ac:dyDescent="0.25">
      <c r="A853">
        <v>0.87</v>
      </c>
      <c r="B853">
        <v>17</v>
      </c>
      <c r="C853">
        <v>0.35</v>
      </c>
    </row>
    <row r="854" spans="1:3" x14ac:dyDescent="0.25">
      <c r="A854">
        <v>0.87</v>
      </c>
      <c r="B854">
        <v>17</v>
      </c>
      <c r="C854">
        <v>0.28000000000000003</v>
      </c>
    </row>
    <row r="855" spans="1:3" x14ac:dyDescent="0.25">
      <c r="A855">
        <v>0.86</v>
      </c>
      <c r="B855">
        <v>17</v>
      </c>
      <c r="C855">
        <v>0.6</v>
      </c>
    </row>
    <row r="856" spans="1:3" x14ac:dyDescent="0.25">
      <c r="A856">
        <v>0.86</v>
      </c>
      <c r="B856">
        <v>17</v>
      </c>
      <c r="C856">
        <v>0.13</v>
      </c>
    </row>
    <row r="857" spans="1:3" x14ac:dyDescent="0.25">
      <c r="A857">
        <v>0.85</v>
      </c>
      <c r="B857">
        <v>17</v>
      </c>
      <c r="C857">
        <v>0.75</v>
      </c>
    </row>
    <row r="858" spans="1:3" x14ac:dyDescent="0.25">
      <c r="A858">
        <v>0.83</v>
      </c>
      <c r="B858">
        <v>17</v>
      </c>
      <c r="C858">
        <v>0.67</v>
      </c>
    </row>
    <row r="859" spans="1:3" x14ac:dyDescent="0.25">
      <c r="A859">
        <v>0.8</v>
      </c>
      <c r="B859">
        <v>17</v>
      </c>
      <c r="C859">
        <v>0.27</v>
      </c>
    </row>
    <row r="860" spans="1:3" x14ac:dyDescent="0.25">
      <c r="A860">
        <v>0.8</v>
      </c>
      <c r="B860">
        <v>17</v>
      </c>
      <c r="C860">
        <v>0.57999999999999996</v>
      </c>
    </row>
    <row r="861" spans="1:3" x14ac:dyDescent="0.25">
      <c r="A861">
        <v>0.79</v>
      </c>
      <c r="B861">
        <v>17</v>
      </c>
      <c r="C861">
        <v>0.27</v>
      </c>
    </row>
    <row r="862" spans="1:3" x14ac:dyDescent="0.25">
      <c r="A862">
        <v>0.79</v>
      </c>
      <c r="B862">
        <v>17</v>
      </c>
      <c r="C862">
        <v>0.76</v>
      </c>
    </row>
    <row r="863" spans="1:3" x14ac:dyDescent="0.25">
      <c r="A863">
        <v>0.78</v>
      </c>
      <c r="B863">
        <v>17</v>
      </c>
      <c r="C863">
        <v>0.48</v>
      </c>
    </row>
    <row r="864" spans="1:3" x14ac:dyDescent="0.25">
      <c r="A864">
        <v>0.78</v>
      </c>
      <c r="B864">
        <v>17</v>
      </c>
      <c r="C864">
        <v>0.32</v>
      </c>
    </row>
    <row r="865" spans="1:3" x14ac:dyDescent="0.25">
      <c r="A865">
        <v>0.77</v>
      </c>
      <c r="B865">
        <v>17</v>
      </c>
      <c r="C865">
        <v>0.57999999999999996</v>
      </c>
    </row>
    <row r="866" spans="1:3" x14ac:dyDescent="0.25">
      <c r="A866">
        <v>0.75</v>
      </c>
      <c r="B866">
        <v>17</v>
      </c>
      <c r="C866">
        <v>0.14000000000000001</v>
      </c>
    </row>
    <row r="867" spans="1:3" x14ac:dyDescent="0.25">
      <c r="A867">
        <v>0.73</v>
      </c>
      <c r="B867">
        <v>17</v>
      </c>
      <c r="C867">
        <v>0.56999999999999995</v>
      </c>
    </row>
    <row r="868" spans="1:3" x14ac:dyDescent="0.25">
      <c r="A868">
        <v>0.73</v>
      </c>
      <c r="B868">
        <v>17</v>
      </c>
      <c r="C868">
        <v>0.6</v>
      </c>
    </row>
    <row r="869" spans="1:3" x14ac:dyDescent="0.25">
      <c r="A869">
        <v>0.73</v>
      </c>
      <c r="B869">
        <v>17</v>
      </c>
      <c r="C869">
        <v>0.59</v>
      </c>
    </row>
    <row r="870" spans="1:3" x14ac:dyDescent="0.25">
      <c r="A870">
        <v>0.73</v>
      </c>
      <c r="B870">
        <v>17</v>
      </c>
      <c r="C870">
        <v>0.11</v>
      </c>
    </row>
    <row r="871" spans="1:3" x14ac:dyDescent="0.25">
      <c r="A871">
        <v>0.71</v>
      </c>
      <c r="B871">
        <v>17</v>
      </c>
      <c r="C871">
        <v>0.34</v>
      </c>
    </row>
    <row r="872" spans="1:3" x14ac:dyDescent="0.25">
      <c r="A872">
        <v>0.68</v>
      </c>
      <c r="B872">
        <v>17</v>
      </c>
      <c r="C872">
        <v>0.83</v>
      </c>
    </row>
    <row r="873" spans="1:3" x14ac:dyDescent="0.25">
      <c r="A873">
        <v>0.65</v>
      </c>
      <c r="B873">
        <v>17</v>
      </c>
      <c r="C873">
        <v>0.06</v>
      </c>
    </row>
    <row r="874" spans="1:3" x14ac:dyDescent="0.25">
      <c r="A874">
        <v>0.65</v>
      </c>
      <c r="B874">
        <v>17</v>
      </c>
      <c r="C874">
        <v>0.54</v>
      </c>
    </row>
    <row r="875" spans="1:3" x14ac:dyDescent="0.25">
      <c r="A875">
        <v>0.62</v>
      </c>
      <c r="B875">
        <v>17</v>
      </c>
      <c r="C875">
        <v>0.08</v>
      </c>
    </row>
    <row r="876" spans="1:3" x14ac:dyDescent="0.25">
      <c r="A876">
        <v>0.61</v>
      </c>
      <c r="B876">
        <v>17</v>
      </c>
      <c r="C876">
        <v>0.78</v>
      </c>
    </row>
    <row r="877" spans="1:3" x14ac:dyDescent="0.25">
      <c r="A877">
        <v>0.6</v>
      </c>
      <c r="B877">
        <v>17</v>
      </c>
      <c r="C877">
        <v>0.38</v>
      </c>
    </row>
    <row r="878" spans="1:3" x14ac:dyDescent="0.25">
      <c r="A878">
        <v>0.6</v>
      </c>
      <c r="B878">
        <v>17</v>
      </c>
      <c r="C878">
        <v>0.89</v>
      </c>
    </row>
    <row r="879" spans="1:3" x14ac:dyDescent="0.25">
      <c r="A879">
        <v>0.6</v>
      </c>
      <c r="B879">
        <v>17</v>
      </c>
      <c r="C879">
        <v>0.72</v>
      </c>
    </row>
    <row r="880" spans="1:3" x14ac:dyDescent="0.25">
      <c r="A880">
        <v>0.57999999999999996</v>
      </c>
      <c r="B880">
        <v>17</v>
      </c>
      <c r="C880">
        <v>0.34</v>
      </c>
    </row>
    <row r="881" spans="1:3" x14ac:dyDescent="0.25">
      <c r="A881">
        <v>0.56000000000000005</v>
      </c>
      <c r="B881">
        <v>17</v>
      </c>
      <c r="C881">
        <v>0.68</v>
      </c>
    </row>
    <row r="882" spans="1:3" x14ac:dyDescent="0.25">
      <c r="A882">
        <v>0.56000000000000005</v>
      </c>
      <c r="B882">
        <v>17</v>
      </c>
      <c r="C882">
        <v>0.53</v>
      </c>
    </row>
    <row r="883" spans="1:3" x14ac:dyDescent="0.25">
      <c r="A883">
        <v>0.54</v>
      </c>
      <c r="B883">
        <v>17</v>
      </c>
      <c r="C883">
        <v>0.44</v>
      </c>
    </row>
    <row r="884" spans="1:3" x14ac:dyDescent="0.25">
      <c r="A884">
        <v>0.53</v>
      </c>
      <c r="B884">
        <v>17</v>
      </c>
      <c r="C884">
        <v>0.54</v>
      </c>
    </row>
    <row r="885" spans="1:3" x14ac:dyDescent="0.25">
      <c r="A885">
        <v>0.52</v>
      </c>
      <c r="B885">
        <v>17</v>
      </c>
      <c r="C885">
        <v>0.89</v>
      </c>
    </row>
    <row r="886" spans="1:3" x14ac:dyDescent="0.25">
      <c r="A886">
        <v>0.99</v>
      </c>
      <c r="B886">
        <v>18</v>
      </c>
      <c r="C886">
        <v>0.09</v>
      </c>
    </row>
    <row r="887" spans="1:3" x14ac:dyDescent="0.25">
      <c r="A887">
        <v>0.98</v>
      </c>
      <c r="B887">
        <v>18</v>
      </c>
      <c r="C887">
        <v>0.83</v>
      </c>
    </row>
    <row r="888" spans="1:3" x14ac:dyDescent="0.25">
      <c r="A888">
        <v>0.97</v>
      </c>
      <c r="B888">
        <v>18</v>
      </c>
      <c r="C888">
        <v>0.1</v>
      </c>
    </row>
    <row r="889" spans="1:3" x14ac:dyDescent="0.25">
      <c r="A889">
        <v>0.96</v>
      </c>
      <c r="B889">
        <v>18</v>
      </c>
      <c r="C889">
        <v>0.39</v>
      </c>
    </row>
    <row r="890" spans="1:3" x14ac:dyDescent="0.25">
      <c r="A890">
        <v>0.96</v>
      </c>
      <c r="B890">
        <v>18</v>
      </c>
      <c r="C890">
        <v>0.23</v>
      </c>
    </row>
    <row r="891" spans="1:3" x14ac:dyDescent="0.25">
      <c r="A891">
        <v>0.95</v>
      </c>
      <c r="B891">
        <v>18</v>
      </c>
      <c r="C891">
        <v>0.22</v>
      </c>
    </row>
    <row r="892" spans="1:3" x14ac:dyDescent="0.25">
      <c r="A892">
        <v>0.95</v>
      </c>
      <c r="B892">
        <v>18</v>
      </c>
      <c r="C892">
        <v>0.75</v>
      </c>
    </row>
    <row r="893" spans="1:3" x14ac:dyDescent="0.25">
      <c r="A893">
        <v>0.95</v>
      </c>
      <c r="B893">
        <v>18</v>
      </c>
      <c r="C893">
        <v>0.56999999999999995</v>
      </c>
    </row>
    <row r="894" spans="1:3" x14ac:dyDescent="0.25">
      <c r="A894">
        <v>0.93</v>
      </c>
      <c r="B894">
        <v>18</v>
      </c>
      <c r="C894">
        <v>0.45</v>
      </c>
    </row>
    <row r="895" spans="1:3" x14ac:dyDescent="0.25">
      <c r="A895">
        <v>0.93</v>
      </c>
      <c r="B895">
        <v>18</v>
      </c>
      <c r="C895">
        <v>0.05</v>
      </c>
    </row>
    <row r="896" spans="1:3" x14ac:dyDescent="0.25">
      <c r="A896">
        <v>0.92</v>
      </c>
      <c r="B896">
        <v>18</v>
      </c>
      <c r="C896">
        <v>0.63</v>
      </c>
    </row>
    <row r="897" spans="1:3" x14ac:dyDescent="0.25">
      <c r="A897">
        <v>0.92</v>
      </c>
      <c r="B897">
        <v>18</v>
      </c>
      <c r="C897">
        <v>0.3</v>
      </c>
    </row>
    <row r="898" spans="1:3" x14ac:dyDescent="0.25">
      <c r="A898">
        <v>0.92</v>
      </c>
      <c r="B898">
        <v>18</v>
      </c>
      <c r="C898">
        <v>0.15</v>
      </c>
    </row>
    <row r="899" spans="1:3" x14ac:dyDescent="0.25">
      <c r="A899">
        <v>0.92</v>
      </c>
      <c r="B899">
        <v>18</v>
      </c>
      <c r="C899">
        <v>0.4</v>
      </c>
    </row>
    <row r="900" spans="1:3" x14ac:dyDescent="0.25">
      <c r="A900">
        <v>0.91</v>
      </c>
      <c r="B900">
        <v>18</v>
      </c>
      <c r="C900">
        <v>0.47</v>
      </c>
    </row>
    <row r="901" spans="1:3" x14ac:dyDescent="0.25">
      <c r="A901">
        <v>0.9</v>
      </c>
      <c r="B901">
        <v>18</v>
      </c>
      <c r="C901">
        <v>0.67</v>
      </c>
    </row>
    <row r="902" spans="1:3" x14ac:dyDescent="0.25">
      <c r="A902">
        <v>0.89</v>
      </c>
      <c r="B902">
        <v>18</v>
      </c>
      <c r="C902">
        <v>0.78</v>
      </c>
    </row>
    <row r="903" spans="1:3" x14ac:dyDescent="0.25">
      <c r="A903">
        <v>0.88</v>
      </c>
      <c r="B903">
        <v>18</v>
      </c>
      <c r="C903">
        <v>0.71</v>
      </c>
    </row>
    <row r="904" spans="1:3" x14ac:dyDescent="0.25">
      <c r="A904">
        <v>0.87</v>
      </c>
      <c r="B904">
        <v>18</v>
      </c>
      <c r="C904">
        <v>0.77</v>
      </c>
    </row>
    <row r="905" spans="1:3" x14ac:dyDescent="0.25">
      <c r="A905">
        <v>0.86</v>
      </c>
      <c r="B905">
        <v>18</v>
      </c>
      <c r="C905">
        <v>0.08</v>
      </c>
    </row>
    <row r="906" spans="1:3" x14ac:dyDescent="0.25">
      <c r="A906">
        <v>0.86</v>
      </c>
      <c r="B906">
        <v>18</v>
      </c>
      <c r="C906">
        <v>0.21</v>
      </c>
    </row>
    <row r="907" spans="1:3" x14ac:dyDescent="0.25">
      <c r="A907">
        <v>0.85</v>
      </c>
      <c r="B907">
        <v>18</v>
      </c>
      <c r="C907">
        <v>0.57999999999999996</v>
      </c>
    </row>
    <row r="908" spans="1:3" x14ac:dyDescent="0.25">
      <c r="A908">
        <v>0.85</v>
      </c>
      <c r="B908">
        <v>18</v>
      </c>
      <c r="C908">
        <v>0.25</v>
      </c>
    </row>
    <row r="909" spans="1:3" x14ac:dyDescent="0.25">
      <c r="A909">
        <v>0.83</v>
      </c>
      <c r="B909">
        <v>18</v>
      </c>
      <c r="C909">
        <v>0.44</v>
      </c>
    </row>
    <row r="910" spans="1:3" x14ac:dyDescent="0.25">
      <c r="A910">
        <v>0.82</v>
      </c>
      <c r="B910">
        <v>18</v>
      </c>
      <c r="C910">
        <v>0.22</v>
      </c>
    </row>
    <row r="911" spans="1:3" x14ac:dyDescent="0.25">
      <c r="A911">
        <v>0.8</v>
      </c>
      <c r="B911">
        <v>18</v>
      </c>
      <c r="C911">
        <v>0.55000000000000004</v>
      </c>
    </row>
    <row r="912" spans="1:3" x14ac:dyDescent="0.25">
      <c r="A912">
        <v>0.77</v>
      </c>
      <c r="B912">
        <v>18</v>
      </c>
      <c r="C912">
        <v>0.56999999999999995</v>
      </c>
    </row>
    <row r="913" spans="1:3" x14ac:dyDescent="0.25">
      <c r="A913">
        <v>0.77</v>
      </c>
      <c r="B913">
        <v>18</v>
      </c>
      <c r="C913">
        <v>0.56000000000000005</v>
      </c>
    </row>
    <row r="914" spans="1:3" x14ac:dyDescent="0.25">
      <c r="A914">
        <v>0.76</v>
      </c>
      <c r="B914">
        <v>18</v>
      </c>
      <c r="C914">
        <v>0.28999999999999998</v>
      </c>
    </row>
    <row r="915" spans="1:3" x14ac:dyDescent="0.25">
      <c r="A915">
        <v>0.76</v>
      </c>
      <c r="B915">
        <v>18</v>
      </c>
      <c r="C915">
        <v>0.82</v>
      </c>
    </row>
    <row r="916" spans="1:3" x14ac:dyDescent="0.25">
      <c r="A916">
        <v>0.74</v>
      </c>
      <c r="B916">
        <v>18</v>
      </c>
      <c r="C916">
        <v>0.78</v>
      </c>
    </row>
    <row r="917" spans="1:3" x14ac:dyDescent="0.25">
      <c r="A917">
        <v>0.73</v>
      </c>
      <c r="B917">
        <v>18</v>
      </c>
      <c r="C917">
        <v>0.57999999999999996</v>
      </c>
    </row>
    <row r="918" spans="1:3" x14ac:dyDescent="0.25">
      <c r="A918">
        <v>0.73</v>
      </c>
      <c r="B918">
        <v>18</v>
      </c>
      <c r="C918">
        <v>0.73</v>
      </c>
    </row>
    <row r="919" spans="1:3" x14ac:dyDescent="0.25">
      <c r="A919">
        <v>0.72</v>
      </c>
      <c r="B919">
        <v>18</v>
      </c>
      <c r="C919">
        <v>0.31</v>
      </c>
    </row>
    <row r="920" spans="1:3" x14ac:dyDescent="0.25">
      <c r="A920">
        <v>0.72</v>
      </c>
      <c r="B920">
        <v>18</v>
      </c>
      <c r="C920">
        <v>0.32</v>
      </c>
    </row>
    <row r="921" spans="1:3" x14ac:dyDescent="0.25">
      <c r="A921">
        <v>0.71</v>
      </c>
      <c r="B921">
        <v>18</v>
      </c>
      <c r="C921">
        <v>0.86</v>
      </c>
    </row>
    <row r="922" spans="1:3" x14ac:dyDescent="0.25">
      <c r="A922">
        <v>0.71</v>
      </c>
      <c r="B922">
        <v>18</v>
      </c>
      <c r="C922">
        <v>0.8</v>
      </c>
    </row>
    <row r="923" spans="1:3" x14ac:dyDescent="0.25">
      <c r="A923">
        <v>0.71</v>
      </c>
      <c r="B923">
        <v>18</v>
      </c>
      <c r="C923">
        <v>0.59</v>
      </c>
    </row>
    <row r="924" spans="1:3" x14ac:dyDescent="0.25">
      <c r="A924">
        <v>0.7</v>
      </c>
      <c r="B924">
        <v>18</v>
      </c>
      <c r="C924">
        <v>0.48</v>
      </c>
    </row>
    <row r="925" spans="1:3" x14ac:dyDescent="0.25">
      <c r="A925">
        <v>0.7</v>
      </c>
      <c r="B925">
        <v>18</v>
      </c>
      <c r="C925">
        <v>0.54</v>
      </c>
    </row>
    <row r="926" spans="1:3" x14ac:dyDescent="0.25">
      <c r="A926">
        <v>0.7</v>
      </c>
      <c r="B926">
        <v>18</v>
      </c>
      <c r="C926">
        <v>0.67</v>
      </c>
    </row>
    <row r="927" spans="1:3" x14ac:dyDescent="0.25">
      <c r="A927">
        <v>0.7</v>
      </c>
      <c r="B927">
        <v>18</v>
      </c>
      <c r="C927">
        <v>0.14000000000000001</v>
      </c>
    </row>
    <row r="928" spans="1:3" x14ac:dyDescent="0.25">
      <c r="A928">
        <v>0.67</v>
      </c>
      <c r="B928">
        <v>18</v>
      </c>
      <c r="C928">
        <v>0.15</v>
      </c>
    </row>
    <row r="929" spans="1:3" x14ac:dyDescent="0.25">
      <c r="A929">
        <v>0.67</v>
      </c>
      <c r="B929">
        <v>18</v>
      </c>
      <c r="C929">
        <v>0.13</v>
      </c>
    </row>
    <row r="930" spans="1:3" x14ac:dyDescent="0.25">
      <c r="A930">
        <v>0.67</v>
      </c>
      <c r="B930">
        <v>18</v>
      </c>
      <c r="C930">
        <v>0.46</v>
      </c>
    </row>
    <row r="931" spans="1:3" x14ac:dyDescent="0.25">
      <c r="A931">
        <v>0.64</v>
      </c>
      <c r="B931">
        <v>18</v>
      </c>
      <c r="C931">
        <v>0.83</v>
      </c>
    </row>
    <row r="932" spans="1:3" x14ac:dyDescent="0.25">
      <c r="A932">
        <v>0.64</v>
      </c>
      <c r="B932">
        <v>18</v>
      </c>
      <c r="C932">
        <v>0.4</v>
      </c>
    </row>
    <row r="933" spans="1:3" x14ac:dyDescent="0.25">
      <c r="A933">
        <v>0.64</v>
      </c>
      <c r="B933">
        <v>18</v>
      </c>
      <c r="C933">
        <v>0.59</v>
      </c>
    </row>
    <row r="934" spans="1:3" x14ac:dyDescent="0.25">
      <c r="A934">
        <v>0.63</v>
      </c>
      <c r="B934">
        <v>18</v>
      </c>
      <c r="C934">
        <v>0.53</v>
      </c>
    </row>
    <row r="935" spans="1:3" x14ac:dyDescent="0.25">
      <c r="A935">
        <v>0.61</v>
      </c>
      <c r="B935">
        <v>18</v>
      </c>
      <c r="C935">
        <v>0.49</v>
      </c>
    </row>
    <row r="936" spans="1:3" x14ac:dyDescent="0.25">
      <c r="A936">
        <v>0.61</v>
      </c>
      <c r="B936">
        <v>18</v>
      </c>
      <c r="C936">
        <v>0.91</v>
      </c>
    </row>
    <row r="937" spans="1:3" x14ac:dyDescent="0.25">
      <c r="A937">
        <v>0.6</v>
      </c>
      <c r="B937">
        <v>18</v>
      </c>
      <c r="C937">
        <v>0.48</v>
      </c>
    </row>
    <row r="938" spans="1:3" x14ac:dyDescent="0.25">
      <c r="A938">
        <v>0.6</v>
      </c>
      <c r="B938">
        <v>18</v>
      </c>
      <c r="C938">
        <v>0.38</v>
      </c>
    </row>
    <row r="939" spans="1:3" x14ac:dyDescent="0.25">
      <c r="A939">
        <v>0.57999999999999996</v>
      </c>
      <c r="B939">
        <v>18</v>
      </c>
      <c r="C939">
        <v>0.09</v>
      </c>
    </row>
    <row r="940" spans="1:3" x14ac:dyDescent="0.25">
      <c r="A940">
        <v>0.57999999999999996</v>
      </c>
      <c r="B940">
        <v>18</v>
      </c>
      <c r="C940">
        <v>0.13</v>
      </c>
    </row>
    <row r="941" spans="1:3" x14ac:dyDescent="0.25">
      <c r="A941">
        <v>0.57999999999999996</v>
      </c>
      <c r="B941">
        <v>18</v>
      </c>
      <c r="C941">
        <v>0.33</v>
      </c>
    </row>
    <row r="942" spans="1:3" x14ac:dyDescent="0.25">
      <c r="A942">
        <v>0.57999999999999996</v>
      </c>
      <c r="B942">
        <v>18</v>
      </c>
      <c r="C942">
        <v>0.77</v>
      </c>
    </row>
    <row r="943" spans="1:3" x14ac:dyDescent="0.25">
      <c r="A943">
        <v>0.56000000000000005</v>
      </c>
      <c r="B943">
        <v>18</v>
      </c>
      <c r="C943">
        <v>0.05</v>
      </c>
    </row>
    <row r="944" spans="1:3" x14ac:dyDescent="0.25">
      <c r="A944">
        <v>0.56000000000000005</v>
      </c>
      <c r="B944">
        <v>18</v>
      </c>
      <c r="C944">
        <v>0.84</v>
      </c>
    </row>
    <row r="945" spans="1:3" x14ac:dyDescent="0.25">
      <c r="A945">
        <v>0.55000000000000004</v>
      </c>
      <c r="B945">
        <v>18</v>
      </c>
      <c r="C945">
        <v>0.73</v>
      </c>
    </row>
    <row r="946" spans="1:3" x14ac:dyDescent="0.25">
      <c r="A946">
        <v>0.55000000000000004</v>
      </c>
      <c r="B946">
        <v>18</v>
      </c>
      <c r="C946">
        <v>0.89</v>
      </c>
    </row>
    <row r="947" spans="1:3" x14ac:dyDescent="0.25">
      <c r="A947">
        <v>0.54</v>
      </c>
      <c r="B947">
        <v>18</v>
      </c>
      <c r="C947">
        <v>0.44</v>
      </c>
    </row>
    <row r="948" spans="1:3" x14ac:dyDescent="0.25">
      <c r="A948">
        <v>0.54</v>
      </c>
      <c r="B948">
        <v>18</v>
      </c>
      <c r="C948">
        <v>0.37</v>
      </c>
    </row>
    <row r="949" spans="1:3" x14ac:dyDescent="0.25">
      <c r="A949">
        <v>0.53</v>
      </c>
      <c r="B949">
        <v>18</v>
      </c>
      <c r="C949">
        <v>0.36</v>
      </c>
    </row>
    <row r="950" spans="1:3" x14ac:dyDescent="0.25">
      <c r="A950">
        <v>0.51</v>
      </c>
      <c r="B950">
        <v>18</v>
      </c>
      <c r="C950">
        <v>0.12</v>
      </c>
    </row>
    <row r="951" spans="1:3" x14ac:dyDescent="0.25">
      <c r="A951">
        <v>0.5</v>
      </c>
      <c r="B951">
        <v>18</v>
      </c>
      <c r="C951">
        <v>0.9</v>
      </c>
    </row>
    <row r="952" spans="1:3" x14ac:dyDescent="0.25">
      <c r="A952">
        <v>0.98</v>
      </c>
      <c r="B952">
        <v>19</v>
      </c>
      <c r="C952">
        <v>0.64</v>
      </c>
    </row>
    <row r="953" spans="1:3" x14ac:dyDescent="0.25">
      <c r="A953">
        <v>0.98</v>
      </c>
      <c r="B953">
        <v>19</v>
      </c>
      <c r="C953">
        <v>0.82</v>
      </c>
    </row>
    <row r="954" spans="1:3" x14ac:dyDescent="0.25">
      <c r="A954">
        <v>0.97</v>
      </c>
      <c r="B954">
        <v>19</v>
      </c>
      <c r="C954">
        <v>0.76</v>
      </c>
    </row>
    <row r="955" spans="1:3" x14ac:dyDescent="0.25">
      <c r="A955">
        <v>0.97</v>
      </c>
      <c r="B955">
        <v>19</v>
      </c>
      <c r="C955">
        <v>0.28000000000000003</v>
      </c>
    </row>
    <row r="956" spans="1:3" x14ac:dyDescent="0.25">
      <c r="A956">
        <v>0.96</v>
      </c>
      <c r="B956">
        <v>19</v>
      </c>
      <c r="C956">
        <v>0.61</v>
      </c>
    </row>
    <row r="957" spans="1:3" x14ac:dyDescent="0.25">
      <c r="A957">
        <v>0.93</v>
      </c>
      <c r="B957">
        <v>19</v>
      </c>
      <c r="C957">
        <v>0.32</v>
      </c>
    </row>
    <row r="958" spans="1:3" x14ac:dyDescent="0.25">
      <c r="A958">
        <v>0.92</v>
      </c>
      <c r="B958">
        <v>19</v>
      </c>
      <c r="C958">
        <v>0.71</v>
      </c>
    </row>
    <row r="959" spans="1:3" x14ac:dyDescent="0.25">
      <c r="A959">
        <v>0.9</v>
      </c>
      <c r="B959">
        <v>19</v>
      </c>
      <c r="C959">
        <v>0.85</v>
      </c>
    </row>
    <row r="960" spans="1:3" x14ac:dyDescent="0.25">
      <c r="A960">
        <v>0.89</v>
      </c>
      <c r="B960">
        <v>19</v>
      </c>
      <c r="C960">
        <v>0.21</v>
      </c>
    </row>
    <row r="961" spans="1:3" x14ac:dyDescent="0.25">
      <c r="A961">
        <v>0.87</v>
      </c>
      <c r="B961">
        <v>19</v>
      </c>
      <c r="C961">
        <v>0.9</v>
      </c>
    </row>
    <row r="962" spans="1:3" x14ac:dyDescent="0.25">
      <c r="A962">
        <v>0.85</v>
      </c>
      <c r="B962">
        <v>19</v>
      </c>
      <c r="C962">
        <v>7.0000000000000007E-2</v>
      </c>
    </row>
    <row r="963" spans="1:3" x14ac:dyDescent="0.25">
      <c r="A963">
        <v>0.83</v>
      </c>
      <c r="B963">
        <v>19</v>
      </c>
      <c r="C963">
        <v>0.63</v>
      </c>
    </row>
    <row r="964" spans="1:3" x14ac:dyDescent="0.25">
      <c r="A964">
        <v>0.83</v>
      </c>
      <c r="B964">
        <v>19</v>
      </c>
      <c r="C964">
        <v>0.65</v>
      </c>
    </row>
    <row r="965" spans="1:3" x14ac:dyDescent="0.25">
      <c r="A965">
        <v>0.82</v>
      </c>
      <c r="B965">
        <v>19</v>
      </c>
      <c r="C965">
        <v>0.34</v>
      </c>
    </row>
    <row r="966" spans="1:3" x14ac:dyDescent="0.25">
      <c r="A966">
        <v>0.8</v>
      </c>
      <c r="B966">
        <v>19</v>
      </c>
      <c r="C966">
        <v>0.32</v>
      </c>
    </row>
    <row r="967" spans="1:3" x14ac:dyDescent="0.25">
      <c r="A967">
        <v>0.79</v>
      </c>
      <c r="B967">
        <v>19</v>
      </c>
      <c r="C967">
        <v>0.37</v>
      </c>
    </row>
    <row r="968" spans="1:3" x14ac:dyDescent="0.25">
      <c r="A968">
        <v>0.79</v>
      </c>
      <c r="B968">
        <v>19</v>
      </c>
      <c r="C968">
        <v>0.05</v>
      </c>
    </row>
    <row r="969" spans="1:3" x14ac:dyDescent="0.25">
      <c r="A969">
        <v>0.79</v>
      </c>
      <c r="B969">
        <v>19</v>
      </c>
      <c r="C969">
        <v>0.11</v>
      </c>
    </row>
    <row r="970" spans="1:3" x14ac:dyDescent="0.25">
      <c r="A970">
        <v>0.79</v>
      </c>
      <c r="B970">
        <v>19</v>
      </c>
      <c r="C970">
        <v>0.56999999999999995</v>
      </c>
    </row>
    <row r="971" spans="1:3" x14ac:dyDescent="0.25">
      <c r="A971">
        <v>0.78</v>
      </c>
      <c r="B971">
        <v>19</v>
      </c>
      <c r="C971">
        <v>0.09</v>
      </c>
    </row>
    <row r="972" spans="1:3" x14ac:dyDescent="0.25">
      <c r="A972">
        <v>0.78</v>
      </c>
      <c r="B972">
        <v>19</v>
      </c>
      <c r="C972">
        <v>0.52</v>
      </c>
    </row>
    <row r="973" spans="1:3" x14ac:dyDescent="0.25">
      <c r="A973">
        <v>0.77</v>
      </c>
      <c r="B973">
        <v>19</v>
      </c>
      <c r="C973">
        <v>0.62</v>
      </c>
    </row>
    <row r="974" spans="1:3" x14ac:dyDescent="0.25">
      <c r="A974">
        <v>0.77</v>
      </c>
      <c r="B974">
        <v>19</v>
      </c>
      <c r="C974">
        <v>0.88</v>
      </c>
    </row>
    <row r="975" spans="1:3" x14ac:dyDescent="0.25">
      <c r="A975">
        <v>0.76</v>
      </c>
      <c r="B975">
        <v>19</v>
      </c>
      <c r="C975">
        <v>0.36</v>
      </c>
    </row>
    <row r="976" spans="1:3" x14ac:dyDescent="0.25">
      <c r="A976">
        <v>0.76</v>
      </c>
      <c r="B976">
        <v>19</v>
      </c>
      <c r="C976">
        <v>0.45</v>
      </c>
    </row>
    <row r="977" spans="1:3" x14ac:dyDescent="0.25">
      <c r="A977">
        <v>0.74</v>
      </c>
      <c r="B977">
        <v>19</v>
      </c>
      <c r="C977">
        <v>0.16</v>
      </c>
    </row>
    <row r="978" spans="1:3" x14ac:dyDescent="0.25">
      <c r="A978">
        <v>0.73</v>
      </c>
      <c r="B978">
        <v>19</v>
      </c>
      <c r="C978">
        <v>0.6</v>
      </c>
    </row>
    <row r="979" spans="1:3" x14ac:dyDescent="0.25">
      <c r="A979">
        <v>0.73</v>
      </c>
      <c r="B979">
        <v>19</v>
      </c>
      <c r="C979">
        <v>0.71</v>
      </c>
    </row>
    <row r="980" spans="1:3" x14ac:dyDescent="0.25">
      <c r="A980">
        <v>0.68</v>
      </c>
      <c r="B980">
        <v>19</v>
      </c>
      <c r="C980">
        <v>0.78</v>
      </c>
    </row>
    <row r="981" spans="1:3" x14ac:dyDescent="0.25">
      <c r="A981">
        <v>0.68</v>
      </c>
      <c r="B981">
        <v>19</v>
      </c>
      <c r="C981">
        <v>0.19</v>
      </c>
    </row>
    <row r="982" spans="1:3" x14ac:dyDescent="0.25">
      <c r="A982">
        <v>0.68</v>
      </c>
      <c r="B982">
        <v>19</v>
      </c>
      <c r="C982">
        <v>0.62</v>
      </c>
    </row>
    <row r="983" spans="1:3" x14ac:dyDescent="0.25">
      <c r="A983">
        <v>0.67</v>
      </c>
      <c r="B983">
        <v>19</v>
      </c>
      <c r="C983">
        <v>0.56999999999999995</v>
      </c>
    </row>
    <row r="984" spans="1:3" x14ac:dyDescent="0.25">
      <c r="A984">
        <v>0.66</v>
      </c>
      <c r="B984">
        <v>19</v>
      </c>
      <c r="C984">
        <v>0.47</v>
      </c>
    </row>
    <row r="985" spans="1:3" x14ac:dyDescent="0.25">
      <c r="A985">
        <v>0.65</v>
      </c>
      <c r="B985">
        <v>19</v>
      </c>
      <c r="C985">
        <v>0.78</v>
      </c>
    </row>
    <row r="986" spans="1:3" x14ac:dyDescent="0.25">
      <c r="A986">
        <v>0.65</v>
      </c>
      <c r="B986">
        <v>19</v>
      </c>
      <c r="C986">
        <v>0.62</v>
      </c>
    </row>
    <row r="987" spans="1:3" x14ac:dyDescent="0.25">
      <c r="A987">
        <v>0.65</v>
      </c>
      <c r="B987">
        <v>19</v>
      </c>
      <c r="C987">
        <v>0.5</v>
      </c>
    </row>
    <row r="988" spans="1:3" x14ac:dyDescent="0.25">
      <c r="A988">
        <v>0.64</v>
      </c>
      <c r="B988">
        <v>19</v>
      </c>
      <c r="C988">
        <v>0.52</v>
      </c>
    </row>
    <row r="989" spans="1:3" x14ac:dyDescent="0.25">
      <c r="A989">
        <v>0.62</v>
      </c>
      <c r="B989">
        <v>19</v>
      </c>
      <c r="C989">
        <v>0.18</v>
      </c>
    </row>
    <row r="990" spans="1:3" x14ac:dyDescent="0.25">
      <c r="A990">
        <v>0.62</v>
      </c>
      <c r="B990">
        <v>19</v>
      </c>
      <c r="C990">
        <v>0.32</v>
      </c>
    </row>
    <row r="991" spans="1:3" x14ac:dyDescent="0.25">
      <c r="A991">
        <v>0.61</v>
      </c>
      <c r="B991">
        <v>19</v>
      </c>
      <c r="C991">
        <v>0.42</v>
      </c>
    </row>
    <row r="992" spans="1:3" x14ac:dyDescent="0.25">
      <c r="A992">
        <v>0.59</v>
      </c>
      <c r="B992">
        <v>19</v>
      </c>
      <c r="C992">
        <v>0.56000000000000005</v>
      </c>
    </row>
    <row r="993" spans="1:3" x14ac:dyDescent="0.25">
      <c r="A993">
        <v>0.59</v>
      </c>
      <c r="B993">
        <v>19</v>
      </c>
      <c r="C993">
        <v>0.43</v>
      </c>
    </row>
    <row r="994" spans="1:3" x14ac:dyDescent="0.25">
      <c r="A994">
        <v>0.57999999999999996</v>
      </c>
      <c r="B994">
        <v>19</v>
      </c>
      <c r="C994">
        <v>0.34</v>
      </c>
    </row>
    <row r="995" spans="1:3" x14ac:dyDescent="0.25">
      <c r="A995">
        <v>0.56999999999999995</v>
      </c>
      <c r="B995">
        <v>19</v>
      </c>
      <c r="C995">
        <v>0.8</v>
      </c>
    </row>
    <row r="996" spans="1:3" x14ac:dyDescent="0.25">
      <c r="A996">
        <v>0.56999999999999995</v>
      </c>
      <c r="B996">
        <v>19</v>
      </c>
      <c r="C996">
        <v>0.15</v>
      </c>
    </row>
    <row r="997" spans="1:3" x14ac:dyDescent="0.25">
      <c r="A997">
        <v>0.56000000000000005</v>
      </c>
      <c r="B997">
        <v>19</v>
      </c>
      <c r="C997">
        <v>0.62</v>
      </c>
    </row>
    <row r="998" spans="1:3" x14ac:dyDescent="0.25">
      <c r="A998">
        <v>0.56000000000000005</v>
      </c>
      <c r="B998">
        <v>19</v>
      </c>
      <c r="C998">
        <v>0.2</v>
      </c>
    </row>
    <row r="999" spans="1:3" x14ac:dyDescent="0.25">
      <c r="A999">
        <v>0.56000000000000005</v>
      </c>
      <c r="B999">
        <v>19</v>
      </c>
      <c r="C999">
        <v>0.31</v>
      </c>
    </row>
    <row r="1000" spans="1:3" x14ac:dyDescent="0.25">
      <c r="A1000">
        <v>0.55000000000000004</v>
      </c>
      <c r="B1000">
        <v>19</v>
      </c>
      <c r="C1000">
        <v>0.22</v>
      </c>
    </row>
    <row r="1001" spans="1:3" x14ac:dyDescent="0.25">
      <c r="A1001">
        <v>0.55000000000000004</v>
      </c>
      <c r="B1001">
        <v>19</v>
      </c>
      <c r="C1001">
        <v>0.72</v>
      </c>
    </row>
    <row r="1002" spans="1:3" x14ac:dyDescent="0.25">
      <c r="A1002">
        <v>0.55000000000000004</v>
      </c>
      <c r="B1002">
        <v>19</v>
      </c>
      <c r="C1002">
        <v>0.9</v>
      </c>
    </row>
    <row r="1003" spans="1:3" x14ac:dyDescent="0.25">
      <c r="A1003">
        <v>0.54</v>
      </c>
      <c r="B1003">
        <v>19</v>
      </c>
      <c r="C1003">
        <v>0.46</v>
      </c>
    </row>
    <row r="1004" spans="1:3" x14ac:dyDescent="0.25">
      <c r="A1004">
        <v>0.54</v>
      </c>
      <c r="B1004">
        <v>19</v>
      </c>
      <c r="C1004">
        <v>0.21</v>
      </c>
    </row>
    <row r="1005" spans="1:3" x14ac:dyDescent="0.25">
      <c r="A1005">
        <v>0.51</v>
      </c>
      <c r="B1005">
        <v>19</v>
      </c>
      <c r="C1005">
        <v>0.56999999999999995</v>
      </c>
    </row>
    <row r="1006" spans="1:3" x14ac:dyDescent="0.25">
      <c r="A1006">
        <v>0.51</v>
      </c>
      <c r="B1006">
        <v>19</v>
      </c>
      <c r="C1006">
        <v>0.62</v>
      </c>
    </row>
    <row r="1007" spans="1:3" x14ac:dyDescent="0.25">
      <c r="A1007">
        <v>0.5</v>
      </c>
      <c r="B1007">
        <v>19</v>
      </c>
      <c r="C1007">
        <v>0.14000000000000001</v>
      </c>
    </row>
    <row r="1008" spans="1:3" x14ac:dyDescent="0.25">
      <c r="A1008">
        <v>0.97</v>
      </c>
      <c r="B1008">
        <v>20</v>
      </c>
      <c r="C1008">
        <v>0.4</v>
      </c>
    </row>
    <row r="1009" spans="1:3" x14ac:dyDescent="0.25">
      <c r="A1009">
        <v>0.97</v>
      </c>
      <c r="B1009">
        <v>20</v>
      </c>
      <c r="C1009">
        <v>0.93</v>
      </c>
    </row>
    <row r="1010" spans="1:3" x14ac:dyDescent="0.25">
      <c r="A1010">
        <v>0.95</v>
      </c>
      <c r="B1010">
        <v>20</v>
      </c>
      <c r="C1010">
        <v>0.62</v>
      </c>
    </row>
    <row r="1011" spans="1:3" x14ac:dyDescent="0.25">
      <c r="A1011">
        <v>0.95</v>
      </c>
      <c r="B1011">
        <v>20</v>
      </c>
      <c r="C1011">
        <v>0.47</v>
      </c>
    </row>
    <row r="1012" spans="1:3" x14ac:dyDescent="0.25">
      <c r="A1012">
        <v>0.94</v>
      </c>
      <c r="B1012">
        <v>20</v>
      </c>
      <c r="C1012">
        <v>0.4</v>
      </c>
    </row>
    <row r="1013" spans="1:3" x14ac:dyDescent="0.25">
      <c r="A1013">
        <v>0.92</v>
      </c>
      <c r="B1013">
        <v>20</v>
      </c>
      <c r="C1013">
        <v>0.93</v>
      </c>
    </row>
    <row r="1014" spans="1:3" x14ac:dyDescent="0.25">
      <c r="A1014">
        <v>0.92</v>
      </c>
      <c r="B1014">
        <v>20</v>
      </c>
      <c r="C1014">
        <v>0.38</v>
      </c>
    </row>
    <row r="1015" spans="1:3" x14ac:dyDescent="0.25">
      <c r="A1015">
        <v>0.92</v>
      </c>
      <c r="B1015">
        <v>20</v>
      </c>
      <c r="C1015">
        <v>0.88</v>
      </c>
    </row>
    <row r="1016" spans="1:3" x14ac:dyDescent="0.25">
      <c r="A1016">
        <v>0.9</v>
      </c>
      <c r="B1016">
        <v>20</v>
      </c>
      <c r="C1016">
        <v>0.66</v>
      </c>
    </row>
    <row r="1017" spans="1:3" x14ac:dyDescent="0.25">
      <c r="A1017">
        <v>0.89</v>
      </c>
      <c r="B1017">
        <v>20</v>
      </c>
      <c r="C1017">
        <v>0.26</v>
      </c>
    </row>
    <row r="1018" spans="1:3" x14ac:dyDescent="0.25">
      <c r="A1018">
        <v>0.89</v>
      </c>
      <c r="B1018">
        <v>20</v>
      </c>
      <c r="C1018">
        <v>0.12</v>
      </c>
    </row>
    <row r="1019" spans="1:3" x14ac:dyDescent="0.25">
      <c r="A1019">
        <v>0.87</v>
      </c>
      <c r="B1019">
        <v>20</v>
      </c>
      <c r="C1019">
        <v>0.39</v>
      </c>
    </row>
    <row r="1020" spans="1:3" x14ac:dyDescent="0.25">
      <c r="A1020">
        <v>0.87</v>
      </c>
      <c r="B1020">
        <v>20</v>
      </c>
      <c r="C1020">
        <v>0.47</v>
      </c>
    </row>
    <row r="1021" spans="1:3" x14ac:dyDescent="0.25">
      <c r="A1021">
        <v>0.87</v>
      </c>
      <c r="B1021">
        <v>20</v>
      </c>
      <c r="C1021">
        <v>0.5</v>
      </c>
    </row>
    <row r="1022" spans="1:3" x14ac:dyDescent="0.25">
      <c r="A1022">
        <v>0.85</v>
      </c>
      <c r="B1022">
        <v>20</v>
      </c>
      <c r="C1022">
        <v>0.54</v>
      </c>
    </row>
    <row r="1023" spans="1:3" x14ac:dyDescent="0.25">
      <c r="A1023">
        <v>0.85</v>
      </c>
      <c r="B1023">
        <v>20</v>
      </c>
      <c r="C1023">
        <v>0.6</v>
      </c>
    </row>
    <row r="1024" spans="1:3" x14ac:dyDescent="0.25">
      <c r="A1024">
        <v>0.85</v>
      </c>
      <c r="B1024">
        <v>20</v>
      </c>
      <c r="C1024">
        <v>0.75</v>
      </c>
    </row>
    <row r="1025" spans="1:3" x14ac:dyDescent="0.25">
      <c r="A1025">
        <v>0.84</v>
      </c>
      <c r="B1025">
        <v>20</v>
      </c>
      <c r="C1025">
        <v>0.17</v>
      </c>
    </row>
    <row r="1026" spans="1:3" x14ac:dyDescent="0.25">
      <c r="A1026">
        <v>0.84</v>
      </c>
      <c r="B1026">
        <v>20</v>
      </c>
      <c r="C1026">
        <v>0.45</v>
      </c>
    </row>
    <row r="1027" spans="1:3" x14ac:dyDescent="0.25">
      <c r="A1027">
        <v>0.83</v>
      </c>
      <c r="B1027">
        <v>20</v>
      </c>
      <c r="C1027">
        <v>0.16</v>
      </c>
    </row>
    <row r="1028" spans="1:3" x14ac:dyDescent="0.25">
      <c r="A1028">
        <v>0.79</v>
      </c>
      <c r="B1028">
        <v>20</v>
      </c>
      <c r="C1028">
        <v>0.48</v>
      </c>
    </row>
    <row r="1029" spans="1:3" x14ac:dyDescent="0.25">
      <c r="A1029">
        <v>0.69</v>
      </c>
      <c r="B1029">
        <v>20</v>
      </c>
      <c r="C1029">
        <v>0.44</v>
      </c>
    </row>
    <row r="1030" spans="1:3" x14ac:dyDescent="0.25">
      <c r="A1030">
        <v>0.69</v>
      </c>
      <c r="B1030">
        <v>20</v>
      </c>
      <c r="C1030">
        <v>0.92</v>
      </c>
    </row>
    <row r="1031" spans="1:3" x14ac:dyDescent="0.25">
      <c r="A1031">
        <v>0.68</v>
      </c>
      <c r="B1031">
        <v>20</v>
      </c>
      <c r="C1031">
        <v>0.17</v>
      </c>
    </row>
    <row r="1032" spans="1:3" x14ac:dyDescent="0.25">
      <c r="A1032">
        <v>0.68</v>
      </c>
      <c r="B1032">
        <v>20</v>
      </c>
      <c r="C1032">
        <v>0.81</v>
      </c>
    </row>
    <row r="1033" spans="1:3" x14ac:dyDescent="0.25">
      <c r="A1033">
        <v>0.67</v>
      </c>
      <c r="B1033">
        <v>20</v>
      </c>
      <c r="C1033">
        <v>0.66</v>
      </c>
    </row>
    <row r="1034" spans="1:3" x14ac:dyDescent="0.25">
      <c r="A1034">
        <v>0.66</v>
      </c>
      <c r="B1034">
        <v>20</v>
      </c>
      <c r="C1034">
        <v>0.41</v>
      </c>
    </row>
    <row r="1035" spans="1:3" x14ac:dyDescent="0.25">
      <c r="A1035">
        <v>0.65</v>
      </c>
      <c r="B1035">
        <v>20</v>
      </c>
      <c r="C1035">
        <v>0.4</v>
      </c>
    </row>
    <row r="1036" spans="1:3" x14ac:dyDescent="0.25">
      <c r="A1036">
        <v>0.65</v>
      </c>
      <c r="B1036">
        <v>20</v>
      </c>
      <c r="C1036">
        <v>0.6</v>
      </c>
    </row>
    <row r="1037" spans="1:3" x14ac:dyDescent="0.25">
      <c r="A1037">
        <v>0.63</v>
      </c>
      <c r="B1037">
        <v>20</v>
      </c>
      <c r="C1037">
        <v>0.69</v>
      </c>
    </row>
    <row r="1038" spans="1:3" x14ac:dyDescent="0.25">
      <c r="A1038">
        <v>0.63</v>
      </c>
      <c r="B1038">
        <v>20</v>
      </c>
      <c r="C1038">
        <v>0.49</v>
      </c>
    </row>
    <row r="1039" spans="1:3" x14ac:dyDescent="0.25">
      <c r="A1039">
        <v>0.62</v>
      </c>
      <c r="B1039">
        <v>20</v>
      </c>
      <c r="C1039">
        <v>0.05</v>
      </c>
    </row>
    <row r="1040" spans="1:3" x14ac:dyDescent="0.25">
      <c r="A1040">
        <v>0.62</v>
      </c>
      <c r="B1040">
        <v>20</v>
      </c>
      <c r="C1040">
        <v>0.74</v>
      </c>
    </row>
    <row r="1041" spans="1:3" x14ac:dyDescent="0.25">
      <c r="A1041">
        <v>0.62</v>
      </c>
      <c r="B1041">
        <v>20</v>
      </c>
      <c r="C1041">
        <v>0.56999999999999995</v>
      </c>
    </row>
    <row r="1042" spans="1:3" x14ac:dyDescent="0.25">
      <c r="A1042">
        <v>0.61</v>
      </c>
      <c r="B1042">
        <v>20</v>
      </c>
      <c r="C1042">
        <v>0.48</v>
      </c>
    </row>
    <row r="1043" spans="1:3" x14ac:dyDescent="0.25">
      <c r="A1043">
        <v>0.6</v>
      </c>
      <c r="B1043">
        <v>20</v>
      </c>
      <c r="C1043">
        <v>0.49</v>
      </c>
    </row>
    <row r="1044" spans="1:3" x14ac:dyDescent="0.25">
      <c r="A1044">
        <v>0.57999999999999996</v>
      </c>
      <c r="B1044">
        <v>20</v>
      </c>
      <c r="C1044">
        <v>0.32</v>
      </c>
    </row>
    <row r="1045" spans="1:3" x14ac:dyDescent="0.25">
      <c r="A1045">
        <v>0.54</v>
      </c>
      <c r="B1045">
        <v>20</v>
      </c>
      <c r="C1045">
        <v>0.49</v>
      </c>
    </row>
    <row r="1046" spans="1:3" x14ac:dyDescent="0.25">
      <c r="A1046">
        <v>0.54</v>
      </c>
      <c r="B1046">
        <v>20</v>
      </c>
      <c r="C1046">
        <v>0.06</v>
      </c>
    </row>
    <row r="1047" spans="1:3" x14ac:dyDescent="0.25">
      <c r="A1047">
        <v>0.53</v>
      </c>
      <c r="B1047">
        <v>20</v>
      </c>
      <c r="C1047">
        <v>0.44</v>
      </c>
    </row>
    <row r="1048" spans="1:3" x14ac:dyDescent="0.25">
      <c r="A1048">
        <v>0.53</v>
      </c>
      <c r="B1048">
        <v>20</v>
      </c>
      <c r="C1048">
        <v>0.16</v>
      </c>
    </row>
    <row r="1049" spans="1:3" x14ac:dyDescent="0.25">
      <c r="A1049">
        <v>0.53</v>
      </c>
      <c r="B1049">
        <v>20</v>
      </c>
      <c r="C1049">
        <v>0.05</v>
      </c>
    </row>
    <row r="1050" spans="1:3" x14ac:dyDescent="0.25">
      <c r="A1050">
        <v>0.53</v>
      </c>
      <c r="B1050">
        <v>20</v>
      </c>
      <c r="C1050">
        <v>0.72</v>
      </c>
    </row>
    <row r="1051" spans="1:3" x14ac:dyDescent="0.25">
      <c r="A1051">
        <v>0.5</v>
      </c>
      <c r="B1051">
        <v>20</v>
      </c>
      <c r="C1051">
        <v>0.82</v>
      </c>
    </row>
    <row r="1052" spans="1:3" x14ac:dyDescent="0.25">
      <c r="A1052">
        <v>0.99</v>
      </c>
      <c r="B1052">
        <v>21</v>
      </c>
      <c r="C1052">
        <v>0.25</v>
      </c>
    </row>
    <row r="1053" spans="1:3" x14ac:dyDescent="0.25">
      <c r="A1053">
        <v>0.99</v>
      </c>
      <c r="B1053">
        <v>21</v>
      </c>
      <c r="C1053">
        <v>0.19</v>
      </c>
    </row>
    <row r="1054" spans="1:3" x14ac:dyDescent="0.25">
      <c r="A1054">
        <v>0.99</v>
      </c>
      <c r="B1054">
        <v>21</v>
      </c>
      <c r="C1054">
        <v>0.56999999999999995</v>
      </c>
    </row>
    <row r="1055" spans="1:3" x14ac:dyDescent="0.25">
      <c r="A1055">
        <v>0.98</v>
      </c>
      <c r="B1055">
        <v>21</v>
      </c>
      <c r="C1055">
        <v>0.26</v>
      </c>
    </row>
    <row r="1056" spans="1:3" x14ac:dyDescent="0.25">
      <c r="A1056">
        <v>0.97</v>
      </c>
      <c r="B1056">
        <v>21</v>
      </c>
      <c r="C1056">
        <v>0.49</v>
      </c>
    </row>
    <row r="1057" spans="1:3" x14ac:dyDescent="0.25">
      <c r="A1057">
        <v>0.97</v>
      </c>
      <c r="B1057">
        <v>21</v>
      </c>
      <c r="C1057">
        <v>0.83</v>
      </c>
    </row>
    <row r="1058" spans="1:3" x14ac:dyDescent="0.25">
      <c r="A1058">
        <v>0.96</v>
      </c>
      <c r="B1058">
        <v>21</v>
      </c>
      <c r="C1058">
        <v>0.15</v>
      </c>
    </row>
    <row r="1059" spans="1:3" x14ac:dyDescent="0.25">
      <c r="A1059">
        <v>0.95</v>
      </c>
      <c r="B1059">
        <v>21</v>
      </c>
      <c r="C1059">
        <v>0.14000000000000001</v>
      </c>
    </row>
    <row r="1060" spans="1:3" x14ac:dyDescent="0.25">
      <c r="A1060">
        <v>0.93</v>
      </c>
      <c r="B1060">
        <v>21</v>
      </c>
      <c r="C1060">
        <v>0.62</v>
      </c>
    </row>
    <row r="1061" spans="1:3" x14ac:dyDescent="0.25">
      <c r="A1061">
        <v>0.93</v>
      </c>
      <c r="B1061">
        <v>21</v>
      </c>
      <c r="C1061">
        <v>0.25</v>
      </c>
    </row>
    <row r="1062" spans="1:3" x14ac:dyDescent="0.25">
      <c r="A1062">
        <v>0.93</v>
      </c>
      <c r="B1062">
        <v>21</v>
      </c>
      <c r="C1062">
        <v>0.93</v>
      </c>
    </row>
    <row r="1063" spans="1:3" x14ac:dyDescent="0.25">
      <c r="A1063">
        <v>0.92</v>
      </c>
      <c r="B1063">
        <v>21</v>
      </c>
      <c r="C1063">
        <v>0.67</v>
      </c>
    </row>
    <row r="1064" spans="1:3" x14ac:dyDescent="0.25">
      <c r="A1064">
        <v>0.88</v>
      </c>
      <c r="B1064">
        <v>21</v>
      </c>
      <c r="C1064">
        <v>0.33</v>
      </c>
    </row>
    <row r="1065" spans="1:3" x14ac:dyDescent="0.25">
      <c r="A1065">
        <v>0.88</v>
      </c>
      <c r="B1065">
        <v>21</v>
      </c>
      <c r="C1065">
        <v>0.21</v>
      </c>
    </row>
    <row r="1066" spans="1:3" x14ac:dyDescent="0.25">
      <c r="A1066">
        <v>0.87</v>
      </c>
      <c r="B1066">
        <v>21</v>
      </c>
      <c r="C1066">
        <v>0.47</v>
      </c>
    </row>
    <row r="1067" spans="1:3" x14ac:dyDescent="0.25">
      <c r="A1067">
        <v>0.86</v>
      </c>
      <c r="B1067">
        <v>21</v>
      </c>
      <c r="C1067">
        <v>0.37</v>
      </c>
    </row>
    <row r="1068" spans="1:3" x14ac:dyDescent="0.25">
      <c r="A1068">
        <v>0.86</v>
      </c>
      <c r="B1068">
        <v>21</v>
      </c>
      <c r="C1068">
        <v>0.76</v>
      </c>
    </row>
    <row r="1069" spans="1:3" x14ac:dyDescent="0.25">
      <c r="A1069">
        <v>0.86</v>
      </c>
      <c r="B1069">
        <v>21</v>
      </c>
      <c r="C1069">
        <v>0.1</v>
      </c>
    </row>
    <row r="1070" spans="1:3" x14ac:dyDescent="0.25">
      <c r="A1070">
        <v>0.86</v>
      </c>
      <c r="B1070">
        <v>21</v>
      </c>
      <c r="C1070">
        <v>0.23</v>
      </c>
    </row>
    <row r="1071" spans="1:3" x14ac:dyDescent="0.25">
      <c r="A1071">
        <v>0.85</v>
      </c>
      <c r="B1071">
        <v>21</v>
      </c>
      <c r="C1071">
        <v>0.91</v>
      </c>
    </row>
    <row r="1072" spans="1:3" x14ac:dyDescent="0.25">
      <c r="A1072">
        <v>0.85</v>
      </c>
      <c r="B1072">
        <v>21</v>
      </c>
      <c r="C1072">
        <v>7.0000000000000007E-2</v>
      </c>
    </row>
    <row r="1073" spans="1:3" x14ac:dyDescent="0.25">
      <c r="A1073">
        <v>0.83</v>
      </c>
      <c r="B1073">
        <v>21</v>
      </c>
      <c r="C1073">
        <v>0.31</v>
      </c>
    </row>
    <row r="1074" spans="1:3" x14ac:dyDescent="0.25">
      <c r="A1074">
        <v>0.83</v>
      </c>
      <c r="B1074">
        <v>21</v>
      </c>
      <c r="C1074">
        <v>7.0000000000000007E-2</v>
      </c>
    </row>
    <row r="1075" spans="1:3" x14ac:dyDescent="0.25">
      <c r="A1075">
        <v>0.81</v>
      </c>
      <c r="B1075">
        <v>21</v>
      </c>
      <c r="C1075">
        <v>0.45</v>
      </c>
    </row>
    <row r="1076" spans="1:3" x14ac:dyDescent="0.25">
      <c r="A1076">
        <v>0.81</v>
      </c>
      <c r="B1076">
        <v>21</v>
      </c>
      <c r="C1076">
        <v>0.61</v>
      </c>
    </row>
    <row r="1077" spans="1:3" x14ac:dyDescent="0.25">
      <c r="A1077">
        <v>0.8</v>
      </c>
      <c r="B1077">
        <v>21</v>
      </c>
      <c r="C1077">
        <v>0.19</v>
      </c>
    </row>
    <row r="1078" spans="1:3" x14ac:dyDescent="0.25">
      <c r="A1078">
        <v>0.79</v>
      </c>
      <c r="B1078">
        <v>21</v>
      </c>
      <c r="C1078">
        <v>0.56999999999999995</v>
      </c>
    </row>
    <row r="1079" spans="1:3" x14ac:dyDescent="0.25">
      <c r="A1079">
        <v>0.78</v>
      </c>
      <c r="B1079">
        <v>21</v>
      </c>
      <c r="C1079">
        <v>0.22</v>
      </c>
    </row>
    <row r="1080" spans="1:3" x14ac:dyDescent="0.25">
      <c r="A1080">
        <v>0.78</v>
      </c>
      <c r="B1080">
        <v>21</v>
      </c>
      <c r="C1080">
        <v>0.16</v>
      </c>
    </row>
    <row r="1081" spans="1:3" x14ac:dyDescent="0.25">
      <c r="A1081">
        <v>0.77</v>
      </c>
      <c r="B1081">
        <v>21</v>
      </c>
      <c r="C1081">
        <v>0.91</v>
      </c>
    </row>
    <row r="1082" spans="1:3" x14ac:dyDescent="0.25">
      <c r="A1082">
        <v>0.77</v>
      </c>
      <c r="B1082">
        <v>21</v>
      </c>
      <c r="C1082">
        <v>0.14000000000000001</v>
      </c>
    </row>
    <row r="1083" spans="1:3" x14ac:dyDescent="0.25">
      <c r="A1083">
        <v>0.76</v>
      </c>
      <c r="B1083">
        <v>21</v>
      </c>
      <c r="C1083">
        <v>0.1</v>
      </c>
    </row>
    <row r="1084" spans="1:3" x14ac:dyDescent="0.25">
      <c r="A1084">
        <v>0.76</v>
      </c>
      <c r="B1084">
        <v>21</v>
      </c>
      <c r="C1084">
        <v>0.14000000000000001</v>
      </c>
    </row>
    <row r="1085" spans="1:3" x14ac:dyDescent="0.25">
      <c r="A1085">
        <v>0.76</v>
      </c>
      <c r="B1085">
        <v>21</v>
      </c>
      <c r="C1085">
        <v>0.45</v>
      </c>
    </row>
    <row r="1086" spans="1:3" x14ac:dyDescent="0.25">
      <c r="A1086">
        <v>0.75</v>
      </c>
      <c r="B1086">
        <v>21</v>
      </c>
      <c r="C1086">
        <v>0.85</v>
      </c>
    </row>
    <row r="1087" spans="1:3" x14ac:dyDescent="0.25">
      <c r="A1087">
        <v>0.74</v>
      </c>
      <c r="B1087">
        <v>21</v>
      </c>
      <c r="C1087">
        <v>0.73</v>
      </c>
    </row>
    <row r="1088" spans="1:3" x14ac:dyDescent="0.25">
      <c r="A1088">
        <v>0.72</v>
      </c>
      <c r="B1088">
        <v>21</v>
      </c>
      <c r="C1088">
        <v>0.43</v>
      </c>
    </row>
    <row r="1089" spans="1:3" x14ac:dyDescent="0.25">
      <c r="A1089">
        <v>0.7</v>
      </c>
      <c r="B1089">
        <v>21</v>
      </c>
      <c r="C1089">
        <v>0.28000000000000003</v>
      </c>
    </row>
    <row r="1090" spans="1:3" x14ac:dyDescent="0.25">
      <c r="A1090">
        <v>0.7</v>
      </c>
      <c r="B1090">
        <v>21</v>
      </c>
      <c r="C1090">
        <v>0.48</v>
      </c>
    </row>
    <row r="1091" spans="1:3" x14ac:dyDescent="0.25">
      <c r="A1091">
        <v>0.7</v>
      </c>
      <c r="B1091">
        <v>21</v>
      </c>
      <c r="C1091">
        <v>0.21</v>
      </c>
    </row>
    <row r="1092" spans="1:3" x14ac:dyDescent="0.25">
      <c r="A1092">
        <v>0.69</v>
      </c>
      <c r="B1092">
        <v>21</v>
      </c>
      <c r="C1092">
        <v>0.12</v>
      </c>
    </row>
    <row r="1093" spans="1:3" x14ac:dyDescent="0.25">
      <c r="A1093">
        <v>0.68</v>
      </c>
      <c r="B1093">
        <v>21</v>
      </c>
      <c r="C1093">
        <v>0.87</v>
      </c>
    </row>
    <row r="1094" spans="1:3" x14ac:dyDescent="0.25">
      <c r="A1094">
        <v>0.67</v>
      </c>
      <c r="B1094">
        <v>21</v>
      </c>
      <c r="C1094">
        <v>0.31</v>
      </c>
    </row>
    <row r="1095" spans="1:3" x14ac:dyDescent="0.25">
      <c r="A1095">
        <v>0.65</v>
      </c>
      <c r="B1095">
        <v>21</v>
      </c>
      <c r="C1095">
        <v>0.35</v>
      </c>
    </row>
    <row r="1096" spans="1:3" x14ac:dyDescent="0.25">
      <c r="A1096">
        <v>0.64</v>
      </c>
      <c r="B1096">
        <v>21</v>
      </c>
      <c r="C1096">
        <v>0.4</v>
      </c>
    </row>
    <row r="1097" spans="1:3" x14ac:dyDescent="0.25">
      <c r="A1097">
        <v>0.63</v>
      </c>
      <c r="B1097">
        <v>21</v>
      </c>
      <c r="C1097">
        <v>0.08</v>
      </c>
    </row>
    <row r="1098" spans="1:3" x14ac:dyDescent="0.25">
      <c r="A1098">
        <v>0.63</v>
      </c>
      <c r="B1098">
        <v>21</v>
      </c>
      <c r="C1098">
        <v>0.52</v>
      </c>
    </row>
    <row r="1099" spans="1:3" x14ac:dyDescent="0.25">
      <c r="A1099">
        <v>0.63</v>
      </c>
      <c r="B1099">
        <v>21</v>
      </c>
      <c r="C1099">
        <v>0.44</v>
      </c>
    </row>
    <row r="1100" spans="1:3" x14ac:dyDescent="0.25">
      <c r="A1100">
        <v>0.62</v>
      </c>
      <c r="B1100">
        <v>21</v>
      </c>
      <c r="C1100">
        <v>0.39</v>
      </c>
    </row>
    <row r="1101" spans="1:3" x14ac:dyDescent="0.25">
      <c r="A1101">
        <v>0.62</v>
      </c>
      <c r="B1101">
        <v>21</v>
      </c>
      <c r="C1101">
        <v>0.11</v>
      </c>
    </row>
    <row r="1102" spans="1:3" x14ac:dyDescent="0.25">
      <c r="A1102">
        <v>0.61</v>
      </c>
      <c r="B1102">
        <v>21</v>
      </c>
      <c r="C1102">
        <v>0.2</v>
      </c>
    </row>
    <row r="1103" spans="1:3" x14ac:dyDescent="0.25">
      <c r="A1103">
        <v>0.6</v>
      </c>
      <c r="B1103">
        <v>21</v>
      </c>
      <c r="C1103">
        <v>0.13</v>
      </c>
    </row>
    <row r="1104" spans="1:3" x14ac:dyDescent="0.25">
      <c r="A1104">
        <v>0.6</v>
      </c>
      <c r="B1104">
        <v>21</v>
      </c>
      <c r="C1104">
        <v>0.32</v>
      </c>
    </row>
    <row r="1105" spans="1:3" x14ac:dyDescent="0.25">
      <c r="A1105">
        <v>0.56999999999999995</v>
      </c>
      <c r="B1105">
        <v>21</v>
      </c>
      <c r="C1105">
        <v>0.19</v>
      </c>
    </row>
    <row r="1106" spans="1:3" x14ac:dyDescent="0.25">
      <c r="A1106">
        <v>0.55000000000000004</v>
      </c>
      <c r="B1106">
        <v>21</v>
      </c>
      <c r="C1106">
        <v>0.27</v>
      </c>
    </row>
    <row r="1107" spans="1:3" x14ac:dyDescent="0.25">
      <c r="A1107">
        <v>0.55000000000000004</v>
      </c>
      <c r="B1107">
        <v>21</v>
      </c>
      <c r="C1107">
        <v>0.73</v>
      </c>
    </row>
    <row r="1108" spans="1:3" x14ac:dyDescent="0.25">
      <c r="A1108">
        <v>0.54</v>
      </c>
      <c r="B1108">
        <v>21</v>
      </c>
      <c r="C1108">
        <v>0.17</v>
      </c>
    </row>
    <row r="1109" spans="1:3" x14ac:dyDescent="0.25">
      <c r="A1109">
        <v>0.54</v>
      </c>
      <c r="B1109">
        <v>21</v>
      </c>
      <c r="C1109">
        <v>0.77</v>
      </c>
    </row>
    <row r="1110" spans="1:3" x14ac:dyDescent="0.25">
      <c r="A1110">
        <v>0.53</v>
      </c>
      <c r="B1110">
        <v>21</v>
      </c>
      <c r="C1110">
        <v>0.92</v>
      </c>
    </row>
    <row r="1111" spans="1:3" x14ac:dyDescent="0.25">
      <c r="A1111">
        <v>0.99</v>
      </c>
      <c r="B1111">
        <v>22</v>
      </c>
      <c r="C1111">
        <v>0.68</v>
      </c>
    </row>
    <row r="1112" spans="1:3" x14ac:dyDescent="0.25">
      <c r="A1112">
        <v>0.98</v>
      </c>
      <c r="B1112">
        <v>22</v>
      </c>
      <c r="C1112">
        <v>0.24</v>
      </c>
    </row>
    <row r="1113" spans="1:3" x14ac:dyDescent="0.25">
      <c r="A1113">
        <v>0.94</v>
      </c>
      <c r="B1113">
        <v>22</v>
      </c>
      <c r="C1113">
        <v>0.34</v>
      </c>
    </row>
    <row r="1114" spans="1:3" x14ac:dyDescent="0.25">
      <c r="A1114">
        <v>0.93</v>
      </c>
      <c r="B1114">
        <v>22</v>
      </c>
      <c r="C1114">
        <v>0.47</v>
      </c>
    </row>
    <row r="1115" spans="1:3" x14ac:dyDescent="0.25">
      <c r="A1115">
        <v>0.93</v>
      </c>
      <c r="B1115">
        <v>22</v>
      </c>
      <c r="C1115">
        <v>0.84</v>
      </c>
    </row>
    <row r="1116" spans="1:3" x14ac:dyDescent="0.25">
      <c r="A1116">
        <v>0.93</v>
      </c>
      <c r="B1116">
        <v>22</v>
      </c>
      <c r="C1116">
        <v>0.71</v>
      </c>
    </row>
    <row r="1117" spans="1:3" x14ac:dyDescent="0.25">
      <c r="A1117">
        <v>0.92</v>
      </c>
      <c r="B1117">
        <v>22</v>
      </c>
      <c r="C1117">
        <v>0.55000000000000004</v>
      </c>
    </row>
    <row r="1118" spans="1:3" x14ac:dyDescent="0.25">
      <c r="A1118">
        <v>0.92</v>
      </c>
      <c r="B1118">
        <v>22</v>
      </c>
      <c r="C1118">
        <v>0.85</v>
      </c>
    </row>
    <row r="1119" spans="1:3" x14ac:dyDescent="0.25">
      <c r="A1119">
        <v>0.9</v>
      </c>
      <c r="B1119">
        <v>22</v>
      </c>
      <c r="C1119">
        <v>0.56999999999999995</v>
      </c>
    </row>
    <row r="1120" spans="1:3" x14ac:dyDescent="0.25">
      <c r="A1120">
        <v>0.87</v>
      </c>
      <c r="B1120">
        <v>22</v>
      </c>
      <c r="C1120">
        <v>0.6</v>
      </c>
    </row>
    <row r="1121" spans="1:3" x14ac:dyDescent="0.25">
      <c r="A1121">
        <v>0.87</v>
      </c>
      <c r="B1121">
        <v>22</v>
      </c>
      <c r="C1121">
        <v>0.61</v>
      </c>
    </row>
    <row r="1122" spans="1:3" x14ac:dyDescent="0.25">
      <c r="A1122">
        <v>0.86</v>
      </c>
      <c r="B1122">
        <v>22</v>
      </c>
      <c r="C1122">
        <v>0.75</v>
      </c>
    </row>
    <row r="1123" spans="1:3" x14ac:dyDescent="0.25">
      <c r="A1123">
        <v>0.84</v>
      </c>
      <c r="B1123">
        <v>22</v>
      </c>
      <c r="C1123">
        <v>0.72</v>
      </c>
    </row>
    <row r="1124" spans="1:3" x14ac:dyDescent="0.25">
      <c r="A1124">
        <v>0.81</v>
      </c>
      <c r="B1124">
        <v>22</v>
      </c>
      <c r="C1124">
        <v>0.3</v>
      </c>
    </row>
    <row r="1125" spans="1:3" x14ac:dyDescent="0.25">
      <c r="A1125">
        <v>0.81</v>
      </c>
      <c r="B1125">
        <v>22</v>
      </c>
      <c r="C1125">
        <v>0.45</v>
      </c>
    </row>
    <row r="1126" spans="1:3" x14ac:dyDescent="0.25">
      <c r="A1126">
        <v>0.8</v>
      </c>
      <c r="B1126">
        <v>22</v>
      </c>
      <c r="C1126">
        <v>0.42</v>
      </c>
    </row>
    <row r="1127" spans="1:3" x14ac:dyDescent="0.25">
      <c r="A1127">
        <v>0.79</v>
      </c>
      <c r="B1127">
        <v>22</v>
      </c>
      <c r="C1127">
        <v>0.15</v>
      </c>
    </row>
    <row r="1128" spans="1:3" x14ac:dyDescent="0.25">
      <c r="A1128">
        <v>0.78</v>
      </c>
      <c r="B1128">
        <v>22</v>
      </c>
      <c r="C1128">
        <v>0.24</v>
      </c>
    </row>
    <row r="1129" spans="1:3" x14ac:dyDescent="0.25">
      <c r="A1129">
        <v>0.76</v>
      </c>
      <c r="B1129">
        <v>22</v>
      </c>
      <c r="C1129">
        <v>0.27</v>
      </c>
    </row>
    <row r="1130" spans="1:3" x14ac:dyDescent="0.25">
      <c r="A1130">
        <v>0.74</v>
      </c>
      <c r="B1130">
        <v>22</v>
      </c>
      <c r="C1130">
        <v>7.0000000000000007E-2</v>
      </c>
    </row>
    <row r="1131" spans="1:3" x14ac:dyDescent="0.25">
      <c r="A1131">
        <v>0.7</v>
      </c>
      <c r="B1131">
        <v>22</v>
      </c>
      <c r="C1131">
        <v>0.22</v>
      </c>
    </row>
    <row r="1132" spans="1:3" x14ac:dyDescent="0.25">
      <c r="A1132">
        <v>0.7</v>
      </c>
      <c r="B1132">
        <v>22</v>
      </c>
      <c r="C1132">
        <v>0.46</v>
      </c>
    </row>
    <row r="1133" spans="1:3" x14ac:dyDescent="0.25">
      <c r="A1133">
        <v>0.68</v>
      </c>
      <c r="B1133">
        <v>22</v>
      </c>
      <c r="C1133">
        <v>0.14000000000000001</v>
      </c>
    </row>
    <row r="1134" spans="1:3" x14ac:dyDescent="0.25">
      <c r="A1134">
        <v>0.67</v>
      </c>
      <c r="B1134">
        <v>22</v>
      </c>
      <c r="C1134">
        <v>0.4</v>
      </c>
    </row>
    <row r="1135" spans="1:3" x14ac:dyDescent="0.25">
      <c r="A1135">
        <v>0.67</v>
      </c>
      <c r="B1135">
        <v>22</v>
      </c>
      <c r="C1135">
        <v>0.44</v>
      </c>
    </row>
    <row r="1136" spans="1:3" x14ac:dyDescent="0.25">
      <c r="A1136">
        <v>0.67</v>
      </c>
      <c r="B1136">
        <v>22</v>
      </c>
      <c r="C1136">
        <v>0.56000000000000005</v>
      </c>
    </row>
    <row r="1137" spans="1:3" x14ac:dyDescent="0.25">
      <c r="A1137">
        <v>0.66</v>
      </c>
      <c r="B1137">
        <v>22</v>
      </c>
      <c r="C1137">
        <v>0.43</v>
      </c>
    </row>
    <row r="1138" spans="1:3" x14ac:dyDescent="0.25">
      <c r="A1138">
        <v>0.66</v>
      </c>
      <c r="B1138">
        <v>22</v>
      </c>
      <c r="C1138">
        <v>0.73</v>
      </c>
    </row>
    <row r="1139" spans="1:3" x14ac:dyDescent="0.25">
      <c r="A1139">
        <v>0.65</v>
      </c>
      <c r="B1139">
        <v>22</v>
      </c>
      <c r="C1139">
        <v>0.62</v>
      </c>
    </row>
    <row r="1140" spans="1:3" x14ac:dyDescent="0.25">
      <c r="A1140">
        <v>0.64</v>
      </c>
      <c r="B1140">
        <v>22</v>
      </c>
      <c r="C1140">
        <v>0.92</v>
      </c>
    </row>
    <row r="1141" spans="1:3" x14ac:dyDescent="0.25">
      <c r="A1141">
        <v>0.63</v>
      </c>
      <c r="B1141">
        <v>22</v>
      </c>
      <c r="C1141">
        <v>0.34</v>
      </c>
    </row>
    <row r="1142" spans="1:3" x14ac:dyDescent="0.25">
      <c r="A1142">
        <v>0.63</v>
      </c>
      <c r="B1142">
        <v>22</v>
      </c>
      <c r="C1142">
        <v>0.46</v>
      </c>
    </row>
    <row r="1143" spans="1:3" x14ac:dyDescent="0.25">
      <c r="A1143">
        <v>0.62</v>
      </c>
      <c r="B1143">
        <v>22</v>
      </c>
      <c r="C1143">
        <v>0.16</v>
      </c>
    </row>
    <row r="1144" spans="1:3" x14ac:dyDescent="0.25">
      <c r="A1144">
        <v>0.62</v>
      </c>
      <c r="B1144">
        <v>22</v>
      </c>
      <c r="C1144">
        <v>0.71</v>
      </c>
    </row>
    <row r="1145" spans="1:3" x14ac:dyDescent="0.25">
      <c r="A1145">
        <v>0.62</v>
      </c>
      <c r="B1145">
        <v>22</v>
      </c>
      <c r="C1145">
        <v>0.74</v>
      </c>
    </row>
    <row r="1146" spans="1:3" x14ac:dyDescent="0.25">
      <c r="A1146">
        <v>0.6</v>
      </c>
      <c r="B1146">
        <v>22</v>
      </c>
      <c r="C1146">
        <v>0.36</v>
      </c>
    </row>
    <row r="1147" spans="1:3" x14ac:dyDescent="0.25">
      <c r="A1147">
        <v>0.6</v>
      </c>
      <c r="B1147">
        <v>22</v>
      </c>
      <c r="C1147">
        <v>0.08</v>
      </c>
    </row>
    <row r="1148" spans="1:3" x14ac:dyDescent="0.25">
      <c r="A1148">
        <v>0.56999999999999995</v>
      </c>
      <c r="B1148">
        <v>22</v>
      </c>
      <c r="C1148">
        <v>0.24</v>
      </c>
    </row>
    <row r="1149" spans="1:3" x14ac:dyDescent="0.25">
      <c r="A1149">
        <v>0.56999999999999995</v>
      </c>
      <c r="B1149">
        <v>22</v>
      </c>
      <c r="C1149">
        <v>0.13</v>
      </c>
    </row>
    <row r="1150" spans="1:3" x14ac:dyDescent="0.25">
      <c r="A1150">
        <v>0.56000000000000005</v>
      </c>
      <c r="B1150">
        <v>22</v>
      </c>
      <c r="C1150">
        <v>0.71</v>
      </c>
    </row>
    <row r="1151" spans="1:3" x14ac:dyDescent="0.25">
      <c r="A1151">
        <v>0.56000000000000005</v>
      </c>
      <c r="B1151">
        <v>22</v>
      </c>
      <c r="C1151">
        <v>0.1</v>
      </c>
    </row>
    <row r="1152" spans="1:3" x14ac:dyDescent="0.25">
      <c r="A1152">
        <v>0.55000000000000004</v>
      </c>
      <c r="B1152">
        <v>22</v>
      </c>
      <c r="C1152">
        <v>0.17</v>
      </c>
    </row>
    <row r="1153" spans="1:3" x14ac:dyDescent="0.25">
      <c r="A1153">
        <v>0.53</v>
      </c>
      <c r="B1153">
        <v>22</v>
      </c>
      <c r="C1153">
        <v>0.92</v>
      </c>
    </row>
    <row r="1154" spans="1:3" x14ac:dyDescent="0.25">
      <c r="A1154">
        <v>0.53</v>
      </c>
      <c r="B1154">
        <v>22</v>
      </c>
      <c r="C1154">
        <v>0.49</v>
      </c>
    </row>
    <row r="1155" spans="1:3" x14ac:dyDescent="0.25">
      <c r="A1155">
        <v>0.52</v>
      </c>
      <c r="B1155">
        <v>22</v>
      </c>
      <c r="C1155">
        <v>0.64</v>
      </c>
    </row>
    <row r="1156" spans="1:3" x14ac:dyDescent="0.25">
      <c r="A1156">
        <v>0.52</v>
      </c>
      <c r="B1156">
        <v>22</v>
      </c>
      <c r="C1156">
        <v>0.23</v>
      </c>
    </row>
    <row r="1157" spans="1:3" x14ac:dyDescent="0.25">
      <c r="A1157">
        <v>0.51</v>
      </c>
      <c r="B1157">
        <v>22</v>
      </c>
      <c r="C1157">
        <v>0.08</v>
      </c>
    </row>
    <row r="1158" spans="1:3" x14ac:dyDescent="0.25">
      <c r="A1158">
        <v>0.5</v>
      </c>
      <c r="B1158">
        <v>22</v>
      </c>
      <c r="C1158">
        <v>0.85</v>
      </c>
    </row>
    <row r="1159" spans="1:3" x14ac:dyDescent="0.25">
      <c r="A1159">
        <v>0.5</v>
      </c>
      <c r="B1159">
        <v>22</v>
      </c>
      <c r="C1159">
        <v>0.9</v>
      </c>
    </row>
    <row r="1160" spans="1:3" x14ac:dyDescent="0.25">
      <c r="A1160">
        <v>1</v>
      </c>
      <c r="B1160">
        <v>23</v>
      </c>
      <c r="C1160">
        <v>0.54</v>
      </c>
    </row>
    <row r="1161" spans="1:3" x14ac:dyDescent="0.25">
      <c r="A1161">
        <v>1</v>
      </c>
      <c r="B1161">
        <v>23</v>
      </c>
      <c r="C1161">
        <v>0.74</v>
      </c>
    </row>
    <row r="1162" spans="1:3" x14ac:dyDescent="0.25">
      <c r="A1162">
        <v>0.99</v>
      </c>
      <c r="B1162">
        <v>23</v>
      </c>
      <c r="C1162">
        <v>0.14000000000000001</v>
      </c>
    </row>
    <row r="1163" spans="1:3" x14ac:dyDescent="0.25">
      <c r="A1163">
        <v>0.98</v>
      </c>
      <c r="B1163">
        <v>23</v>
      </c>
      <c r="C1163">
        <v>0.2</v>
      </c>
    </row>
    <row r="1164" spans="1:3" x14ac:dyDescent="0.25">
      <c r="A1164">
        <v>0.97</v>
      </c>
      <c r="B1164">
        <v>23</v>
      </c>
      <c r="C1164">
        <v>0.88</v>
      </c>
    </row>
    <row r="1165" spans="1:3" x14ac:dyDescent="0.25">
      <c r="A1165">
        <v>0.97</v>
      </c>
      <c r="B1165">
        <v>23</v>
      </c>
      <c r="C1165">
        <v>0.78</v>
      </c>
    </row>
    <row r="1166" spans="1:3" x14ac:dyDescent="0.25">
      <c r="A1166">
        <v>0.97</v>
      </c>
      <c r="B1166">
        <v>23</v>
      </c>
      <c r="C1166">
        <v>0.93</v>
      </c>
    </row>
    <row r="1167" spans="1:3" x14ac:dyDescent="0.25">
      <c r="A1167">
        <v>0.95</v>
      </c>
      <c r="B1167">
        <v>23</v>
      </c>
      <c r="C1167">
        <v>0.35</v>
      </c>
    </row>
    <row r="1168" spans="1:3" x14ac:dyDescent="0.25">
      <c r="A1168">
        <v>0.94</v>
      </c>
      <c r="B1168">
        <v>23</v>
      </c>
      <c r="C1168">
        <v>0.14000000000000001</v>
      </c>
    </row>
    <row r="1169" spans="1:3" x14ac:dyDescent="0.25">
      <c r="A1169">
        <v>0.93</v>
      </c>
      <c r="B1169">
        <v>23</v>
      </c>
      <c r="C1169">
        <v>0.89</v>
      </c>
    </row>
    <row r="1170" spans="1:3" x14ac:dyDescent="0.25">
      <c r="A1170">
        <v>0.93</v>
      </c>
      <c r="B1170">
        <v>23</v>
      </c>
      <c r="C1170">
        <v>0.43</v>
      </c>
    </row>
    <row r="1171" spans="1:3" x14ac:dyDescent="0.25">
      <c r="A1171">
        <v>0.93</v>
      </c>
      <c r="B1171">
        <v>23</v>
      </c>
      <c r="C1171">
        <v>0.4</v>
      </c>
    </row>
    <row r="1172" spans="1:3" x14ac:dyDescent="0.25">
      <c r="A1172">
        <v>0.93</v>
      </c>
      <c r="B1172">
        <v>23</v>
      </c>
      <c r="C1172">
        <v>0.52</v>
      </c>
    </row>
    <row r="1173" spans="1:3" x14ac:dyDescent="0.25">
      <c r="A1173">
        <v>0.92</v>
      </c>
      <c r="B1173">
        <v>23</v>
      </c>
      <c r="C1173">
        <v>0.55000000000000004</v>
      </c>
    </row>
    <row r="1174" spans="1:3" x14ac:dyDescent="0.25">
      <c r="A1174">
        <v>0.91</v>
      </c>
      <c r="B1174">
        <v>23</v>
      </c>
      <c r="C1174">
        <v>0.75</v>
      </c>
    </row>
    <row r="1175" spans="1:3" x14ac:dyDescent="0.25">
      <c r="A1175">
        <v>0.87</v>
      </c>
      <c r="B1175">
        <v>23</v>
      </c>
      <c r="C1175">
        <v>0.62</v>
      </c>
    </row>
    <row r="1176" spans="1:3" x14ac:dyDescent="0.25">
      <c r="A1176">
        <v>0.86</v>
      </c>
      <c r="B1176">
        <v>23</v>
      </c>
      <c r="C1176">
        <v>0.52</v>
      </c>
    </row>
    <row r="1177" spans="1:3" x14ac:dyDescent="0.25">
      <c r="A1177">
        <v>0.86</v>
      </c>
      <c r="B1177">
        <v>23</v>
      </c>
      <c r="C1177">
        <v>0.86</v>
      </c>
    </row>
    <row r="1178" spans="1:3" x14ac:dyDescent="0.25">
      <c r="A1178">
        <v>0.84</v>
      </c>
      <c r="B1178">
        <v>23</v>
      </c>
      <c r="C1178">
        <v>7.0000000000000007E-2</v>
      </c>
    </row>
    <row r="1179" spans="1:3" x14ac:dyDescent="0.25">
      <c r="A1179">
        <v>0.82</v>
      </c>
      <c r="B1179">
        <v>23</v>
      </c>
      <c r="C1179">
        <v>0.56999999999999995</v>
      </c>
    </row>
    <row r="1180" spans="1:3" x14ac:dyDescent="0.25">
      <c r="A1180">
        <v>0.81</v>
      </c>
      <c r="B1180">
        <v>23</v>
      </c>
      <c r="C1180">
        <v>0.05</v>
      </c>
    </row>
    <row r="1181" spans="1:3" x14ac:dyDescent="0.25">
      <c r="A1181">
        <v>0.8</v>
      </c>
      <c r="B1181">
        <v>23</v>
      </c>
      <c r="C1181">
        <v>0.43</v>
      </c>
    </row>
    <row r="1182" spans="1:3" x14ac:dyDescent="0.25">
      <c r="A1182">
        <v>0.76</v>
      </c>
      <c r="B1182">
        <v>23</v>
      </c>
      <c r="C1182">
        <v>0.85</v>
      </c>
    </row>
    <row r="1183" spans="1:3" x14ac:dyDescent="0.25">
      <c r="A1183">
        <v>0.76</v>
      </c>
      <c r="B1183">
        <v>23</v>
      </c>
      <c r="C1183">
        <v>0.65</v>
      </c>
    </row>
    <row r="1184" spans="1:3" x14ac:dyDescent="0.25">
      <c r="A1184">
        <v>0.75</v>
      </c>
      <c r="B1184">
        <v>23</v>
      </c>
      <c r="C1184">
        <v>0.64</v>
      </c>
    </row>
    <row r="1185" spans="1:3" x14ac:dyDescent="0.25">
      <c r="A1185">
        <v>0.75</v>
      </c>
      <c r="B1185">
        <v>23</v>
      </c>
      <c r="C1185">
        <v>0.56000000000000005</v>
      </c>
    </row>
    <row r="1186" spans="1:3" x14ac:dyDescent="0.25">
      <c r="A1186">
        <v>0.73</v>
      </c>
      <c r="B1186">
        <v>23</v>
      </c>
      <c r="C1186">
        <v>0.13</v>
      </c>
    </row>
    <row r="1187" spans="1:3" x14ac:dyDescent="0.25">
      <c r="A1187">
        <v>0.72</v>
      </c>
      <c r="B1187">
        <v>23</v>
      </c>
      <c r="C1187">
        <v>0.37</v>
      </c>
    </row>
    <row r="1188" spans="1:3" x14ac:dyDescent="0.25">
      <c r="A1188">
        <v>0.71</v>
      </c>
      <c r="B1188">
        <v>23</v>
      </c>
      <c r="C1188">
        <v>0.33</v>
      </c>
    </row>
    <row r="1189" spans="1:3" x14ac:dyDescent="0.25">
      <c r="A1189">
        <v>0.7</v>
      </c>
      <c r="B1189">
        <v>23</v>
      </c>
      <c r="C1189">
        <v>0.42</v>
      </c>
    </row>
    <row r="1190" spans="1:3" x14ac:dyDescent="0.25">
      <c r="A1190">
        <v>0.69</v>
      </c>
      <c r="B1190">
        <v>23</v>
      </c>
      <c r="C1190">
        <v>0.3</v>
      </c>
    </row>
    <row r="1191" spans="1:3" x14ac:dyDescent="0.25">
      <c r="A1191">
        <v>0.69</v>
      </c>
      <c r="B1191">
        <v>23</v>
      </c>
      <c r="C1191">
        <v>0.45</v>
      </c>
    </row>
    <row r="1192" spans="1:3" x14ac:dyDescent="0.25">
      <c r="A1192">
        <v>0.67</v>
      </c>
      <c r="B1192">
        <v>23</v>
      </c>
      <c r="C1192">
        <v>0.41</v>
      </c>
    </row>
    <row r="1193" spans="1:3" x14ac:dyDescent="0.25">
      <c r="A1193">
        <v>0.67</v>
      </c>
      <c r="B1193">
        <v>23</v>
      </c>
      <c r="C1193">
        <v>0.69</v>
      </c>
    </row>
    <row r="1194" spans="1:3" x14ac:dyDescent="0.25">
      <c r="A1194">
        <v>0.65</v>
      </c>
      <c r="B1194">
        <v>23</v>
      </c>
      <c r="C1194">
        <v>0.55000000000000004</v>
      </c>
    </row>
    <row r="1195" spans="1:3" x14ac:dyDescent="0.25">
      <c r="A1195">
        <v>0.64</v>
      </c>
      <c r="B1195">
        <v>23</v>
      </c>
      <c r="C1195">
        <v>0.82</v>
      </c>
    </row>
    <row r="1196" spans="1:3" x14ac:dyDescent="0.25">
      <c r="A1196">
        <v>0.64</v>
      </c>
      <c r="B1196">
        <v>23</v>
      </c>
      <c r="C1196">
        <v>0.39</v>
      </c>
    </row>
    <row r="1197" spans="1:3" x14ac:dyDescent="0.25">
      <c r="A1197">
        <v>0.62</v>
      </c>
      <c r="B1197">
        <v>23</v>
      </c>
      <c r="C1197">
        <v>0.37</v>
      </c>
    </row>
    <row r="1198" spans="1:3" x14ac:dyDescent="0.25">
      <c r="A1198">
        <v>0.61</v>
      </c>
      <c r="B1198">
        <v>23</v>
      </c>
      <c r="C1198">
        <v>0.6</v>
      </c>
    </row>
    <row r="1199" spans="1:3" x14ac:dyDescent="0.25">
      <c r="A1199">
        <v>0.59</v>
      </c>
      <c r="B1199">
        <v>23</v>
      </c>
      <c r="C1199">
        <v>0.49</v>
      </c>
    </row>
    <row r="1200" spans="1:3" x14ac:dyDescent="0.25">
      <c r="A1200">
        <v>0.57999999999999996</v>
      </c>
      <c r="B1200">
        <v>23</v>
      </c>
      <c r="C1200">
        <v>0.87</v>
      </c>
    </row>
    <row r="1201" spans="1:3" x14ac:dyDescent="0.25">
      <c r="A1201">
        <v>0.55000000000000004</v>
      </c>
      <c r="B1201">
        <v>23</v>
      </c>
      <c r="C1201">
        <v>0.61</v>
      </c>
    </row>
    <row r="1202" spans="1:3" x14ac:dyDescent="0.25">
      <c r="A1202">
        <v>0.54</v>
      </c>
      <c r="B1202">
        <v>23</v>
      </c>
      <c r="C1202">
        <v>0.27</v>
      </c>
    </row>
    <row r="1203" spans="1:3" x14ac:dyDescent="0.25">
      <c r="A1203">
        <v>0.53</v>
      </c>
      <c r="B1203">
        <v>23</v>
      </c>
      <c r="C1203">
        <v>0.22</v>
      </c>
    </row>
    <row r="1204" spans="1:3" x14ac:dyDescent="0.25">
      <c r="A1204">
        <v>0.53</v>
      </c>
      <c r="B1204">
        <v>23</v>
      </c>
      <c r="C1204">
        <v>0.86</v>
      </c>
    </row>
    <row r="1205" spans="1:3" x14ac:dyDescent="0.25">
      <c r="A1205">
        <v>0.53</v>
      </c>
      <c r="B1205">
        <v>23</v>
      </c>
      <c r="C1205">
        <v>0.25</v>
      </c>
    </row>
    <row r="1206" spans="1:3" x14ac:dyDescent="0.25">
      <c r="A1206">
        <v>0.52</v>
      </c>
      <c r="B1206">
        <v>23</v>
      </c>
      <c r="C1206">
        <v>0.38</v>
      </c>
    </row>
    <row r="1207" spans="1:3" x14ac:dyDescent="0.25">
      <c r="A1207">
        <v>0.52</v>
      </c>
      <c r="B1207">
        <v>23</v>
      </c>
      <c r="C1207">
        <v>0.59</v>
      </c>
    </row>
    <row r="1208" spans="1:3" x14ac:dyDescent="0.25">
      <c r="A1208">
        <v>0.51</v>
      </c>
      <c r="B1208">
        <v>23</v>
      </c>
      <c r="C1208">
        <v>0.48</v>
      </c>
    </row>
    <row r="1209" spans="1:3" x14ac:dyDescent="0.25">
      <c r="A1209">
        <v>0.5</v>
      </c>
      <c r="B1209">
        <v>23</v>
      </c>
      <c r="C1209">
        <v>0.39</v>
      </c>
    </row>
    <row r="1210" spans="1:3" x14ac:dyDescent="0.25">
      <c r="A1210">
        <v>0.5</v>
      </c>
      <c r="B1210">
        <v>23</v>
      </c>
      <c r="C1210">
        <v>0.67</v>
      </c>
    </row>
    <row r="1211" spans="1:3" x14ac:dyDescent="0.25">
      <c r="A1211">
        <v>0.99</v>
      </c>
      <c r="B1211">
        <v>24</v>
      </c>
      <c r="C1211">
        <v>0.31</v>
      </c>
    </row>
    <row r="1212" spans="1:3" x14ac:dyDescent="0.25">
      <c r="A1212">
        <v>0.95</v>
      </c>
      <c r="B1212">
        <v>24</v>
      </c>
      <c r="C1212">
        <v>0.89</v>
      </c>
    </row>
    <row r="1213" spans="1:3" x14ac:dyDescent="0.25">
      <c r="A1213">
        <v>0.91</v>
      </c>
      <c r="B1213">
        <v>24</v>
      </c>
      <c r="C1213">
        <v>0.66</v>
      </c>
    </row>
    <row r="1214" spans="1:3" x14ac:dyDescent="0.25">
      <c r="A1214">
        <v>0.87</v>
      </c>
      <c r="B1214">
        <v>24</v>
      </c>
      <c r="C1214">
        <v>0.61</v>
      </c>
    </row>
    <row r="1215" spans="1:3" x14ac:dyDescent="0.25">
      <c r="A1215">
        <v>0.86</v>
      </c>
      <c r="B1215">
        <v>24</v>
      </c>
      <c r="C1215">
        <v>0.55000000000000004</v>
      </c>
    </row>
    <row r="1216" spans="1:3" x14ac:dyDescent="0.25">
      <c r="A1216">
        <v>0.84</v>
      </c>
      <c r="B1216">
        <v>24</v>
      </c>
      <c r="C1216">
        <v>0.54</v>
      </c>
    </row>
    <row r="1217" spans="1:3" x14ac:dyDescent="0.25">
      <c r="A1217">
        <v>0.81</v>
      </c>
      <c r="B1217">
        <v>24</v>
      </c>
      <c r="C1217">
        <v>0.7</v>
      </c>
    </row>
    <row r="1218" spans="1:3" x14ac:dyDescent="0.25">
      <c r="A1218">
        <v>0.81</v>
      </c>
      <c r="B1218">
        <v>24</v>
      </c>
      <c r="C1218">
        <v>0.4</v>
      </c>
    </row>
    <row r="1219" spans="1:3" x14ac:dyDescent="0.25">
      <c r="A1219">
        <v>0.8</v>
      </c>
      <c r="B1219">
        <v>24</v>
      </c>
      <c r="C1219">
        <v>0.79</v>
      </c>
    </row>
    <row r="1220" spans="1:3" x14ac:dyDescent="0.25">
      <c r="A1220">
        <v>0.8</v>
      </c>
      <c r="B1220">
        <v>24</v>
      </c>
      <c r="C1220">
        <v>0.71</v>
      </c>
    </row>
    <row r="1221" spans="1:3" x14ac:dyDescent="0.25">
      <c r="A1221">
        <v>0.79</v>
      </c>
      <c r="B1221">
        <v>24</v>
      </c>
      <c r="C1221">
        <v>0.23</v>
      </c>
    </row>
    <row r="1222" spans="1:3" x14ac:dyDescent="0.25">
      <c r="A1222">
        <v>0.79</v>
      </c>
      <c r="B1222">
        <v>24</v>
      </c>
      <c r="C1222">
        <v>0.64</v>
      </c>
    </row>
    <row r="1223" spans="1:3" x14ac:dyDescent="0.25">
      <c r="A1223">
        <v>0.77</v>
      </c>
      <c r="B1223">
        <v>24</v>
      </c>
      <c r="C1223">
        <v>0.59</v>
      </c>
    </row>
    <row r="1224" spans="1:3" x14ac:dyDescent="0.25">
      <c r="A1224">
        <v>0.77</v>
      </c>
      <c r="B1224">
        <v>24</v>
      </c>
      <c r="C1224">
        <v>0.26</v>
      </c>
    </row>
    <row r="1225" spans="1:3" x14ac:dyDescent="0.25">
      <c r="A1225">
        <v>0.74</v>
      </c>
      <c r="B1225">
        <v>24</v>
      </c>
      <c r="C1225">
        <v>0.66</v>
      </c>
    </row>
    <row r="1226" spans="1:3" x14ac:dyDescent="0.25">
      <c r="A1226">
        <v>0.73</v>
      </c>
      <c r="B1226">
        <v>24</v>
      </c>
      <c r="C1226">
        <v>0.52</v>
      </c>
    </row>
    <row r="1227" spans="1:3" x14ac:dyDescent="0.25">
      <c r="A1227">
        <v>0.73</v>
      </c>
      <c r="B1227">
        <v>24</v>
      </c>
      <c r="C1227">
        <v>0.68</v>
      </c>
    </row>
    <row r="1228" spans="1:3" x14ac:dyDescent="0.25">
      <c r="A1228">
        <v>0.72</v>
      </c>
      <c r="B1228">
        <v>24</v>
      </c>
      <c r="C1228">
        <v>0.83</v>
      </c>
    </row>
    <row r="1229" spans="1:3" x14ac:dyDescent="0.25">
      <c r="A1229">
        <v>0.72</v>
      </c>
      <c r="B1229">
        <v>24</v>
      </c>
      <c r="C1229">
        <v>0.5</v>
      </c>
    </row>
    <row r="1230" spans="1:3" x14ac:dyDescent="0.25">
      <c r="A1230">
        <v>0.71</v>
      </c>
      <c r="B1230">
        <v>24</v>
      </c>
      <c r="C1230">
        <v>0.42</v>
      </c>
    </row>
    <row r="1231" spans="1:3" x14ac:dyDescent="0.25">
      <c r="A1231">
        <v>0.71</v>
      </c>
      <c r="B1231">
        <v>24</v>
      </c>
      <c r="C1231">
        <v>0.2</v>
      </c>
    </row>
    <row r="1232" spans="1:3" x14ac:dyDescent="0.25">
      <c r="A1232">
        <v>0.71</v>
      </c>
      <c r="B1232">
        <v>24</v>
      </c>
      <c r="C1232">
        <v>0.38</v>
      </c>
    </row>
    <row r="1233" spans="1:3" x14ac:dyDescent="0.25">
      <c r="A1233">
        <v>0.7</v>
      </c>
      <c r="B1233">
        <v>24</v>
      </c>
      <c r="C1233">
        <v>0.81</v>
      </c>
    </row>
    <row r="1234" spans="1:3" x14ac:dyDescent="0.25">
      <c r="A1234">
        <v>0.7</v>
      </c>
      <c r="B1234">
        <v>24</v>
      </c>
      <c r="C1234">
        <v>0.3</v>
      </c>
    </row>
    <row r="1235" spans="1:3" x14ac:dyDescent="0.25">
      <c r="A1235">
        <v>0.69</v>
      </c>
      <c r="B1235">
        <v>24</v>
      </c>
      <c r="C1235">
        <v>0.68</v>
      </c>
    </row>
    <row r="1236" spans="1:3" x14ac:dyDescent="0.25">
      <c r="A1236">
        <v>0.68</v>
      </c>
      <c r="B1236">
        <v>24</v>
      </c>
      <c r="C1236">
        <v>0.31</v>
      </c>
    </row>
    <row r="1237" spans="1:3" x14ac:dyDescent="0.25">
      <c r="A1237">
        <v>0.67</v>
      </c>
      <c r="B1237">
        <v>24</v>
      </c>
      <c r="C1237">
        <v>0.37</v>
      </c>
    </row>
    <row r="1238" spans="1:3" x14ac:dyDescent="0.25">
      <c r="A1238">
        <v>0.65</v>
      </c>
      <c r="B1238">
        <v>24</v>
      </c>
      <c r="C1238">
        <v>0.31</v>
      </c>
    </row>
    <row r="1239" spans="1:3" x14ac:dyDescent="0.25">
      <c r="A1239">
        <v>0.64</v>
      </c>
      <c r="B1239">
        <v>24</v>
      </c>
      <c r="C1239">
        <v>0.27</v>
      </c>
    </row>
    <row r="1240" spans="1:3" x14ac:dyDescent="0.25">
      <c r="A1240">
        <v>0.62</v>
      </c>
      <c r="B1240">
        <v>24</v>
      </c>
      <c r="C1240">
        <v>0.46</v>
      </c>
    </row>
    <row r="1241" spans="1:3" x14ac:dyDescent="0.25">
      <c r="A1241">
        <v>0.62</v>
      </c>
      <c r="B1241">
        <v>24</v>
      </c>
      <c r="C1241">
        <v>0.91</v>
      </c>
    </row>
    <row r="1242" spans="1:3" x14ac:dyDescent="0.25">
      <c r="A1242">
        <v>0.62</v>
      </c>
      <c r="B1242">
        <v>24</v>
      </c>
      <c r="C1242">
        <v>0.42</v>
      </c>
    </row>
    <row r="1243" spans="1:3" x14ac:dyDescent="0.25">
      <c r="A1243">
        <v>0.6</v>
      </c>
      <c r="B1243">
        <v>24</v>
      </c>
      <c r="C1243">
        <v>0.13</v>
      </c>
    </row>
    <row r="1244" spans="1:3" x14ac:dyDescent="0.25">
      <c r="A1244">
        <v>0.59</v>
      </c>
      <c r="B1244">
        <v>24</v>
      </c>
      <c r="C1244">
        <v>0.34</v>
      </c>
    </row>
    <row r="1245" spans="1:3" x14ac:dyDescent="0.25">
      <c r="A1245">
        <v>0.59</v>
      </c>
      <c r="B1245">
        <v>24</v>
      </c>
      <c r="C1245">
        <v>0.56000000000000005</v>
      </c>
    </row>
    <row r="1246" spans="1:3" x14ac:dyDescent="0.25">
      <c r="A1246">
        <v>0.57999999999999996</v>
      </c>
      <c r="B1246">
        <v>24</v>
      </c>
      <c r="C1246">
        <v>0.18</v>
      </c>
    </row>
    <row r="1247" spans="1:3" x14ac:dyDescent="0.25">
      <c r="A1247">
        <v>0.56999999999999995</v>
      </c>
      <c r="B1247">
        <v>24</v>
      </c>
      <c r="C1247">
        <v>0.09</v>
      </c>
    </row>
    <row r="1248" spans="1:3" x14ac:dyDescent="0.25">
      <c r="A1248">
        <v>0.54</v>
      </c>
      <c r="B1248">
        <v>24</v>
      </c>
      <c r="C1248">
        <v>0.39</v>
      </c>
    </row>
    <row r="1249" spans="1:3" x14ac:dyDescent="0.25">
      <c r="A1249">
        <v>0.53</v>
      </c>
      <c r="B1249">
        <v>24</v>
      </c>
      <c r="C1249">
        <v>0.16</v>
      </c>
    </row>
    <row r="1250" spans="1:3" x14ac:dyDescent="0.25">
      <c r="A1250">
        <v>0.53</v>
      </c>
      <c r="B1250">
        <v>24</v>
      </c>
      <c r="C1250">
        <v>0.35</v>
      </c>
    </row>
    <row r="1251" spans="1:3" x14ac:dyDescent="0.25">
      <c r="A1251">
        <v>0.53</v>
      </c>
      <c r="B1251">
        <v>24</v>
      </c>
      <c r="C1251">
        <v>0.26</v>
      </c>
    </row>
    <row r="1252" spans="1:3" x14ac:dyDescent="0.25">
      <c r="A1252">
        <v>0.52</v>
      </c>
      <c r="B1252">
        <v>24</v>
      </c>
      <c r="C1252">
        <v>0.22</v>
      </c>
    </row>
    <row r="1253" spans="1:3" x14ac:dyDescent="0.25">
      <c r="A1253">
        <v>0.52</v>
      </c>
      <c r="B1253">
        <v>24</v>
      </c>
      <c r="C1253">
        <v>0.64</v>
      </c>
    </row>
    <row r="1254" spans="1:3" x14ac:dyDescent="0.25">
      <c r="A1254">
        <v>0.51</v>
      </c>
      <c r="B1254">
        <v>24</v>
      </c>
      <c r="C1254">
        <v>0.8</v>
      </c>
    </row>
    <row r="1255" spans="1:3" x14ac:dyDescent="0.25">
      <c r="A1255">
        <v>0.51</v>
      </c>
      <c r="B1255">
        <v>24</v>
      </c>
      <c r="C1255">
        <v>0.63</v>
      </c>
    </row>
    <row r="1256" spans="1:3" x14ac:dyDescent="0.25">
      <c r="A1256">
        <v>0.5</v>
      </c>
      <c r="B1256">
        <v>24</v>
      </c>
      <c r="C1256">
        <v>0.68</v>
      </c>
    </row>
    <row r="1257" spans="1:3" x14ac:dyDescent="0.25">
      <c r="A1257">
        <v>0.5</v>
      </c>
      <c r="B1257">
        <v>24</v>
      </c>
      <c r="C1257">
        <v>0.35</v>
      </c>
    </row>
    <row r="1258" spans="1:3" x14ac:dyDescent="0.25">
      <c r="A1258">
        <v>1</v>
      </c>
      <c r="B1258">
        <v>25</v>
      </c>
      <c r="C1258">
        <v>0.4</v>
      </c>
    </row>
    <row r="1259" spans="1:3" x14ac:dyDescent="0.25">
      <c r="A1259">
        <v>0.99</v>
      </c>
      <c r="B1259">
        <v>25</v>
      </c>
      <c r="C1259">
        <v>0.15</v>
      </c>
    </row>
    <row r="1260" spans="1:3" x14ac:dyDescent="0.25">
      <c r="A1260">
        <v>0.98</v>
      </c>
      <c r="B1260">
        <v>25</v>
      </c>
      <c r="C1260">
        <v>0.89</v>
      </c>
    </row>
    <row r="1261" spans="1:3" x14ac:dyDescent="0.25">
      <c r="A1261">
        <v>0.97</v>
      </c>
      <c r="B1261">
        <v>25</v>
      </c>
      <c r="C1261">
        <v>0.74</v>
      </c>
    </row>
    <row r="1262" spans="1:3" x14ac:dyDescent="0.25">
      <c r="A1262">
        <v>0.96</v>
      </c>
      <c r="B1262">
        <v>25</v>
      </c>
      <c r="C1262">
        <v>0.13</v>
      </c>
    </row>
    <row r="1263" spans="1:3" x14ac:dyDescent="0.25">
      <c r="A1263">
        <v>0.96</v>
      </c>
      <c r="B1263">
        <v>25</v>
      </c>
      <c r="C1263">
        <v>0.4</v>
      </c>
    </row>
    <row r="1264" spans="1:3" x14ac:dyDescent="0.25">
      <c r="A1264">
        <v>0.95</v>
      </c>
      <c r="B1264">
        <v>25</v>
      </c>
      <c r="C1264">
        <v>0.48</v>
      </c>
    </row>
    <row r="1265" spans="1:3" x14ac:dyDescent="0.25">
      <c r="A1265">
        <v>0.93</v>
      </c>
      <c r="B1265">
        <v>25</v>
      </c>
      <c r="C1265">
        <v>0.48</v>
      </c>
    </row>
    <row r="1266" spans="1:3" x14ac:dyDescent="0.25">
      <c r="A1266">
        <v>0.92</v>
      </c>
      <c r="B1266">
        <v>25</v>
      </c>
      <c r="C1266">
        <v>0.4</v>
      </c>
    </row>
    <row r="1267" spans="1:3" x14ac:dyDescent="0.25">
      <c r="A1267">
        <v>0.91</v>
      </c>
      <c r="B1267">
        <v>25</v>
      </c>
      <c r="C1267">
        <v>0.2</v>
      </c>
    </row>
    <row r="1268" spans="1:3" x14ac:dyDescent="0.25">
      <c r="A1268">
        <v>0.91</v>
      </c>
      <c r="B1268">
        <v>25</v>
      </c>
      <c r="C1268">
        <v>0.39</v>
      </c>
    </row>
    <row r="1269" spans="1:3" x14ac:dyDescent="0.25">
      <c r="A1269">
        <v>0.91</v>
      </c>
      <c r="B1269">
        <v>25</v>
      </c>
      <c r="C1269">
        <v>0.09</v>
      </c>
    </row>
    <row r="1270" spans="1:3" x14ac:dyDescent="0.25">
      <c r="A1270">
        <v>0.91</v>
      </c>
      <c r="B1270">
        <v>25</v>
      </c>
      <c r="C1270">
        <v>0.86</v>
      </c>
    </row>
    <row r="1271" spans="1:3" x14ac:dyDescent="0.25">
      <c r="A1271">
        <v>0.91</v>
      </c>
      <c r="B1271">
        <v>25</v>
      </c>
      <c r="C1271">
        <v>0.91</v>
      </c>
    </row>
    <row r="1272" spans="1:3" x14ac:dyDescent="0.25">
      <c r="A1272">
        <v>0.9</v>
      </c>
      <c r="B1272">
        <v>25</v>
      </c>
      <c r="C1272">
        <v>0.93</v>
      </c>
    </row>
    <row r="1273" spans="1:3" x14ac:dyDescent="0.25">
      <c r="A1273">
        <v>0.89</v>
      </c>
      <c r="B1273">
        <v>25</v>
      </c>
      <c r="C1273">
        <v>0.15</v>
      </c>
    </row>
    <row r="1274" spans="1:3" x14ac:dyDescent="0.25">
      <c r="A1274">
        <v>0.88</v>
      </c>
      <c r="B1274">
        <v>25</v>
      </c>
      <c r="C1274">
        <v>0.82</v>
      </c>
    </row>
    <row r="1275" spans="1:3" x14ac:dyDescent="0.25">
      <c r="A1275">
        <v>0.88</v>
      </c>
      <c r="B1275">
        <v>25</v>
      </c>
      <c r="C1275">
        <v>0.46</v>
      </c>
    </row>
    <row r="1276" spans="1:3" x14ac:dyDescent="0.25">
      <c r="A1276">
        <v>0.87</v>
      </c>
      <c r="B1276">
        <v>25</v>
      </c>
      <c r="C1276">
        <v>0.31</v>
      </c>
    </row>
    <row r="1277" spans="1:3" x14ac:dyDescent="0.25">
      <c r="A1277">
        <v>0.87</v>
      </c>
      <c r="B1277">
        <v>25</v>
      </c>
      <c r="C1277">
        <v>0.88</v>
      </c>
    </row>
    <row r="1278" spans="1:3" x14ac:dyDescent="0.25">
      <c r="A1278">
        <v>0.86</v>
      </c>
      <c r="B1278">
        <v>25</v>
      </c>
      <c r="C1278">
        <v>0.48</v>
      </c>
    </row>
    <row r="1279" spans="1:3" x14ac:dyDescent="0.25">
      <c r="A1279">
        <v>0.86</v>
      </c>
      <c r="B1279">
        <v>25</v>
      </c>
      <c r="C1279">
        <v>0.53</v>
      </c>
    </row>
    <row r="1280" spans="1:3" x14ac:dyDescent="0.25">
      <c r="A1280">
        <v>0.85</v>
      </c>
      <c r="B1280">
        <v>25</v>
      </c>
      <c r="C1280">
        <v>0.41</v>
      </c>
    </row>
    <row r="1281" spans="1:3" x14ac:dyDescent="0.25">
      <c r="A1281">
        <v>0.8</v>
      </c>
      <c r="B1281">
        <v>25</v>
      </c>
      <c r="C1281">
        <v>0.5</v>
      </c>
    </row>
    <row r="1282" spans="1:3" x14ac:dyDescent="0.25">
      <c r="A1282">
        <v>0.78</v>
      </c>
      <c r="B1282">
        <v>25</v>
      </c>
      <c r="C1282">
        <v>0.41</v>
      </c>
    </row>
    <row r="1283" spans="1:3" x14ac:dyDescent="0.25">
      <c r="A1283">
        <v>0.77</v>
      </c>
      <c r="B1283">
        <v>25</v>
      </c>
      <c r="C1283">
        <v>0.77</v>
      </c>
    </row>
    <row r="1284" spans="1:3" x14ac:dyDescent="0.25">
      <c r="A1284">
        <v>0.76</v>
      </c>
      <c r="B1284">
        <v>25</v>
      </c>
      <c r="C1284">
        <v>0.65</v>
      </c>
    </row>
    <row r="1285" spans="1:3" x14ac:dyDescent="0.25">
      <c r="A1285">
        <v>0.75</v>
      </c>
      <c r="B1285">
        <v>25</v>
      </c>
      <c r="C1285">
        <v>0.65</v>
      </c>
    </row>
    <row r="1286" spans="1:3" x14ac:dyDescent="0.25">
      <c r="A1286">
        <v>0.75</v>
      </c>
      <c r="B1286">
        <v>25</v>
      </c>
      <c r="C1286">
        <v>0.54</v>
      </c>
    </row>
    <row r="1287" spans="1:3" x14ac:dyDescent="0.25">
      <c r="A1287">
        <v>0.73</v>
      </c>
      <c r="B1287">
        <v>25</v>
      </c>
      <c r="C1287">
        <v>0.28999999999999998</v>
      </c>
    </row>
    <row r="1288" spans="1:3" x14ac:dyDescent="0.25">
      <c r="A1288">
        <v>0.72</v>
      </c>
      <c r="B1288">
        <v>25</v>
      </c>
      <c r="C1288">
        <v>0.19</v>
      </c>
    </row>
    <row r="1289" spans="1:3" x14ac:dyDescent="0.25">
      <c r="A1289">
        <v>0.72</v>
      </c>
      <c r="B1289">
        <v>25</v>
      </c>
      <c r="C1289">
        <v>0.34</v>
      </c>
    </row>
    <row r="1290" spans="1:3" x14ac:dyDescent="0.25">
      <c r="A1290">
        <v>0.7</v>
      </c>
      <c r="B1290">
        <v>25</v>
      </c>
      <c r="C1290">
        <v>0.92</v>
      </c>
    </row>
    <row r="1291" spans="1:3" x14ac:dyDescent="0.25">
      <c r="A1291">
        <v>0.69</v>
      </c>
      <c r="B1291">
        <v>25</v>
      </c>
      <c r="C1291">
        <v>0.15</v>
      </c>
    </row>
    <row r="1292" spans="1:3" x14ac:dyDescent="0.25">
      <c r="A1292">
        <v>0.69</v>
      </c>
      <c r="B1292">
        <v>25</v>
      </c>
      <c r="C1292">
        <v>0.49</v>
      </c>
    </row>
    <row r="1293" spans="1:3" x14ac:dyDescent="0.25">
      <c r="A1293">
        <v>0.68</v>
      </c>
      <c r="B1293">
        <v>25</v>
      </c>
      <c r="C1293">
        <v>0.92</v>
      </c>
    </row>
    <row r="1294" spans="1:3" x14ac:dyDescent="0.25">
      <c r="A1294">
        <v>0.68</v>
      </c>
      <c r="B1294">
        <v>25</v>
      </c>
      <c r="C1294">
        <v>0.31</v>
      </c>
    </row>
    <row r="1295" spans="1:3" x14ac:dyDescent="0.25">
      <c r="A1295">
        <v>0.66</v>
      </c>
      <c r="B1295">
        <v>25</v>
      </c>
      <c r="C1295">
        <v>0.59</v>
      </c>
    </row>
    <row r="1296" spans="1:3" x14ac:dyDescent="0.25">
      <c r="A1296">
        <v>0.66</v>
      </c>
      <c r="B1296">
        <v>25</v>
      </c>
      <c r="C1296">
        <v>0.69</v>
      </c>
    </row>
    <row r="1297" spans="1:3" x14ac:dyDescent="0.25">
      <c r="A1297">
        <v>0.65</v>
      </c>
      <c r="B1297">
        <v>25</v>
      </c>
      <c r="C1297">
        <v>0.77</v>
      </c>
    </row>
    <row r="1298" spans="1:3" x14ac:dyDescent="0.25">
      <c r="A1298">
        <v>0.63</v>
      </c>
      <c r="B1298">
        <v>25</v>
      </c>
      <c r="C1298">
        <v>0.35</v>
      </c>
    </row>
    <row r="1299" spans="1:3" x14ac:dyDescent="0.25">
      <c r="A1299">
        <v>0.62</v>
      </c>
      <c r="B1299">
        <v>25</v>
      </c>
      <c r="C1299">
        <v>0.16</v>
      </c>
    </row>
    <row r="1300" spans="1:3" x14ac:dyDescent="0.25">
      <c r="A1300">
        <v>0.61</v>
      </c>
      <c r="B1300">
        <v>25</v>
      </c>
      <c r="C1300">
        <v>0.72</v>
      </c>
    </row>
    <row r="1301" spans="1:3" x14ac:dyDescent="0.25">
      <c r="A1301">
        <v>0.61</v>
      </c>
      <c r="B1301">
        <v>25</v>
      </c>
      <c r="C1301">
        <v>0.74</v>
      </c>
    </row>
    <row r="1302" spans="1:3" x14ac:dyDescent="0.25">
      <c r="A1302">
        <v>0.59</v>
      </c>
      <c r="B1302">
        <v>25</v>
      </c>
      <c r="C1302">
        <v>0.56000000000000005</v>
      </c>
    </row>
    <row r="1303" spans="1:3" x14ac:dyDescent="0.25">
      <c r="A1303">
        <v>0.59</v>
      </c>
      <c r="B1303">
        <v>25</v>
      </c>
      <c r="C1303">
        <v>0.05</v>
      </c>
    </row>
    <row r="1304" spans="1:3" x14ac:dyDescent="0.25">
      <c r="A1304">
        <v>0.57999999999999996</v>
      </c>
      <c r="B1304">
        <v>25</v>
      </c>
      <c r="C1304">
        <v>0.39</v>
      </c>
    </row>
    <row r="1305" spans="1:3" x14ac:dyDescent="0.25">
      <c r="A1305">
        <v>0.55000000000000004</v>
      </c>
      <c r="B1305">
        <v>25</v>
      </c>
      <c r="C1305">
        <v>0.14000000000000001</v>
      </c>
    </row>
    <row r="1306" spans="1:3" x14ac:dyDescent="0.25">
      <c r="A1306">
        <v>0.55000000000000004</v>
      </c>
      <c r="B1306">
        <v>25</v>
      </c>
      <c r="C1306">
        <v>0.73</v>
      </c>
    </row>
    <row r="1307" spans="1:3" x14ac:dyDescent="0.25">
      <c r="A1307">
        <v>0.98</v>
      </c>
      <c r="B1307">
        <v>26</v>
      </c>
      <c r="C1307">
        <v>0.66</v>
      </c>
    </row>
    <row r="1308" spans="1:3" x14ac:dyDescent="0.25">
      <c r="A1308">
        <v>0.97</v>
      </c>
      <c r="B1308">
        <v>26</v>
      </c>
      <c r="C1308">
        <v>0.93</v>
      </c>
    </row>
    <row r="1309" spans="1:3" x14ac:dyDescent="0.25">
      <c r="A1309">
        <v>0.97</v>
      </c>
      <c r="B1309">
        <v>26</v>
      </c>
      <c r="C1309">
        <v>0.28999999999999998</v>
      </c>
    </row>
    <row r="1310" spans="1:3" x14ac:dyDescent="0.25">
      <c r="A1310">
        <v>0.95</v>
      </c>
      <c r="B1310">
        <v>26</v>
      </c>
      <c r="C1310">
        <v>0.27</v>
      </c>
    </row>
    <row r="1311" spans="1:3" x14ac:dyDescent="0.25">
      <c r="A1311">
        <v>0.95</v>
      </c>
      <c r="B1311">
        <v>26</v>
      </c>
      <c r="C1311">
        <v>0.59</v>
      </c>
    </row>
    <row r="1312" spans="1:3" x14ac:dyDescent="0.25">
      <c r="A1312">
        <v>0.94</v>
      </c>
      <c r="B1312">
        <v>26</v>
      </c>
      <c r="C1312">
        <v>0.85</v>
      </c>
    </row>
    <row r="1313" spans="1:3" x14ac:dyDescent="0.25">
      <c r="A1313">
        <v>0.94</v>
      </c>
      <c r="B1313">
        <v>26</v>
      </c>
      <c r="C1313">
        <v>0.81</v>
      </c>
    </row>
    <row r="1314" spans="1:3" x14ac:dyDescent="0.25">
      <c r="A1314">
        <v>0.9</v>
      </c>
      <c r="B1314">
        <v>26</v>
      </c>
      <c r="C1314">
        <v>0.41</v>
      </c>
    </row>
    <row r="1315" spans="1:3" x14ac:dyDescent="0.25">
      <c r="A1315">
        <v>0.88</v>
      </c>
      <c r="B1315">
        <v>26</v>
      </c>
      <c r="C1315">
        <v>0.47</v>
      </c>
    </row>
    <row r="1316" spans="1:3" x14ac:dyDescent="0.25">
      <c r="A1316">
        <v>0.88</v>
      </c>
      <c r="B1316">
        <v>26</v>
      </c>
      <c r="C1316">
        <v>0.74</v>
      </c>
    </row>
    <row r="1317" spans="1:3" x14ac:dyDescent="0.25">
      <c r="A1317">
        <v>0.88</v>
      </c>
      <c r="B1317">
        <v>26</v>
      </c>
      <c r="C1317">
        <v>0.53</v>
      </c>
    </row>
    <row r="1318" spans="1:3" x14ac:dyDescent="0.25">
      <c r="A1318">
        <v>0.86</v>
      </c>
      <c r="B1318">
        <v>26</v>
      </c>
      <c r="C1318">
        <v>0.49</v>
      </c>
    </row>
    <row r="1319" spans="1:3" x14ac:dyDescent="0.25">
      <c r="A1319">
        <v>0.85</v>
      </c>
      <c r="B1319">
        <v>26</v>
      </c>
      <c r="C1319">
        <v>0.68</v>
      </c>
    </row>
    <row r="1320" spans="1:3" x14ac:dyDescent="0.25">
      <c r="A1320">
        <v>0.85</v>
      </c>
      <c r="B1320">
        <v>26</v>
      </c>
      <c r="C1320">
        <v>0.17</v>
      </c>
    </row>
    <row r="1321" spans="1:3" x14ac:dyDescent="0.25">
      <c r="A1321">
        <v>0.85</v>
      </c>
      <c r="B1321">
        <v>26</v>
      </c>
      <c r="C1321">
        <v>0.13</v>
      </c>
    </row>
    <row r="1322" spans="1:3" x14ac:dyDescent="0.25">
      <c r="A1322">
        <v>0.84</v>
      </c>
      <c r="B1322">
        <v>26</v>
      </c>
      <c r="C1322">
        <v>0.59</v>
      </c>
    </row>
    <row r="1323" spans="1:3" x14ac:dyDescent="0.25">
      <c r="A1323">
        <v>0.83</v>
      </c>
      <c r="B1323">
        <v>26</v>
      </c>
      <c r="C1323">
        <v>0.2</v>
      </c>
    </row>
    <row r="1324" spans="1:3" x14ac:dyDescent="0.25">
      <c r="A1324">
        <v>0.81</v>
      </c>
      <c r="B1324">
        <v>26</v>
      </c>
      <c r="C1324">
        <v>0.7</v>
      </c>
    </row>
    <row r="1325" spans="1:3" x14ac:dyDescent="0.25">
      <c r="A1325">
        <v>0.8</v>
      </c>
      <c r="B1325">
        <v>26</v>
      </c>
      <c r="C1325">
        <v>0.2</v>
      </c>
    </row>
    <row r="1326" spans="1:3" x14ac:dyDescent="0.25">
      <c r="A1326">
        <v>0.8</v>
      </c>
      <c r="B1326">
        <v>26</v>
      </c>
      <c r="C1326">
        <v>0.8</v>
      </c>
    </row>
    <row r="1327" spans="1:3" x14ac:dyDescent="0.25">
      <c r="A1327">
        <v>0.79</v>
      </c>
      <c r="B1327">
        <v>26</v>
      </c>
      <c r="C1327">
        <v>0.33</v>
      </c>
    </row>
    <row r="1328" spans="1:3" x14ac:dyDescent="0.25">
      <c r="A1328">
        <v>0.79</v>
      </c>
      <c r="B1328">
        <v>26</v>
      </c>
      <c r="C1328">
        <v>0.61</v>
      </c>
    </row>
    <row r="1329" spans="1:3" x14ac:dyDescent="0.25">
      <c r="A1329">
        <v>0.78</v>
      </c>
      <c r="B1329">
        <v>26</v>
      </c>
      <c r="C1329">
        <v>0.38</v>
      </c>
    </row>
    <row r="1330" spans="1:3" x14ac:dyDescent="0.25">
      <c r="A1330">
        <v>0.78</v>
      </c>
      <c r="B1330">
        <v>26</v>
      </c>
      <c r="C1330">
        <v>0.91</v>
      </c>
    </row>
    <row r="1331" spans="1:3" x14ac:dyDescent="0.25">
      <c r="A1331">
        <v>0.77</v>
      </c>
      <c r="B1331">
        <v>26</v>
      </c>
      <c r="C1331">
        <v>0.6</v>
      </c>
    </row>
    <row r="1332" spans="1:3" x14ac:dyDescent="0.25">
      <c r="A1332">
        <v>0.76</v>
      </c>
      <c r="B1332">
        <v>26</v>
      </c>
      <c r="C1332">
        <v>0.75</v>
      </c>
    </row>
    <row r="1333" spans="1:3" x14ac:dyDescent="0.25">
      <c r="A1333">
        <v>0.75</v>
      </c>
      <c r="B1333">
        <v>26</v>
      </c>
      <c r="C1333">
        <v>0.21</v>
      </c>
    </row>
    <row r="1334" spans="1:3" x14ac:dyDescent="0.25">
      <c r="A1334">
        <v>0.75</v>
      </c>
      <c r="B1334">
        <v>26</v>
      </c>
      <c r="C1334">
        <v>0.67</v>
      </c>
    </row>
    <row r="1335" spans="1:3" x14ac:dyDescent="0.25">
      <c r="A1335">
        <v>0.74</v>
      </c>
      <c r="B1335">
        <v>26</v>
      </c>
      <c r="C1335">
        <v>0.84</v>
      </c>
    </row>
    <row r="1336" spans="1:3" x14ac:dyDescent="0.25">
      <c r="A1336">
        <v>0.71</v>
      </c>
      <c r="B1336">
        <v>26</v>
      </c>
      <c r="C1336">
        <v>0.48</v>
      </c>
    </row>
    <row r="1337" spans="1:3" x14ac:dyDescent="0.25">
      <c r="A1337">
        <v>0.7</v>
      </c>
      <c r="B1337">
        <v>26</v>
      </c>
      <c r="C1337">
        <v>0.56000000000000005</v>
      </c>
    </row>
    <row r="1338" spans="1:3" x14ac:dyDescent="0.25">
      <c r="A1338">
        <v>0.7</v>
      </c>
      <c r="B1338">
        <v>26</v>
      </c>
      <c r="C1338">
        <v>0.72</v>
      </c>
    </row>
    <row r="1339" spans="1:3" x14ac:dyDescent="0.25">
      <c r="A1339">
        <v>0.67</v>
      </c>
      <c r="B1339">
        <v>26</v>
      </c>
      <c r="C1339">
        <v>0.36</v>
      </c>
    </row>
    <row r="1340" spans="1:3" x14ac:dyDescent="0.25">
      <c r="A1340">
        <v>0.67</v>
      </c>
      <c r="B1340">
        <v>26</v>
      </c>
      <c r="C1340">
        <v>0.27</v>
      </c>
    </row>
    <row r="1341" spans="1:3" x14ac:dyDescent="0.25">
      <c r="A1341">
        <v>0.66</v>
      </c>
      <c r="B1341">
        <v>26</v>
      </c>
      <c r="C1341">
        <v>0.22</v>
      </c>
    </row>
    <row r="1342" spans="1:3" x14ac:dyDescent="0.25">
      <c r="A1342">
        <v>0.65</v>
      </c>
      <c r="B1342">
        <v>26</v>
      </c>
      <c r="C1342">
        <v>0.76</v>
      </c>
    </row>
    <row r="1343" spans="1:3" x14ac:dyDescent="0.25">
      <c r="A1343">
        <v>0.65</v>
      </c>
      <c r="B1343">
        <v>26</v>
      </c>
      <c r="C1343">
        <v>0.44</v>
      </c>
    </row>
    <row r="1344" spans="1:3" x14ac:dyDescent="0.25">
      <c r="A1344">
        <v>0.65</v>
      </c>
      <c r="B1344">
        <v>26</v>
      </c>
      <c r="C1344">
        <v>0.91</v>
      </c>
    </row>
    <row r="1345" spans="1:3" x14ac:dyDescent="0.25">
      <c r="A1345">
        <v>0.63</v>
      </c>
      <c r="B1345">
        <v>26</v>
      </c>
      <c r="C1345">
        <v>0.4</v>
      </c>
    </row>
    <row r="1346" spans="1:3" x14ac:dyDescent="0.25">
      <c r="A1346">
        <v>0.63</v>
      </c>
      <c r="B1346">
        <v>26</v>
      </c>
      <c r="C1346">
        <v>0.3</v>
      </c>
    </row>
    <row r="1347" spans="1:3" x14ac:dyDescent="0.25">
      <c r="A1347">
        <v>0.61</v>
      </c>
      <c r="B1347">
        <v>26</v>
      </c>
      <c r="C1347">
        <v>0.6</v>
      </c>
    </row>
    <row r="1348" spans="1:3" x14ac:dyDescent="0.25">
      <c r="A1348">
        <v>0.6</v>
      </c>
      <c r="B1348">
        <v>26</v>
      </c>
      <c r="C1348">
        <v>0.53</v>
      </c>
    </row>
    <row r="1349" spans="1:3" x14ac:dyDescent="0.25">
      <c r="A1349">
        <v>0.57999999999999996</v>
      </c>
      <c r="B1349">
        <v>26</v>
      </c>
      <c r="C1349">
        <v>0.8</v>
      </c>
    </row>
    <row r="1350" spans="1:3" x14ac:dyDescent="0.25">
      <c r="A1350">
        <v>0.56999999999999995</v>
      </c>
      <c r="B1350">
        <v>26</v>
      </c>
      <c r="C1350">
        <v>0.52</v>
      </c>
    </row>
    <row r="1351" spans="1:3" x14ac:dyDescent="0.25">
      <c r="A1351">
        <v>0.56000000000000005</v>
      </c>
      <c r="B1351">
        <v>26</v>
      </c>
      <c r="C1351">
        <v>0.59</v>
      </c>
    </row>
    <row r="1352" spans="1:3" x14ac:dyDescent="0.25">
      <c r="A1352">
        <v>0.56000000000000005</v>
      </c>
      <c r="B1352">
        <v>26</v>
      </c>
      <c r="C1352">
        <v>0.9</v>
      </c>
    </row>
    <row r="1353" spans="1:3" x14ac:dyDescent="0.25">
      <c r="A1353">
        <v>0.52</v>
      </c>
      <c r="B1353">
        <v>26</v>
      </c>
      <c r="C1353">
        <v>0.14000000000000001</v>
      </c>
    </row>
    <row r="1354" spans="1:3" x14ac:dyDescent="0.25">
      <c r="A1354">
        <v>0.52</v>
      </c>
      <c r="B1354">
        <v>26</v>
      </c>
      <c r="C1354">
        <v>0.62</v>
      </c>
    </row>
    <row r="1355" spans="1:3" x14ac:dyDescent="0.25">
      <c r="A1355">
        <v>0.52</v>
      </c>
      <c r="B1355">
        <v>26</v>
      </c>
      <c r="C1355">
        <v>0.37</v>
      </c>
    </row>
    <row r="1356" spans="1:3" x14ac:dyDescent="0.25">
      <c r="A1356">
        <v>0.51</v>
      </c>
      <c r="B1356">
        <v>26</v>
      </c>
      <c r="C1356">
        <v>0.62</v>
      </c>
    </row>
    <row r="1357" spans="1:3" x14ac:dyDescent="0.25">
      <c r="A1357">
        <v>0.5</v>
      </c>
      <c r="B1357">
        <v>26</v>
      </c>
      <c r="C1357">
        <v>0.83</v>
      </c>
    </row>
    <row r="1358" spans="1:3" x14ac:dyDescent="0.25">
      <c r="A1358">
        <v>0.5</v>
      </c>
      <c r="B1358">
        <v>26</v>
      </c>
      <c r="C1358">
        <v>0.79</v>
      </c>
    </row>
    <row r="1359" spans="1:3" x14ac:dyDescent="0.25">
      <c r="A1359">
        <v>0.99</v>
      </c>
      <c r="B1359">
        <v>27</v>
      </c>
      <c r="C1359">
        <v>0.21</v>
      </c>
    </row>
    <row r="1360" spans="1:3" x14ac:dyDescent="0.25">
      <c r="A1360">
        <v>0.99</v>
      </c>
      <c r="B1360">
        <v>27</v>
      </c>
      <c r="C1360">
        <v>0.69</v>
      </c>
    </row>
    <row r="1361" spans="1:3" x14ac:dyDescent="0.25">
      <c r="A1361">
        <v>0.99</v>
      </c>
      <c r="B1361">
        <v>27</v>
      </c>
      <c r="C1361">
        <v>0.33</v>
      </c>
    </row>
    <row r="1362" spans="1:3" x14ac:dyDescent="0.25">
      <c r="A1362">
        <v>0.98</v>
      </c>
      <c r="B1362">
        <v>27</v>
      </c>
      <c r="C1362">
        <v>0.55000000000000004</v>
      </c>
    </row>
    <row r="1363" spans="1:3" x14ac:dyDescent="0.25">
      <c r="A1363">
        <v>0.98</v>
      </c>
      <c r="B1363">
        <v>27</v>
      </c>
      <c r="C1363">
        <v>0.21</v>
      </c>
    </row>
    <row r="1364" spans="1:3" x14ac:dyDescent="0.25">
      <c r="A1364">
        <v>0.96</v>
      </c>
      <c r="B1364">
        <v>27</v>
      </c>
      <c r="C1364">
        <v>0.34</v>
      </c>
    </row>
    <row r="1365" spans="1:3" x14ac:dyDescent="0.25">
      <c r="A1365">
        <v>0.96</v>
      </c>
      <c r="B1365">
        <v>27</v>
      </c>
      <c r="C1365">
        <v>0.09</v>
      </c>
    </row>
    <row r="1366" spans="1:3" x14ac:dyDescent="0.25">
      <c r="A1366">
        <v>0.92</v>
      </c>
      <c r="B1366">
        <v>27</v>
      </c>
      <c r="C1366">
        <v>0.42</v>
      </c>
    </row>
    <row r="1367" spans="1:3" x14ac:dyDescent="0.25">
      <c r="A1367">
        <v>0.92</v>
      </c>
      <c r="B1367">
        <v>27</v>
      </c>
      <c r="C1367">
        <v>0.61</v>
      </c>
    </row>
    <row r="1368" spans="1:3" x14ac:dyDescent="0.25">
      <c r="A1368">
        <v>0.92</v>
      </c>
      <c r="B1368">
        <v>27</v>
      </c>
      <c r="C1368">
        <v>0.38</v>
      </c>
    </row>
    <row r="1369" spans="1:3" x14ac:dyDescent="0.25">
      <c r="A1369">
        <v>0.91</v>
      </c>
      <c r="B1369">
        <v>27</v>
      </c>
      <c r="C1369">
        <v>0.84</v>
      </c>
    </row>
    <row r="1370" spans="1:3" x14ac:dyDescent="0.25">
      <c r="A1370">
        <v>0.9</v>
      </c>
      <c r="B1370">
        <v>27</v>
      </c>
      <c r="C1370">
        <v>0.89</v>
      </c>
    </row>
    <row r="1371" spans="1:3" x14ac:dyDescent="0.25">
      <c r="A1371">
        <v>0.88</v>
      </c>
      <c r="B1371">
        <v>27</v>
      </c>
      <c r="C1371">
        <v>0.14000000000000001</v>
      </c>
    </row>
    <row r="1372" spans="1:3" x14ac:dyDescent="0.25">
      <c r="A1372">
        <v>0.87</v>
      </c>
      <c r="B1372">
        <v>27</v>
      </c>
      <c r="C1372">
        <v>0.92</v>
      </c>
    </row>
    <row r="1373" spans="1:3" x14ac:dyDescent="0.25">
      <c r="A1373">
        <v>0.86</v>
      </c>
      <c r="B1373">
        <v>27</v>
      </c>
      <c r="C1373">
        <v>0.41</v>
      </c>
    </row>
    <row r="1374" spans="1:3" x14ac:dyDescent="0.25">
      <c r="A1374">
        <v>0.86</v>
      </c>
      <c r="B1374">
        <v>27</v>
      </c>
      <c r="C1374">
        <v>0.38</v>
      </c>
    </row>
    <row r="1375" spans="1:3" x14ac:dyDescent="0.25">
      <c r="A1375">
        <v>0.85</v>
      </c>
      <c r="B1375">
        <v>27</v>
      </c>
      <c r="C1375">
        <v>0.62</v>
      </c>
    </row>
    <row r="1376" spans="1:3" x14ac:dyDescent="0.25">
      <c r="A1376">
        <v>0.83</v>
      </c>
      <c r="B1376">
        <v>27</v>
      </c>
      <c r="C1376">
        <v>0.74</v>
      </c>
    </row>
    <row r="1377" spans="1:3" x14ac:dyDescent="0.25">
      <c r="A1377">
        <v>0.82</v>
      </c>
      <c r="B1377">
        <v>27</v>
      </c>
      <c r="C1377">
        <v>0.75</v>
      </c>
    </row>
    <row r="1378" spans="1:3" x14ac:dyDescent="0.25">
      <c r="A1378">
        <v>0.82</v>
      </c>
      <c r="B1378">
        <v>27</v>
      </c>
      <c r="C1378">
        <v>0.1</v>
      </c>
    </row>
    <row r="1379" spans="1:3" x14ac:dyDescent="0.25">
      <c r="A1379">
        <v>0.81</v>
      </c>
      <c r="B1379">
        <v>27</v>
      </c>
      <c r="C1379">
        <v>0.32</v>
      </c>
    </row>
    <row r="1380" spans="1:3" x14ac:dyDescent="0.25">
      <c r="A1380">
        <v>0.81</v>
      </c>
      <c r="B1380">
        <v>27</v>
      </c>
      <c r="C1380">
        <v>0.5</v>
      </c>
    </row>
    <row r="1381" spans="1:3" x14ac:dyDescent="0.25">
      <c r="A1381">
        <v>0.8</v>
      </c>
      <c r="B1381">
        <v>27</v>
      </c>
      <c r="C1381">
        <v>0.44</v>
      </c>
    </row>
    <row r="1382" spans="1:3" x14ac:dyDescent="0.25">
      <c r="A1382">
        <v>0.8</v>
      </c>
      <c r="B1382">
        <v>27</v>
      </c>
      <c r="C1382">
        <v>0.15</v>
      </c>
    </row>
    <row r="1383" spans="1:3" x14ac:dyDescent="0.25">
      <c r="A1383">
        <v>0.8</v>
      </c>
      <c r="B1383">
        <v>27</v>
      </c>
      <c r="C1383">
        <v>0.84</v>
      </c>
    </row>
    <row r="1384" spans="1:3" x14ac:dyDescent="0.25">
      <c r="A1384">
        <v>0.79</v>
      </c>
      <c r="B1384">
        <v>27</v>
      </c>
      <c r="C1384">
        <v>0.84</v>
      </c>
    </row>
    <row r="1385" spans="1:3" x14ac:dyDescent="0.25">
      <c r="A1385">
        <v>0.77</v>
      </c>
      <c r="B1385">
        <v>27</v>
      </c>
      <c r="C1385">
        <v>0.12</v>
      </c>
    </row>
    <row r="1386" spans="1:3" x14ac:dyDescent="0.25">
      <c r="A1386">
        <v>0.75</v>
      </c>
      <c r="B1386">
        <v>27</v>
      </c>
      <c r="C1386">
        <v>0.91</v>
      </c>
    </row>
    <row r="1387" spans="1:3" x14ac:dyDescent="0.25">
      <c r="A1387">
        <v>0.74</v>
      </c>
      <c r="B1387">
        <v>27</v>
      </c>
      <c r="C1387">
        <v>0.56000000000000005</v>
      </c>
    </row>
    <row r="1388" spans="1:3" x14ac:dyDescent="0.25">
      <c r="A1388">
        <v>0.73</v>
      </c>
      <c r="B1388">
        <v>27</v>
      </c>
      <c r="C1388">
        <v>0.36</v>
      </c>
    </row>
    <row r="1389" spans="1:3" x14ac:dyDescent="0.25">
      <c r="A1389">
        <v>0.73</v>
      </c>
      <c r="B1389">
        <v>27</v>
      </c>
      <c r="C1389">
        <v>0.34</v>
      </c>
    </row>
    <row r="1390" spans="1:3" x14ac:dyDescent="0.25">
      <c r="A1390">
        <v>0.72</v>
      </c>
      <c r="B1390">
        <v>27</v>
      </c>
      <c r="C1390">
        <v>0.15</v>
      </c>
    </row>
    <row r="1391" spans="1:3" x14ac:dyDescent="0.25">
      <c r="A1391">
        <v>0.72</v>
      </c>
      <c r="B1391">
        <v>27</v>
      </c>
      <c r="C1391">
        <v>0.7</v>
      </c>
    </row>
    <row r="1392" spans="1:3" x14ac:dyDescent="0.25">
      <c r="A1392">
        <v>0.7</v>
      </c>
      <c r="B1392">
        <v>27</v>
      </c>
      <c r="C1392">
        <v>0.15</v>
      </c>
    </row>
    <row r="1393" spans="1:3" x14ac:dyDescent="0.25">
      <c r="A1393">
        <v>0.68</v>
      </c>
      <c r="B1393">
        <v>27</v>
      </c>
      <c r="C1393">
        <v>0.5</v>
      </c>
    </row>
    <row r="1394" spans="1:3" x14ac:dyDescent="0.25">
      <c r="A1394">
        <v>0.67</v>
      </c>
      <c r="B1394">
        <v>27</v>
      </c>
      <c r="C1394">
        <v>0.77</v>
      </c>
    </row>
    <row r="1395" spans="1:3" x14ac:dyDescent="0.25">
      <c r="A1395">
        <v>0.67</v>
      </c>
      <c r="B1395">
        <v>27</v>
      </c>
      <c r="C1395">
        <v>0.76</v>
      </c>
    </row>
    <row r="1396" spans="1:3" x14ac:dyDescent="0.25">
      <c r="A1396">
        <v>0.66</v>
      </c>
      <c r="B1396">
        <v>27</v>
      </c>
      <c r="C1396">
        <v>0.44</v>
      </c>
    </row>
    <row r="1397" spans="1:3" x14ac:dyDescent="0.25">
      <c r="A1397">
        <v>0.66</v>
      </c>
      <c r="B1397">
        <v>27</v>
      </c>
      <c r="C1397">
        <v>0.56999999999999995</v>
      </c>
    </row>
    <row r="1398" spans="1:3" x14ac:dyDescent="0.25">
      <c r="A1398">
        <v>0.65</v>
      </c>
      <c r="B1398">
        <v>27</v>
      </c>
      <c r="C1398">
        <v>0.67</v>
      </c>
    </row>
    <row r="1399" spans="1:3" x14ac:dyDescent="0.25">
      <c r="A1399">
        <v>0.64</v>
      </c>
      <c r="B1399">
        <v>27</v>
      </c>
      <c r="C1399">
        <v>0.27</v>
      </c>
    </row>
    <row r="1400" spans="1:3" x14ac:dyDescent="0.25">
      <c r="A1400">
        <v>0.64</v>
      </c>
      <c r="B1400">
        <v>27</v>
      </c>
      <c r="C1400">
        <v>0.31</v>
      </c>
    </row>
    <row r="1401" spans="1:3" x14ac:dyDescent="0.25">
      <c r="A1401">
        <v>0.63</v>
      </c>
      <c r="B1401">
        <v>27</v>
      </c>
      <c r="C1401">
        <v>0.53</v>
      </c>
    </row>
    <row r="1402" spans="1:3" x14ac:dyDescent="0.25">
      <c r="A1402">
        <v>0.61</v>
      </c>
      <c r="B1402">
        <v>27</v>
      </c>
      <c r="C1402">
        <v>0.95</v>
      </c>
    </row>
    <row r="1403" spans="1:3" x14ac:dyDescent="0.25">
      <c r="A1403">
        <v>0.61</v>
      </c>
      <c r="B1403">
        <v>27</v>
      </c>
      <c r="C1403">
        <v>0.61</v>
      </c>
    </row>
    <row r="1404" spans="1:3" x14ac:dyDescent="0.25">
      <c r="A1404">
        <v>0.6</v>
      </c>
      <c r="B1404">
        <v>27</v>
      </c>
      <c r="C1404">
        <v>0.38</v>
      </c>
    </row>
    <row r="1405" spans="1:3" x14ac:dyDescent="0.25">
      <c r="A1405">
        <v>0.59</v>
      </c>
      <c r="B1405">
        <v>27</v>
      </c>
      <c r="C1405">
        <v>0.68</v>
      </c>
    </row>
    <row r="1406" spans="1:3" x14ac:dyDescent="0.25">
      <c r="A1406">
        <v>0.57999999999999996</v>
      </c>
      <c r="B1406">
        <v>27</v>
      </c>
      <c r="C1406">
        <v>0.9</v>
      </c>
    </row>
    <row r="1407" spans="1:3" x14ac:dyDescent="0.25">
      <c r="A1407">
        <v>0.57999999999999996</v>
      </c>
      <c r="B1407">
        <v>27</v>
      </c>
      <c r="C1407">
        <v>0.27</v>
      </c>
    </row>
    <row r="1408" spans="1:3" x14ac:dyDescent="0.25">
      <c r="A1408">
        <v>0.56999999999999995</v>
      </c>
      <c r="B1408">
        <v>27</v>
      </c>
      <c r="C1408">
        <v>0.85</v>
      </c>
    </row>
    <row r="1409" spans="1:3" x14ac:dyDescent="0.25">
      <c r="A1409">
        <v>0.56000000000000005</v>
      </c>
      <c r="B1409">
        <v>27</v>
      </c>
      <c r="C1409">
        <v>0.44</v>
      </c>
    </row>
    <row r="1410" spans="1:3" x14ac:dyDescent="0.25">
      <c r="A1410">
        <v>0.55000000000000004</v>
      </c>
      <c r="B1410">
        <v>27</v>
      </c>
      <c r="C1410">
        <v>0.36</v>
      </c>
    </row>
    <row r="1411" spans="1:3" x14ac:dyDescent="0.25">
      <c r="A1411">
        <v>0.55000000000000004</v>
      </c>
      <c r="B1411">
        <v>27</v>
      </c>
      <c r="C1411">
        <v>0.43</v>
      </c>
    </row>
    <row r="1412" spans="1:3" x14ac:dyDescent="0.25">
      <c r="A1412">
        <v>0.54</v>
      </c>
      <c r="B1412">
        <v>27</v>
      </c>
      <c r="C1412">
        <v>0.4</v>
      </c>
    </row>
    <row r="1413" spans="1:3" x14ac:dyDescent="0.25">
      <c r="A1413">
        <v>0.54</v>
      </c>
      <c r="B1413">
        <v>27</v>
      </c>
      <c r="C1413">
        <v>0.78</v>
      </c>
    </row>
    <row r="1414" spans="1:3" x14ac:dyDescent="0.25">
      <c r="A1414">
        <v>0.52</v>
      </c>
      <c r="B1414">
        <v>27</v>
      </c>
      <c r="C1414">
        <v>0.3</v>
      </c>
    </row>
    <row r="1415" spans="1:3" x14ac:dyDescent="0.25">
      <c r="A1415">
        <v>0.51</v>
      </c>
      <c r="B1415">
        <v>27</v>
      </c>
      <c r="C1415">
        <v>0.43</v>
      </c>
    </row>
    <row r="1416" spans="1:3" x14ac:dyDescent="0.25">
      <c r="A1416">
        <v>0.51</v>
      </c>
      <c r="B1416">
        <v>27</v>
      </c>
      <c r="C1416">
        <v>0.31</v>
      </c>
    </row>
    <row r="1417" spans="1:3" x14ac:dyDescent="0.25">
      <c r="A1417">
        <v>0.5</v>
      </c>
      <c r="B1417">
        <v>27</v>
      </c>
      <c r="C1417">
        <v>0.14000000000000001</v>
      </c>
    </row>
    <row r="1418" spans="1:3" x14ac:dyDescent="0.25">
      <c r="A1418">
        <v>0.99</v>
      </c>
      <c r="B1418">
        <v>28</v>
      </c>
      <c r="C1418">
        <v>0.93</v>
      </c>
    </row>
    <row r="1419" spans="1:3" x14ac:dyDescent="0.25">
      <c r="A1419">
        <v>0.98</v>
      </c>
      <c r="B1419">
        <v>28</v>
      </c>
      <c r="C1419">
        <v>0.52</v>
      </c>
    </row>
    <row r="1420" spans="1:3" x14ac:dyDescent="0.25">
      <c r="A1420">
        <v>0.98</v>
      </c>
      <c r="B1420">
        <v>28</v>
      </c>
      <c r="C1420">
        <v>0.28000000000000003</v>
      </c>
    </row>
    <row r="1421" spans="1:3" x14ac:dyDescent="0.25">
      <c r="A1421">
        <v>0.96</v>
      </c>
      <c r="B1421">
        <v>28</v>
      </c>
      <c r="C1421">
        <v>0.48</v>
      </c>
    </row>
    <row r="1422" spans="1:3" x14ac:dyDescent="0.25">
      <c r="A1422">
        <v>0.96</v>
      </c>
      <c r="B1422">
        <v>28</v>
      </c>
      <c r="C1422">
        <v>0.71</v>
      </c>
    </row>
    <row r="1423" spans="1:3" x14ac:dyDescent="0.25">
      <c r="A1423">
        <v>0.95</v>
      </c>
      <c r="B1423">
        <v>28</v>
      </c>
      <c r="C1423">
        <v>0.46</v>
      </c>
    </row>
    <row r="1424" spans="1:3" x14ac:dyDescent="0.25">
      <c r="A1424">
        <v>0.95</v>
      </c>
      <c r="B1424">
        <v>28</v>
      </c>
      <c r="C1424">
        <v>0.1</v>
      </c>
    </row>
    <row r="1425" spans="1:3" x14ac:dyDescent="0.25">
      <c r="A1425">
        <v>0.94</v>
      </c>
      <c r="B1425">
        <v>28</v>
      </c>
      <c r="C1425">
        <v>0.24</v>
      </c>
    </row>
    <row r="1426" spans="1:3" x14ac:dyDescent="0.25">
      <c r="A1426">
        <v>0.94</v>
      </c>
      <c r="B1426">
        <v>28</v>
      </c>
      <c r="C1426">
        <v>0.66</v>
      </c>
    </row>
    <row r="1427" spans="1:3" x14ac:dyDescent="0.25">
      <c r="A1427">
        <v>0.94</v>
      </c>
      <c r="B1427">
        <v>28</v>
      </c>
      <c r="C1427">
        <v>0.6</v>
      </c>
    </row>
    <row r="1428" spans="1:3" x14ac:dyDescent="0.25">
      <c r="A1428">
        <v>0.93</v>
      </c>
      <c r="B1428">
        <v>28</v>
      </c>
      <c r="C1428">
        <v>0.78</v>
      </c>
    </row>
    <row r="1429" spans="1:3" x14ac:dyDescent="0.25">
      <c r="A1429">
        <v>0.91</v>
      </c>
      <c r="B1429">
        <v>28</v>
      </c>
      <c r="C1429">
        <v>0.19</v>
      </c>
    </row>
    <row r="1430" spans="1:3" x14ac:dyDescent="0.25">
      <c r="A1430">
        <v>0.91</v>
      </c>
      <c r="B1430">
        <v>28</v>
      </c>
      <c r="C1430">
        <v>0.22</v>
      </c>
    </row>
    <row r="1431" spans="1:3" x14ac:dyDescent="0.25">
      <c r="A1431">
        <v>0.89</v>
      </c>
      <c r="B1431">
        <v>28</v>
      </c>
      <c r="C1431">
        <v>0.77</v>
      </c>
    </row>
    <row r="1432" spans="1:3" x14ac:dyDescent="0.25">
      <c r="A1432">
        <v>0.88</v>
      </c>
      <c r="B1432">
        <v>28</v>
      </c>
      <c r="C1432">
        <v>0.48</v>
      </c>
    </row>
    <row r="1433" spans="1:3" x14ac:dyDescent="0.25">
      <c r="A1433">
        <v>0.86</v>
      </c>
      <c r="B1433">
        <v>28</v>
      </c>
      <c r="C1433">
        <v>0.75</v>
      </c>
    </row>
    <row r="1434" spans="1:3" x14ac:dyDescent="0.25">
      <c r="A1434">
        <v>0.85</v>
      </c>
      <c r="B1434">
        <v>28</v>
      </c>
      <c r="C1434">
        <v>0.36</v>
      </c>
    </row>
    <row r="1435" spans="1:3" x14ac:dyDescent="0.25">
      <c r="A1435">
        <v>0.84</v>
      </c>
      <c r="B1435">
        <v>28</v>
      </c>
      <c r="C1435">
        <v>0.16</v>
      </c>
    </row>
    <row r="1436" spans="1:3" x14ac:dyDescent="0.25">
      <c r="A1436">
        <v>0.83</v>
      </c>
      <c r="B1436">
        <v>28</v>
      </c>
      <c r="C1436">
        <v>0.28000000000000003</v>
      </c>
    </row>
    <row r="1437" spans="1:3" x14ac:dyDescent="0.25">
      <c r="A1437">
        <v>0.82</v>
      </c>
      <c r="B1437">
        <v>28</v>
      </c>
      <c r="C1437">
        <v>0.72</v>
      </c>
    </row>
    <row r="1438" spans="1:3" x14ac:dyDescent="0.25">
      <c r="A1438">
        <v>0.81</v>
      </c>
      <c r="B1438">
        <v>28</v>
      </c>
      <c r="C1438">
        <v>0.37</v>
      </c>
    </row>
    <row r="1439" spans="1:3" x14ac:dyDescent="0.25">
      <c r="A1439">
        <v>0.79</v>
      </c>
      <c r="B1439">
        <v>28</v>
      </c>
      <c r="C1439">
        <v>0.06</v>
      </c>
    </row>
    <row r="1440" spans="1:3" x14ac:dyDescent="0.25">
      <c r="A1440">
        <v>0.78</v>
      </c>
      <c r="B1440">
        <v>28</v>
      </c>
      <c r="C1440">
        <v>0.84</v>
      </c>
    </row>
    <row r="1441" spans="1:3" x14ac:dyDescent="0.25">
      <c r="A1441">
        <v>0.78</v>
      </c>
      <c r="B1441">
        <v>28</v>
      </c>
      <c r="C1441">
        <v>0.75</v>
      </c>
    </row>
    <row r="1442" spans="1:3" x14ac:dyDescent="0.25">
      <c r="A1442">
        <v>0.78</v>
      </c>
      <c r="B1442">
        <v>28</v>
      </c>
      <c r="C1442">
        <v>0.41</v>
      </c>
    </row>
    <row r="1443" spans="1:3" x14ac:dyDescent="0.25">
      <c r="A1443">
        <v>0.77</v>
      </c>
      <c r="B1443">
        <v>28</v>
      </c>
      <c r="C1443">
        <v>0.12</v>
      </c>
    </row>
    <row r="1444" spans="1:3" x14ac:dyDescent="0.25">
      <c r="A1444">
        <v>0.77</v>
      </c>
      <c r="B1444">
        <v>28</v>
      </c>
      <c r="C1444">
        <v>0.69</v>
      </c>
    </row>
    <row r="1445" spans="1:3" x14ac:dyDescent="0.25">
      <c r="A1445">
        <v>0.75</v>
      </c>
      <c r="B1445">
        <v>28</v>
      </c>
      <c r="C1445">
        <v>0.53</v>
      </c>
    </row>
    <row r="1446" spans="1:3" x14ac:dyDescent="0.25">
      <c r="A1446">
        <v>0.74</v>
      </c>
      <c r="B1446">
        <v>28</v>
      </c>
      <c r="C1446">
        <v>0.54</v>
      </c>
    </row>
    <row r="1447" spans="1:3" x14ac:dyDescent="0.25">
      <c r="A1447">
        <v>0.74</v>
      </c>
      <c r="B1447">
        <v>28</v>
      </c>
      <c r="C1447">
        <v>0.87</v>
      </c>
    </row>
    <row r="1448" spans="1:3" x14ac:dyDescent="0.25">
      <c r="A1448">
        <v>0.73</v>
      </c>
      <c r="B1448">
        <v>28</v>
      </c>
      <c r="C1448">
        <v>0.48</v>
      </c>
    </row>
    <row r="1449" spans="1:3" x14ac:dyDescent="0.25">
      <c r="A1449">
        <v>0.67</v>
      </c>
      <c r="B1449">
        <v>28</v>
      </c>
      <c r="C1449">
        <v>0.56999999999999995</v>
      </c>
    </row>
    <row r="1450" spans="1:3" x14ac:dyDescent="0.25">
      <c r="A1450">
        <v>0.64</v>
      </c>
      <c r="B1450">
        <v>28</v>
      </c>
      <c r="C1450">
        <v>0.08</v>
      </c>
    </row>
    <row r="1451" spans="1:3" x14ac:dyDescent="0.25">
      <c r="A1451">
        <v>0.64</v>
      </c>
      <c r="B1451">
        <v>28</v>
      </c>
      <c r="C1451">
        <v>0.39</v>
      </c>
    </row>
    <row r="1452" spans="1:3" x14ac:dyDescent="0.25">
      <c r="A1452">
        <v>0.63</v>
      </c>
      <c r="B1452">
        <v>28</v>
      </c>
      <c r="C1452">
        <v>0.93</v>
      </c>
    </row>
    <row r="1453" spans="1:3" x14ac:dyDescent="0.25">
      <c r="A1453">
        <v>0.63</v>
      </c>
      <c r="B1453">
        <v>28</v>
      </c>
      <c r="C1453">
        <v>0.21</v>
      </c>
    </row>
    <row r="1454" spans="1:3" x14ac:dyDescent="0.25">
      <c r="A1454">
        <v>0.62</v>
      </c>
      <c r="B1454">
        <v>28</v>
      </c>
      <c r="C1454">
        <v>0.22</v>
      </c>
    </row>
    <row r="1455" spans="1:3" x14ac:dyDescent="0.25">
      <c r="A1455">
        <v>0.61</v>
      </c>
      <c r="B1455">
        <v>28</v>
      </c>
      <c r="C1455">
        <v>0.45</v>
      </c>
    </row>
    <row r="1456" spans="1:3" x14ac:dyDescent="0.25">
      <c r="A1456">
        <v>0.59</v>
      </c>
      <c r="B1456">
        <v>28</v>
      </c>
      <c r="C1456">
        <v>0.09</v>
      </c>
    </row>
    <row r="1457" spans="1:3" x14ac:dyDescent="0.25">
      <c r="A1457">
        <v>0.59</v>
      </c>
      <c r="B1457">
        <v>28</v>
      </c>
      <c r="C1457">
        <v>0.81</v>
      </c>
    </row>
    <row r="1458" spans="1:3" x14ac:dyDescent="0.25">
      <c r="A1458">
        <v>0.59</v>
      </c>
      <c r="B1458">
        <v>28</v>
      </c>
      <c r="C1458">
        <v>0.81</v>
      </c>
    </row>
    <row r="1459" spans="1:3" x14ac:dyDescent="0.25">
      <c r="A1459">
        <v>0.57999999999999996</v>
      </c>
      <c r="B1459">
        <v>28</v>
      </c>
      <c r="C1459">
        <v>0.47</v>
      </c>
    </row>
    <row r="1460" spans="1:3" x14ac:dyDescent="0.25">
      <c r="A1460">
        <v>0.56999999999999995</v>
      </c>
      <c r="B1460">
        <v>28</v>
      </c>
      <c r="C1460">
        <v>0.82</v>
      </c>
    </row>
    <row r="1461" spans="1:3" x14ac:dyDescent="0.25">
      <c r="A1461">
        <v>0.55000000000000004</v>
      </c>
      <c r="B1461">
        <v>28</v>
      </c>
      <c r="C1461">
        <v>0.75</v>
      </c>
    </row>
    <row r="1462" spans="1:3" x14ac:dyDescent="0.25">
      <c r="A1462">
        <v>0.53</v>
      </c>
      <c r="B1462">
        <v>28</v>
      </c>
      <c r="C1462">
        <v>0.85</v>
      </c>
    </row>
    <row r="1463" spans="1:3" x14ac:dyDescent="0.25">
      <c r="A1463">
        <v>0.52</v>
      </c>
      <c r="B1463">
        <v>28</v>
      </c>
      <c r="C1463">
        <v>0.43</v>
      </c>
    </row>
    <row r="1464" spans="1:3" x14ac:dyDescent="0.25">
      <c r="A1464">
        <v>0.51</v>
      </c>
      <c r="B1464">
        <v>28</v>
      </c>
      <c r="C1464">
        <v>0.33</v>
      </c>
    </row>
    <row r="1465" spans="1:3" x14ac:dyDescent="0.25">
      <c r="A1465">
        <v>0.5</v>
      </c>
      <c r="B1465">
        <v>28</v>
      </c>
      <c r="C1465">
        <v>0.88</v>
      </c>
    </row>
    <row r="1466" spans="1:3" x14ac:dyDescent="0.25">
      <c r="A1466">
        <v>0.5</v>
      </c>
      <c r="B1466">
        <v>28</v>
      </c>
      <c r="C1466">
        <v>0.33</v>
      </c>
    </row>
    <row r="1467" spans="1:3" x14ac:dyDescent="0.25">
      <c r="A1467">
        <v>0.5</v>
      </c>
      <c r="B1467">
        <v>28</v>
      </c>
      <c r="C1467">
        <v>0.15</v>
      </c>
    </row>
    <row r="1468" spans="1:3" x14ac:dyDescent="0.25">
      <c r="A1468">
        <v>0.99</v>
      </c>
      <c r="B1468">
        <v>29</v>
      </c>
      <c r="C1468">
        <v>0.12</v>
      </c>
    </row>
    <row r="1469" spans="1:3" x14ac:dyDescent="0.25">
      <c r="A1469">
        <v>0.98</v>
      </c>
      <c r="B1469">
        <v>29</v>
      </c>
      <c r="C1469">
        <v>0.79</v>
      </c>
    </row>
    <row r="1470" spans="1:3" x14ac:dyDescent="0.25">
      <c r="A1470">
        <v>0.98</v>
      </c>
      <c r="B1470">
        <v>29</v>
      </c>
      <c r="C1470">
        <v>0.64</v>
      </c>
    </row>
    <row r="1471" spans="1:3" x14ac:dyDescent="0.25">
      <c r="A1471">
        <v>0.97</v>
      </c>
      <c r="B1471">
        <v>29</v>
      </c>
      <c r="C1471">
        <v>0.27</v>
      </c>
    </row>
    <row r="1472" spans="1:3" x14ac:dyDescent="0.25">
      <c r="A1472">
        <v>0.96</v>
      </c>
      <c r="B1472">
        <v>29</v>
      </c>
      <c r="C1472">
        <v>0.12</v>
      </c>
    </row>
    <row r="1473" spans="1:3" x14ac:dyDescent="0.25">
      <c r="A1473">
        <v>0.94</v>
      </c>
      <c r="B1473">
        <v>29</v>
      </c>
      <c r="C1473">
        <v>0.38</v>
      </c>
    </row>
    <row r="1474" spans="1:3" x14ac:dyDescent="0.25">
      <c r="A1474">
        <v>0.94</v>
      </c>
      <c r="B1474">
        <v>29</v>
      </c>
      <c r="C1474">
        <v>0.3</v>
      </c>
    </row>
    <row r="1475" spans="1:3" x14ac:dyDescent="0.25">
      <c r="A1475">
        <v>0.93</v>
      </c>
      <c r="B1475">
        <v>29</v>
      </c>
      <c r="C1475">
        <v>0.32</v>
      </c>
    </row>
    <row r="1476" spans="1:3" x14ac:dyDescent="0.25">
      <c r="A1476">
        <v>0.93</v>
      </c>
      <c r="B1476">
        <v>29</v>
      </c>
      <c r="C1476">
        <v>0.86</v>
      </c>
    </row>
    <row r="1477" spans="1:3" x14ac:dyDescent="0.25">
      <c r="A1477">
        <v>0.92</v>
      </c>
      <c r="B1477">
        <v>29</v>
      </c>
      <c r="C1477">
        <v>0.6</v>
      </c>
    </row>
    <row r="1478" spans="1:3" x14ac:dyDescent="0.25">
      <c r="A1478">
        <v>0.92</v>
      </c>
      <c r="B1478">
        <v>29</v>
      </c>
      <c r="C1478">
        <v>0.82</v>
      </c>
    </row>
    <row r="1479" spans="1:3" x14ac:dyDescent="0.25">
      <c r="A1479">
        <v>0.91</v>
      </c>
      <c r="B1479">
        <v>29</v>
      </c>
      <c r="C1479">
        <v>0.26</v>
      </c>
    </row>
    <row r="1480" spans="1:3" x14ac:dyDescent="0.25">
      <c r="A1480">
        <v>0.9</v>
      </c>
      <c r="B1480">
        <v>29</v>
      </c>
      <c r="C1480">
        <v>0.22</v>
      </c>
    </row>
    <row r="1481" spans="1:3" x14ac:dyDescent="0.25">
      <c r="A1481">
        <v>0.9</v>
      </c>
      <c r="B1481">
        <v>29</v>
      </c>
      <c r="C1481">
        <v>0.8</v>
      </c>
    </row>
    <row r="1482" spans="1:3" x14ac:dyDescent="0.25">
      <c r="A1482">
        <v>0.87</v>
      </c>
      <c r="B1482">
        <v>29</v>
      </c>
      <c r="C1482">
        <v>0.52</v>
      </c>
    </row>
    <row r="1483" spans="1:3" x14ac:dyDescent="0.25">
      <c r="A1483">
        <v>0.84</v>
      </c>
      <c r="B1483">
        <v>29</v>
      </c>
      <c r="C1483">
        <v>0.51</v>
      </c>
    </row>
    <row r="1484" spans="1:3" x14ac:dyDescent="0.25">
      <c r="A1484">
        <v>0.84</v>
      </c>
      <c r="B1484">
        <v>29</v>
      </c>
      <c r="C1484">
        <v>0.86</v>
      </c>
    </row>
    <row r="1485" spans="1:3" x14ac:dyDescent="0.25">
      <c r="A1485">
        <v>0.83</v>
      </c>
      <c r="B1485">
        <v>29</v>
      </c>
      <c r="C1485">
        <v>0.84</v>
      </c>
    </row>
    <row r="1486" spans="1:3" x14ac:dyDescent="0.25">
      <c r="A1486">
        <v>0.82</v>
      </c>
      <c r="B1486">
        <v>29</v>
      </c>
      <c r="C1486">
        <v>0.52</v>
      </c>
    </row>
    <row r="1487" spans="1:3" x14ac:dyDescent="0.25">
      <c r="A1487">
        <v>0.81</v>
      </c>
      <c r="B1487">
        <v>29</v>
      </c>
      <c r="C1487">
        <v>0.73</v>
      </c>
    </row>
    <row r="1488" spans="1:3" x14ac:dyDescent="0.25">
      <c r="A1488">
        <v>0.79</v>
      </c>
      <c r="B1488">
        <v>29</v>
      </c>
      <c r="C1488">
        <v>0.49</v>
      </c>
    </row>
    <row r="1489" spans="1:3" x14ac:dyDescent="0.25">
      <c r="A1489">
        <v>0.79</v>
      </c>
      <c r="B1489">
        <v>29</v>
      </c>
      <c r="C1489">
        <v>0.74</v>
      </c>
    </row>
    <row r="1490" spans="1:3" x14ac:dyDescent="0.25">
      <c r="A1490">
        <v>0.77</v>
      </c>
      <c r="B1490">
        <v>29</v>
      </c>
      <c r="C1490">
        <v>0.63</v>
      </c>
    </row>
    <row r="1491" spans="1:3" x14ac:dyDescent="0.25">
      <c r="A1491">
        <v>0.77</v>
      </c>
      <c r="B1491">
        <v>29</v>
      </c>
      <c r="C1491">
        <v>0.59</v>
      </c>
    </row>
    <row r="1492" spans="1:3" x14ac:dyDescent="0.25">
      <c r="A1492">
        <v>0.75</v>
      </c>
      <c r="B1492">
        <v>29</v>
      </c>
      <c r="C1492">
        <v>0.51</v>
      </c>
    </row>
    <row r="1493" spans="1:3" x14ac:dyDescent="0.25">
      <c r="A1493">
        <v>0.73</v>
      </c>
      <c r="B1493">
        <v>29</v>
      </c>
      <c r="C1493">
        <v>0.47</v>
      </c>
    </row>
    <row r="1494" spans="1:3" x14ac:dyDescent="0.25">
      <c r="A1494">
        <v>0.73</v>
      </c>
      <c r="B1494">
        <v>29</v>
      </c>
      <c r="C1494">
        <v>0.88</v>
      </c>
    </row>
    <row r="1495" spans="1:3" x14ac:dyDescent="0.25">
      <c r="A1495">
        <v>0.73</v>
      </c>
      <c r="B1495">
        <v>29</v>
      </c>
      <c r="C1495">
        <v>0.51</v>
      </c>
    </row>
    <row r="1496" spans="1:3" x14ac:dyDescent="0.25">
      <c r="A1496">
        <v>0.72</v>
      </c>
      <c r="B1496">
        <v>29</v>
      </c>
      <c r="C1496">
        <v>0.51</v>
      </c>
    </row>
    <row r="1497" spans="1:3" x14ac:dyDescent="0.25">
      <c r="A1497">
        <v>0.71</v>
      </c>
      <c r="B1497">
        <v>29</v>
      </c>
      <c r="C1497">
        <v>0.37</v>
      </c>
    </row>
    <row r="1498" spans="1:3" x14ac:dyDescent="0.25">
      <c r="A1498">
        <v>0.71</v>
      </c>
      <c r="B1498">
        <v>29</v>
      </c>
      <c r="C1498">
        <v>0.92</v>
      </c>
    </row>
    <row r="1499" spans="1:3" x14ac:dyDescent="0.25">
      <c r="A1499">
        <v>0.69</v>
      </c>
      <c r="B1499">
        <v>29</v>
      </c>
      <c r="C1499">
        <v>0.1</v>
      </c>
    </row>
    <row r="1500" spans="1:3" x14ac:dyDescent="0.25">
      <c r="A1500">
        <v>0.69</v>
      </c>
      <c r="B1500">
        <v>29</v>
      </c>
      <c r="C1500">
        <v>0.7</v>
      </c>
    </row>
    <row r="1501" spans="1:3" x14ac:dyDescent="0.25">
      <c r="A1501">
        <v>0.69</v>
      </c>
      <c r="B1501">
        <v>29</v>
      </c>
      <c r="C1501">
        <v>0.83</v>
      </c>
    </row>
    <row r="1502" spans="1:3" x14ac:dyDescent="0.25">
      <c r="A1502">
        <v>0.68</v>
      </c>
      <c r="B1502">
        <v>29</v>
      </c>
      <c r="C1502">
        <v>0.56999999999999995</v>
      </c>
    </row>
    <row r="1503" spans="1:3" x14ac:dyDescent="0.25">
      <c r="A1503">
        <v>0.67</v>
      </c>
      <c r="B1503">
        <v>29</v>
      </c>
      <c r="C1503">
        <v>0.05</v>
      </c>
    </row>
    <row r="1504" spans="1:3" x14ac:dyDescent="0.25">
      <c r="A1504">
        <v>0.67</v>
      </c>
      <c r="B1504">
        <v>29</v>
      </c>
      <c r="C1504">
        <v>0.26</v>
      </c>
    </row>
    <row r="1505" spans="1:3" x14ac:dyDescent="0.25">
      <c r="A1505">
        <v>0.67</v>
      </c>
      <c r="B1505">
        <v>29</v>
      </c>
      <c r="C1505">
        <v>0.63</v>
      </c>
    </row>
    <row r="1506" spans="1:3" x14ac:dyDescent="0.25">
      <c r="A1506">
        <v>0.66</v>
      </c>
      <c r="B1506">
        <v>29</v>
      </c>
      <c r="C1506">
        <v>0.22</v>
      </c>
    </row>
    <row r="1507" spans="1:3" x14ac:dyDescent="0.25">
      <c r="A1507">
        <v>0.65</v>
      </c>
      <c r="B1507">
        <v>29</v>
      </c>
      <c r="C1507">
        <v>0.21</v>
      </c>
    </row>
    <row r="1508" spans="1:3" x14ac:dyDescent="0.25">
      <c r="A1508">
        <v>0.65</v>
      </c>
      <c r="B1508">
        <v>29</v>
      </c>
      <c r="C1508">
        <v>0.55000000000000004</v>
      </c>
    </row>
    <row r="1509" spans="1:3" x14ac:dyDescent="0.25">
      <c r="A1509">
        <v>0.65</v>
      </c>
      <c r="B1509">
        <v>29</v>
      </c>
      <c r="C1509">
        <v>0.61</v>
      </c>
    </row>
    <row r="1510" spans="1:3" x14ac:dyDescent="0.25">
      <c r="A1510">
        <v>0.65</v>
      </c>
      <c r="B1510">
        <v>29</v>
      </c>
      <c r="C1510">
        <v>0.35</v>
      </c>
    </row>
    <row r="1511" spans="1:3" x14ac:dyDescent="0.25">
      <c r="A1511">
        <v>0.64</v>
      </c>
      <c r="B1511">
        <v>29</v>
      </c>
      <c r="C1511">
        <v>0.22</v>
      </c>
    </row>
    <row r="1512" spans="1:3" x14ac:dyDescent="0.25">
      <c r="A1512">
        <v>0.64</v>
      </c>
      <c r="B1512">
        <v>29</v>
      </c>
      <c r="C1512">
        <v>0.42</v>
      </c>
    </row>
    <row r="1513" spans="1:3" x14ac:dyDescent="0.25">
      <c r="A1513">
        <v>0.64</v>
      </c>
      <c r="B1513">
        <v>29</v>
      </c>
      <c r="C1513">
        <v>0.31</v>
      </c>
    </row>
    <row r="1514" spans="1:3" x14ac:dyDescent="0.25">
      <c r="A1514">
        <v>0.61</v>
      </c>
      <c r="B1514">
        <v>29</v>
      </c>
      <c r="C1514">
        <v>0.7</v>
      </c>
    </row>
    <row r="1515" spans="1:3" x14ac:dyDescent="0.25">
      <c r="A1515">
        <v>0.61</v>
      </c>
      <c r="B1515">
        <v>29</v>
      </c>
      <c r="C1515">
        <v>0.13</v>
      </c>
    </row>
    <row r="1516" spans="1:3" x14ac:dyDescent="0.25">
      <c r="A1516">
        <v>0.61</v>
      </c>
      <c r="B1516">
        <v>29</v>
      </c>
      <c r="C1516">
        <v>0.73</v>
      </c>
    </row>
    <row r="1517" spans="1:3" x14ac:dyDescent="0.25">
      <c r="A1517">
        <v>0.61</v>
      </c>
      <c r="B1517">
        <v>29</v>
      </c>
      <c r="C1517">
        <v>0.44</v>
      </c>
    </row>
    <row r="1518" spans="1:3" x14ac:dyDescent="0.25">
      <c r="A1518">
        <v>0.59</v>
      </c>
      <c r="B1518">
        <v>29</v>
      </c>
      <c r="C1518">
        <v>0.33</v>
      </c>
    </row>
    <row r="1519" spans="1:3" x14ac:dyDescent="0.25">
      <c r="A1519">
        <v>0.57999999999999996</v>
      </c>
      <c r="B1519">
        <v>29</v>
      </c>
      <c r="C1519">
        <v>0.86</v>
      </c>
    </row>
    <row r="1520" spans="1:3" x14ac:dyDescent="0.25">
      <c r="A1520">
        <v>0.56999999999999995</v>
      </c>
      <c r="B1520">
        <v>29</v>
      </c>
      <c r="C1520">
        <v>0.76</v>
      </c>
    </row>
    <row r="1521" spans="1:3" x14ac:dyDescent="0.25">
      <c r="A1521">
        <v>0.56000000000000005</v>
      </c>
      <c r="B1521">
        <v>29</v>
      </c>
      <c r="C1521">
        <v>0.69</v>
      </c>
    </row>
    <row r="1522" spans="1:3" x14ac:dyDescent="0.25">
      <c r="A1522">
        <v>0.56000000000000005</v>
      </c>
      <c r="B1522">
        <v>29</v>
      </c>
      <c r="C1522">
        <v>0.61</v>
      </c>
    </row>
    <row r="1523" spans="1:3" x14ac:dyDescent="0.25">
      <c r="A1523">
        <v>0.53</v>
      </c>
      <c r="B1523">
        <v>29</v>
      </c>
      <c r="C1523">
        <v>0.36</v>
      </c>
    </row>
    <row r="1524" spans="1:3" x14ac:dyDescent="0.25">
      <c r="A1524">
        <v>0.53</v>
      </c>
      <c r="B1524">
        <v>29</v>
      </c>
      <c r="C1524">
        <v>0.18</v>
      </c>
    </row>
    <row r="1525" spans="1:3" x14ac:dyDescent="0.25">
      <c r="A1525">
        <v>0.53</v>
      </c>
      <c r="B1525">
        <v>29</v>
      </c>
      <c r="C1525">
        <v>0.45</v>
      </c>
    </row>
    <row r="1526" spans="1:3" x14ac:dyDescent="0.25">
      <c r="A1526">
        <v>0.53</v>
      </c>
      <c r="B1526">
        <v>29</v>
      </c>
      <c r="C1526">
        <v>0.35</v>
      </c>
    </row>
    <row r="1527" spans="1:3" x14ac:dyDescent="0.25">
      <c r="A1527">
        <v>0.52</v>
      </c>
      <c r="B1527">
        <v>29</v>
      </c>
      <c r="C1527">
        <v>0.56000000000000005</v>
      </c>
    </row>
    <row r="1528" spans="1:3" x14ac:dyDescent="0.25">
      <c r="A1528">
        <v>0.52</v>
      </c>
      <c r="B1528">
        <v>29</v>
      </c>
      <c r="C1528">
        <v>0.35</v>
      </c>
    </row>
    <row r="1529" spans="1:3" x14ac:dyDescent="0.25">
      <c r="A1529">
        <v>0.51</v>
      </c>
      <c r="B1529">
        <v>29</v>
      </c>
      <c r="C1529">
        <v>0.81</v>
      </c>
    </row>
    <row r="1530" spans="1:3" x14ac:dyDescent="0.25">
      <c r="A1530">
        <v>0.51</v>
      </c>
      <c r="B1530">
        <v>29</v>
      </c>
      <c r="C1530">
        <v>0.89</v>
      </c>
    </row>
    <row r="1531" spans="1:3" x14ac:dyDescent="0.25">
      <c r="A1531">
        <v>0.51</v>
      </c>
      <c r="B1531">
        <v>29</v>
      </c>
      <c r="C1531">
        <v>0.7</v>
      </c>
    </row>
    <row r="1532" spans="1:3" x14ac:dyDescent="0.25">
      <c r="A1532">
        <v>0.5</v>
      </c>
      <c r="B1532">
        <v>29</v>
      </c>
      <c r="C1532">
        <v>0.64</v>
      </c>
    </row>
  </sheetData>
  <sortState xmlns:xlrd2="http://schemas.microsoft.com/office/spreadsheetml/2017/richdata2" ref="A2:C3002">
    <sortCondition ref="B2:B3002"/>
  </sortState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692195-AD56-40FB-9BE3-77E90A224132}">
  <dimension ref="A1:G3001"/>
  <sheetViews>
    <sheetView workbookViewId="0">
      <selection activeCell="S14" sqref="S14"/>
    </sheetView>
  </sheetViews>
  <sheetFormatPr defaultRowHeight="15" x14ac:dyDescent="0.25"/>
  <cols>
    <col min="5" max="5" width="11.28515625" bestFit="1" customWidth="1"/>
  </cols>
  <sheetData>
    <row r="1" spans="1:7" x14ac:dyDescent="0.25">
      <c r="A1" t="s">
        <v>3</v>
      </c>
      <c r="B1" t="s">
        <v>4</v>
      </c>
      <c r="C1" t="s">
        <v>6</v>
      </c>
    </row>
    <row r="2" spans="1:7" x14ac:dyDescent="0.25">
      <c r="A2" t="s">
        <v>8</v>
      </c>
      <c r="B2">
        <v>0.18</v>
      </c>
      <c r="C2">
        <v>0.85</v>
      </c>
      <c r="F2" t="s">
        <v>4</v>
      </c>
      <c r="G2" t="s">
        <v>32</v>
      </c>
    </row>
    <row r="3" spans="1:7" x14ac:dyDescent="0.25">
      <c r="A3" t="s">
        <v>10</v>
      </c>
      <c r="B3">
        <v>0.62</v>
      </c>
      <c r="C3">
        <v>0.05</v>
      </c>
      <c r="E3" t="s">
        <v>12</v>
      </c>
      <c r="F3">
        <f>AVERAGEIF($A$2:$A$3001,E3,$B$2:$B$3001)</f>
        <v>0.49755102040816301</v>
      </c>
      <c r="G3">
        <f>AVERAGEIF($A$2:$A$3001,E3,$C$2:$C$3001)</f>
        <v>0.50905612244897902</v>
      </c>
    </row>
    <row r="4" spans="1:7" x14ac:dyDescent="0.25">
      <c r="A4" t="s">
        <v>12</v>
      </c>
      <c r="B4">
        <v>0.86</v>
      </c>
      <c r="C4">
        <v>0.81</v>
      </c>
      <c r="E4" t="s">
        <v>24</v>
      </c>
      <c r="F4">
        <f t="shared" ref="F4:F6" si="0">AVERAGEIF($A$2:$A$3001,E4,$B$2:$B$3001)</f>
        <v>0.49650980392156863</v>
      </c>
      <c r="G4">
        <f t="shared" ref="G4:G6" si="1">AVERAGEIF($A$2:$A$3001,E4,$C$2:$C$3001)</f>
        <v>0.50035294117647022</v>
      </c>
    </row>
    <row r="5" spans="1:7" x14ac:dyDescent="0.25">
      <c r="A5" t="s">
        <v>10</v>
      </c>
      <c r="B5">
        <v>0.39</v>
      </c>
      <c r="C5">
        <v>0.6</v>
      </c>
      <c r="E5" t="s">
        <v>8</v>
      </c>
      <c r="F5">
        <f t="shared" si="0"/>
        <v>0.5034013605442178</v>
      </c>
      <c r="G5">
        <f t="shared" si="1"/>
        <v>0.49563265306122434</v>
      </c>
    </row>
    <row r="6" spans="1:7" x14ac:dyDescent="0.25">
      <c r="A6" t="s">
        <v>12</v>
      </c>
      <c r="B6">
        <v>0.52</v>
      </c>
      <c r="C6">
        <v>0.64</v>
      </c>
      <c r="E6" t="s">
        <v>10</v>
      </c>
      <c r="F6">
        <f t="shared" si="0"/>
        <v>0.50829608938547499</v>
      </c>
      <c r="G6">
        <f t="shared" si="1"/>
        <v>0.50048882681564233</v>
      </c>
    </row>
    <row r="7" spans="1:7" x14ac:dyDescent="0.25">
      <c r="A7" t="s">
        <v>8</v>
      </c>
      <c r="B7">
        <v>0.28999999999999998</v>
      </c>
      <c r="C7">
        <v>0.1</v>
      </c>
    </row>
    <row r="8" spans="1:7" x14ac:dyDescent="0.25">
      <c r="A8" t="s">
        <v>10</v>
      </c>
      <c r="B8">
        <v>0.67</v>
      </c>
      <c r="C8">
        <v>0.41</v>
      </c>
    </row>
    <row r="9" spans="1:7" x14ac:dyDescent="0.25">
      <c r="A9" t="s">
        <v>12</v>
      </c>
      <c r="B9">
        <v>0.2</v>
      </c>
      <c r="C9">
        <v>0.17</v>
      </c>
    </row>
    <row r="10" spans="1:7" x14ac:dyDescent="0.25">
      <c r="A10" t="s">
        <v>8</v>
      </c>
      <c r="B10">
        <v>0.3</v>
      </c>
      <c r="C10">
        <v>0.48</v>
      </c>
    </row>
    <row r="11" spans="1:7" x14ac:dyDescent="0.25">
      <c r="A11" t="s">
        <v>12</v>
      </c>
      <c r="B11">
        <v>0.01</v>
      </c>
      <c r="C11">
        <v>0.8</v>
      </c>
    </row>
    <row r="12" spans="1:7" x14ac:dyDescent="0.25">
      <c r="A12" t="s">
        <v>12</v>
      </c>
      <c r="B12">
        <v>0.5</v>
      </c>
      <c r="C12">
        <v>0.41</v>
      </c>
    </row>
    <row r="13" spans="1:7" x14ac:dyDescent="0.25">
      <c r="A13" t="s">
        <v>12</v>
      </c>
      <c r="B13">
        <v>0.67</v>
      </c>
      <c r="C13">
        <v>0.4</v>
      </c>
    </row>
    <row r="14" spans="1:7" x14ac:dyDescent="0.25">
      <c r="A14" t="s">
        <v>12</v>
      </c>
      <c r="B14">
        <v>0.68</v>
      </c>
      <c r="C14">
        <v>0.5</v>
      </c>
    </row>
    <row r="15" spans="1:7" x14ac:dyDescent="0.25">
      <c r="A15" t="s">
        <v>12</v>
      </c>
      <c r="B15">
        <v>0.26</v>
      </c>
      <c r="C15">
        <v>0.63</v>
      </c>
    </row>
    <row r="16" spans="1:7" x14ac:dyDescent="0.25">
      <c r="A16" t="s">
        <v>8</v>
      </c>
      <c r="B16">
        <v>0.89</v>
      </c>
      <c r="C16">
        <v>0.21</v>
      </c>
    </row>
    <row r="17" spans="1:3" x14ac:dyDescent="0.25">
      <c r="A17" t="s">
        <v>12</v>
      </c>
      <c r="B17">
        <v>0.65</v>
      </c>
      <c r="C17">
        <v>0.57999999999999996</v>
      </c>
    </row>
    <row r="18" spans="1:3" x14ac:dyDescent="0.25">
      <c r="A18" t="s">
        <v>24</v>
      </c>
      <c r="B18">
        <v>0.97</v>
      </c>
      <c r="C18">
        <v>0.27</v>
      </c>
    </row>
    <row r="19" spans="1:3" x14ac:dyDescent="0.25">
      <c r="A19" t="s">
        <v>24</v>
      </c>
      <c r="B19">
        <v>0.94</v>
      </c>
      <c r="C19">
        <v>0.28000000000000003</v>
      </c>
    </row>
    <row r="20" spans="1:3" x14ac:dyDescent="0.25">
      <c r="A20" t="s">
        <v>10</v>
      </c>
      <c r="B20">
        <v>0.17</v>
      </c>
      <c r="C20">
        <v>0.93</v>
      </c>
    </row>
    <row r="21" spans="1:3" x14ac:dyDescent="0.25">
      <c r="A21" t="s">
        <v>8</v>
      </c>
      <c r="B21">
        <v>0.55000000000000004</v>
      </c>
      <c r="C21">
        <v>0.15</v>
      </c>
    </row>
    <row r="22" spans="1:3" x14ac:dyDescent="0.25">
      <c r="A22" t="s">
        <v>12</v>
      </c>
      <c r="B22">
        <v>0.09</v>
      </c>
      <c r="C22">
        <v>0.06</v>
      </c>
    </row>
    <row r="23" spans="1:3" x14ac:dyDescent="0.25">
      <c r="A23" t="s">
        <v>24</v>
      </c>
      <c r="B23">
        <v>0.22</v>
      </c>
      <c r="C23">
        <v>0.33</v>
      </c>
    </row>
    <row r="24" spans="1:3" x14ac:dyDescent="0.25">
      <c r="A24" t="s">
        <v>10</v>
      </c>
      <c r="B24">
        <v>0.08</v>
      </c>
      <c r="C24">
        <v>0.28999999999999998</v>
      </c>
    </row>
    <row r="25" spans="1:3" x14ac:dyDescent="0.25">
      <c r="A25" t="s">
        <v>12</v>
      </c>
      <c r="B25">
        <v>0.74</v>
      </c>
      <c r="C25">
        <v>0.54</v>
      </c>
    </row>
    <row r="26" spans="1:3" x14ac:dyDescent="0.25">
      <c r="A26" t="s">
        <v>10</v>
      </c>
      <c r="B26">
        <v>0.1</v>
      </c>
      <c r="C26">
        <v>0.17</v>
      </c>
    </row>
    <row r="27" spans="1:3" x14ac:dyDescent="0.25">
      <c r="A27" t="s">
        <v>12</v>
      </c>
      <c r="B27">
        <v>0.16</v>
      </c>
      <c r="C27">
        <v>0.56000000000000005</v>
      </c>
    </row>
    <row r="28" spans="1:3" x14ac:dyDescent="0.25">
      <c r="A28" t="s">
        <v>8</v>
      </c>
      <c r="B28">
        <v>0.91</v>
      </c>
      <c r="C28">
        <v>0.33</v>
      </c>
    </row>
    <row r="29" spans="1:3" x14ac:dyDescent="0.25">
      <c r="A29" t="s">
        <v>10</v>
      </c>
      <c r="B29">
        <v>0.7</v>
      </c>
      <c r="C29">
        <v>0.92</v>
      </c>
    </row>
    <row r="30" spans="1:3" x14ac:dyDescent="0.25">
      <c r="A30" t="s">
        <v>8</v>
      </c>
      <c r="B30">
        <v>0.93</v>
      </c>
      <c r="C30">
        <v>0.47</v>
      </c>
    </row>
    <row r="31" spans="1:3" x14ac:dyDescent="0.25">
      <c r="A31" t="s">
        <v>8</v>
      </c>
      <c r="B31">
        <v>0.09</v>
      </c>
      <c r="C31">
        <v>0.68</v>
      </c>
    </row>
    <row r="32" spans="1:3" x14ac:dyDescent="0.25">
      <c r="A32" t="s">
        <v>8</v>
      </c>
      <c r="B32">
        <v>0.49</v>
      </c>
      <c r="C32">
        <v>0.19</v>
      </c>
    </row>
    <row r="33" spans="1:3" x14ac:dyDescent="0.25">
      <c r="A33" t="s">
        <v>12</v>
      </c>
      <c r="B33">
        <v>0.82</v>
      </c>
      <c r="C33">
        <v>0.72</v>
      </c>
    </row>
    <row r="34" spans="1:3" x14ac:dyDescent="0.25">
      <c r="A34" t="s">
        <v>24</v>
      </c>
      <c r="B34">
        <v>0.56000000000000005</v>
      </c>
      <c r="C34">
        <v>0.93</v>
      </c>
    </row>
    <row r="35" spans="1:3" x14ac:dyDescent="0.25">
      <c r="A35" t="s">
        <v>12</v>
      </c>
      <c r="B35">
        <v>0.37</v>
      </c>
      <c r="C35">
        <v>0.92</v>
      </c>
    </row>
    <row r="36" spans="1:3" x14ac:dyDescent="0.25">
      <c r="A36" t="s">
        <v>10</v>
      </c>
      <c r="B36">
        <v>0.52</v>
      </c>
      <c r="C36">
        <v>0.22</v>
      </c>
    </row>
    <row r="37" spans="1:3" x14ac:dyDescent="0.25">
      <c r="A37" t="s">
        <v>24</v>
      </c>
      <c r="B37">
        <v>0.19</v>
      </c>
      <c r="C37">
        <v>0.44</v>
      </c>
    </row>
    <row r="38" spans="1:3" x14ac:dyDescent="0.25">
      <c r="A38" t="s">
        <v>24</v>
      </c>
      <c r="B38">
        <v>0.82</v>
      </c>
      <c r="C38">
        <v>0.59</v>
      </c>
    </row>
    <row r="39" spans="1:3" x14ac:dyDescent="0.25">
      <c r="A39" t="s">
        <v>24</v>
      </c>
      <c r="B39">
        <v>0.38</v>
      </c>
      <c r="C39">
        <v>0.91</v>
      </c>
    </row>
    <row r="40" spans="1:3" x14ac:dyDescent="0.25">
      <c r="A40" t="s">
        <v>10</v>
      </c>
      <c r="B40">
        <v>0.94</v>
      </c>
      <c r="C40">
        <v>0.4</v>
      </c>
    </row>
    <row r="41" spans="1:3" x14ac:dyDescent="0.25">
      <c r="A41" t="s">
        <v>24</v>
      </c>
      <c r="B41">
        <v>0.77</v>
      </c>
      <c r="C41">
        <v>0.91</v>
      </c>
    </row>
    <row r="42" spans="1:3" x14ac:dyDescent="0.25">
      <c r="A42" t="s">
        <v>10</v>
      </c>
      <c r="B42">
        <v>0.98</v>
      </c>
      <c r="C42">
        <v>0.55000000000000004</v>
      </c>
    </row>
    <row r="43" spans="1:3" x14ac:dyDescent="0.25">
      <c r="A43" t="s">
        <v>24</v>
      </c>
      <c r="B43">
        <v>0.84</v>
      </c>
      <c r="C43">
        <v>7.0000000000000007E-2</v>
      </c>
    </row>
    <row r="44" spans="1:3" x14ac:dyDescent="0.25">
      <c r="A44" t="s">
        <v>10</v>
      </c>
      <c r="B44">
        <v>0.18</v>
      </c>
      <c r="C44">
        <v>0.15</v>
      </c>
    </row>
    <row r="45" spans="1:3" x14ac:dyDescent="0.25">
      <c r="A45" t="s">
        <v>10</v>
      </c>
      <c r="B45">
        <v>0.21</v>
      </c>
      <c r="C45">
        <v>0.83</v>
      </c>
    </row>
    <row r="46" spans="1:3" x14ac:dyDescent="0.25">
      <c r="A46" t="s">
        <v>10</v>
      </c>
      <c r="B46">
        <v>0.99</v>
      </c>
      <c r="C46">
        <v>0.93</v>
      </c>
    </row>
    <row r="47" spans="1:3" x14ac:dyDescent="0.25">
      <c r="A47" t="s">
        <v>12</v>
      </c>
      <c r="B47">
        <v>0.87</v>
      </c>
      <c r="C47">
        <v>0.46</v>
      </c>
    </row>
    <row r="48" spans="1:3" x14ac:dyDescent="0.25">
      <c r="A48" t="s">
        <v>8</v>
      </c>
      <c r="B48">
        <v>0.65</v>
      </c>
      <c r="C48">
        <v>0.85</v>
      </c>
    </row>
    <row r="49" spans="1:3" x14ac:dyDescent="0.25">
      <c r="A49" t="s">
        <v>12</v>
      </c>
      <c r="B49">
        <v>0.93</v>
      </c>
      <c r="C49">
        <v>0.11</v>
      </c>
    </row>
    <row r="50" spans="1:3" x14ac:dyDescent="0.25">
      <c r="A50" t="s">
        <v>24</v>
      </c>
      <c r="B50">
        <v>0.4</v>
      </c>
      <c r="C50">
        <v>0.65</v>
      </c>
    </row>
    <row r="51" spans="1:3" x14ac:dyDescent="0.25">
      <c r="A51" t="s">
        <v>12</v>
      </c>
      <c r="B51">
        <v>0.43</v>
      </c>
      <c r="C51">
        <v>0.76</v>
      </c>
    </row>
    <row r="52" spans="1:3" x14ac:dyDescent="0.25">
      <c r="A52" t="s">
        <v>12</v>
      </c>
      <c r="B52">
        <v>0.99</v>
      </c>
      <c r="C52">
        <v>0.9</v>
      </c>
    </row>
    <row r="53" spans="1:3" x14ac:dyDescent="0.25">
      <c r="A53" t="s">
        <v>12</v>
      </c>
      <c r="B53">
        <v>0.99</v>
      </c>
      <c r="C53">
        <v>0.14000000000000001</v>
      </c>
    </row>
    <row r="54" spans="1:3" x14ac:dyDescent="0.25">
      <c r="A54" t="s">
        <v>12</v>
      </c>
      <c r="B54">
        <v>0.91</v>
      </c>
      <c r="C54">
        <v>0.2</v>
      </c>
    </row>
    <row r="55" spans="1:3" x14ac:dyDescent="0.25">
      <c r="A55" t="s">
        <v>12</v>
      </c>
      <c r="B55">
        <v>7.0000000000000007E-2</v>
      </c>
      <c r="C55">
        <v>0.52</v>
      </c>
    </row>
    <row r="56" spans="1:3" x14ac:dyDescent="0.25">
      <c r="A56" t="s">
        <v>12</v>
      </c>
      <c r="B56">
        <v>0.71</v>
      </c>
      <c r="C56">
        <v>0.74</v>
      </c>
    </row>
    <row r="57" spans="1:3" x14ac:dyDescent="0.25">
      <c r="A57" t="s">
        <v>8</v>
      </c>
      <c r="B57">
        <v>0.49</v>
      </c>
      <c r="C57">
        <v>0.61</v>
      </c>
    </row>
    <row r="58" spans="1:3" x14ac:dyDescent="0.25">
      <c r="A58" t="s">
        <v>12</v>
      </c>
      <c r="B58">
        <v>0.61</v>
      </c>
      <c r="C58">
        <v>0.36</v>
      </c>
    </row>
    <row r="59" spans="1:3" x14ac:dyDescent="0.25">
      <c r="A59" t="s">
        <v>24</v>
      </c>
      <c r="B59">
        <v>7.0000000000000007E-2</v>
      </c>
      <c r="C59">
        <v>0.08</v>
      </c>
    </row>
    <row r="60" spans="1:3" x14ac:dyDescent="0.25">
      <c r="A60" t="s">
        <v>8</v>
      </c>
      <c r="B60">
        <v>0.38</v>
      </c>
      <c r="C60">
        <v>0.38</v>
      </c>
    </row>
    <row r="61" spans="1:3" x14ac:dyDescent="0.25">
      <c r="A61" t="s">
        <v>8</v>
      </c>
      <c r="B61">
        <v>0.91</v>
      </c>
      <c r="C61">
        <v>0.19</v>
      </c>
    </row>
    <row r="62" spans="1:3" x14ac:dyDescent="0.25">
      <c r="A62" t="s">
        <v>10</v>
      </c>
      <c r="B62">
        <v>0.86</v>
      </c>
      <c r="C62">
        <v>0.37</v>
      </c>
    </row>
    <row r="63" spans="1:3" x14ac:dyDescent="0.25">
      <c r="A63" t="s">
        <v>8</v>
      </c>
      <c r="B63">
        <v>0.28999999999999998</v>
      </c>
      <c r="C63">
        <v>0.51</v>
      </c>
    </row>
    <row r="64" spans="1:3" x14ac:dyDescent="0.25">
      <c r="A64" t="s">
        <v>12</v>
      </c>
      <c r="B64">
        <v>0.03</v>
      </c>
      <c r="C64">
        <v>0.59</v>
      </c>
    </row>
    <row r="65" spans="1:3" x14ac:dyDescent="0.25">
      <c r="A65" t="s">
        <v>24</v>
      </c>
      <c r="B65">
        <v>0.1</v>
      </c>
      <c r="C65">
        <v>0.88</v>
      </c>
    </row>
    <row r="66" spans="1:3" x14ac:dyDescent="0.25">
      <c r="A66" t="s">
        <v>12</v>
      </c>
      <c r="B66">
        <v>0.18</v>
      </c>
      <c r="C66">
        <v>0.81</v>
      </c>
    </row>
    <row r="67" spans="1:3" x14ac:dyDescent="0.25">
      <c r="A67" t="s">
        <v>24</v>
      </c>
      <c r="B67">
        <v>0.22</v>
      </c>
      <c r="C67">
        <v>0.24</v>
      </c>
    </row>
    <row r="68" spans="1:3" x14ac:dyDescent="0.25">
      <c r="A68" t="s">
        <v>8</v>
      </c>
      <c r="B68">
        <v>0.65</v>
      </c>
      <c r="C68">
        <v>0.35</v>
      </c>
    </row>
    <row r="69" spans="1:3" x14ac:dyDescent="0.25">
      <c r="A69" t="s">
        <v>10</v>
      </c>
      <c r="B69">
        <v>0.11</v>
      </c>
      <c r="C69">
        <v>0.12</v>
      </c>
    </row>
    <row r="70" spans="1:3" x14ac:dyDescent="0.25">
      <c r="A70" t="s">
        <v>8</v>
      </c>
      <c r="B70">
        <v>0.96</v>
      </c>
      <c r="C70">
        <v>0.34</v>
      </c>
    </row>
    <row r="71" spans="1:3" x14ac:dyDescent="0.25">
      <c r="A71" t="s">
        <v>12</v>
      </c>
      <c r="B71">
        <v>0.48</v>
      </c>
      <c r="C71">
        <v>0.52</v>
      </c>
    </row>
    <row r="72" spans="1:3" x14ac:dyDescent="0.25">
      <c r="A72" t="s">
        <v>10</v>
      </c>
      <c r="B72">
        <v>0.6</v>
      </c>
      <c r="C72">
        <v>0.33</v>
      </c>
    </row>
    <row r="73" spans="1:3" x14ac:dyDescent="0.25">
      <c r="A73" t="s">
        <v>12</v>
      </c>
      <c r="B73">
        <v>0.54</v>
      </c>
      <c r="C73">
        <v>0.59</v>
      </c>
    </row>
    <row r="74" spans="1:3" x14ac:dyDescent="0.25">
      <c r="A74" t="s">
        <v>10</v>
      </c>
      <c r="B74">
        <v>0.93</v>
      </c>
      <c r="C74">
        <v>0.84</v>
      </c>
    </row>
    <row r="75" spans="1:3" x14ac:dyDescent="0.25">
      <c r="A75" t="s">
        <v>8</v>
      </c>
      <c r="B75">
        <v>0.83</v>
      </c>
      <c r="C75">
        <v>0.2</v>
      </c>
    </row>
    <row r="76" spans="1:3" x14ac:dyDescent="0.25">
      <c r="A76" t="s">
        <v>8</v>
      </c>
      <c r="B76">
        <v>0.63</v>
      </c>
      <c r="C76">
        <v>0.85</v>
      </c>
    </row>
    <row r="77" spans="1:3" x14ac:dyDescent="0.25">
      <c r="A77" t="s">
        <v>12</v>
      </c>
      <c r="B77">
        <v>0.4</v>
      </c>
      <c r="C77">
        <v>0.55000000000000004</v>
      </c>
    </row>
    <row r="78" spans="1:3" x14ac:dyDescent="0.25">
      <c r="A78" t="s">
        <v>24</v>
      </c>
      <c r="B78">
        <v>0.23</v>
      </c>
      <c r="C78">
        <v>0.31</v>
      </c>
    </row>
    <row r="79" spans="1:3" x14ac:dyDescent="0.25">
      <c r="A79" t="s">
        <v>10</v>
      </c>
      <c r="B79">
        <v>0.61</v>
      </c>
      <c r="C79">
        <v>0.7</v>
      </c>
    </row>
    <row r="80" spans="1:3" x14ac:dyDescent="0.25">
      <c r="A80" t="s">
        <v>12</v>
      </c>
      <c r="B80">
        <v>0.06</v>
      </c>
      <c r="C80">
        <v>0.27</v>
      </c>
    </row>
    <row r="81" spans="1:3" x14ac:dyDescent="0.25">
      <c r="A81" t="s">
        <v>24</v>
      </c>
      <c r="B81">
        <v>0.59</v>
      </c>
      <c r="C81">
        <v>0.34</v>
      </c>
    </row>
    <row r="82" spans="1:3" x14ac:dyDescent="0.25">
      <c r="A82" t="s">
        <v>8</v>
      </c>
      <c r="B82">
        <v>0.37</v>
      </c>
      <c r="C82">
        <v>0.59</v>
      </c>
    </row>
    <row r="83" spans="1:3" x14ac:dyDescent="0.25">
      <c r="A83" t="s">
        <v>8</v>
      </c>
      <c r="B83">
        <v>0.68</v>
      </c>
      <c r="C83">
        <v>0.41</v>
      </c>
    </row>
    <row r="84" spans="1:3" x14ac:dyDescent="0.25">
      <c r="A84" t="s">
        <v>8</v>
      </c>
      <c r="B84">
        <v>0.16</v>
      </c>
      <c r="C84">
        <v>0.65</v>
      </c>
    </row>
    <row r="85" spans="1:3" x14ac:dyDescent="0.25">
      <c r="A85" t="s">
        <v>24</v>
      </c>
      <c r="B85">
        <v>0.62</v>
      </c>
      <c r="C85">
        <v>0.55000000000000004</v>
      </c>
    </row>
    <row r="86" spans="1:3" x14ac:dyDescent="0.25">
      <c r="A86" t="s">
        <v>8</v>
      </c>
      <c r="B86">
        <v>0.1</v>
      </c>
      <c r="C86">
        <v>0.87</v>
      </c>
    </row>
    <row r="87" spans="1:3" x14ac:dyDescent="0.25">
      <c r="A87" t="s">
        <v>12</v>
      </c>
      <c r="B87">
        <v>0.75</v>
      </c>
      <c r="C87">
        <v>0.24</v>
      </c>
    </row>
    <row r="88" spans="1:3" x14ac:dyDescent="0.25">
      <c r="A88" t="s">
        <v>10</v>
      </c>
      <c r="B88">
        <v>0.16</v>
      </c>
      <c r="C88">
        <v>0.87</v>
      </c>
    </row>
    <row r="89" spans="1:3" x14ac:dyDescent="0.25">
      <c r="A89" t="s">
        <v>12</v>
      </c>
      <c r="B89">
        <v>0.4</v>
      </c>
      <c r="C89">
        <v>0.95</v>
      </c>
    </row>
    <row r="90" spans="1:3" x14ac:dyDescent="0.25">
      <c r="A90" t="s">
        <v>10</v>
      </c>
      <c r="B90">
        <v>0.87</v>
      </c>
      <c r="C90">
        <v>0.61</v>
      </c>
    </row>
    <row r="91" spans="1:3" x14ac:dyDescent="0.25">
      <c r="A91" t="s">
        <v>10</v>
      </c>
      <c r="B91">
        <v>0.69</v>
      </c>
      <c r="C91">
        <v>0.1</v>
      </c>
    </row>
    <row r="92" spans="1:3" x14ac:dyDescent="0.25">
      <c r="A92" t="s">
        <v>8</v>
      </c>
      <c r="B92">
        <v>0.6</v>
      </c>
      <c r="C92">
        <v>0.57999999999999996</v>
      </c>
    </row>
    <row r="93" spans="1:3" x14ac:dyDescent="0.25">
      <c r="A93" t="s">
        <v>8</v>
      </c>
      <c r="B93">
        <v>0.56000000000000005</v>
      </c>
      <c r="C93">
        <v>0.13</v>
      </c>
    </row>
    <row r="94" spans="1:3" x14ac:dyDescent="0.25">
      <c r="A94" t="s">
        <v>12</v>
      </c>
      <c r="B94">
        <v>0.17</v>
      </c>
      <c r="C94">
        <v>0.55000000000000004</v>
      </c>
    </row>
    <row r="95" spans="1:3" x14ac:dyDescent="0.25">
      <c r="A95" t="s">
        <v>8</v>
      </c>
      <c r="B95">
        <v>0.66</v>
      </c>
      <c r="C95">
        <v>0.85</v>
      </c>
    </row>
    <row r="96" spans="1:3" x14ac:dyDescent="0.25">
      <c r="A96" t="s">
        <v>8</v>
      </c>
      <c r="B96">
        <v>0.47</v>
      </c>
      <c r="C96">
        <v>0.65</v>
      </c>
    </row>
    <row r="97" spans="1:3" x14ac:dyDescent="0.25">
      <c r="A97" t="s">
        <v>24</v>
      </c>
      <c r="B97">
        <v>0.42</v>
      </c>
      <c r="C97">
        <v>0.64</v>
      </c>
    </row>
    <row r="98" spans="1:3" x14ac:dyDescent="0.25">
      <c r="A98" t="s">
        <v>10</v>
      </c>
      <c r="B98">
        <v>0.03</v>
      </c>
      <c r="C98">
        <v>0.85</v>
      </c>
    </row>
    <row r="99" spans="1:3" x14ac:dyDescent="0.25">
      <c r="A99" t="s">
        <v>12</v>
      </c>
      <c r="B99">
        <v>0.91</v>
      </c>
      <c r="C99">
        <v>0.4</v>
      </c>
    </row>
    <row r="100" spans="1:3" x14ac:dyDescent="0.25">
      <c r="A100" t="s">
        <v>8</v>
      </c>
      <c r="B100">
        <v>0.39</v>
      </c>
      <c r="C100">
        <v>0.4</v>
      </c>
    </row>
    <row r="101" spans="1:3" x14ac:dyDescent="0.25">
      <c r="A101" t="s">
        <v>12</v>
      </c>
      <c r="B101">
        <v>0.15</v>
      </c>
      <c r="C101">
        <v>0.54</v>
      </c>
    </row>
    <row r="102" spans="1:3" x14ac:dyDescent="0.25">
      <c r="A102" t="s">
        <v>12</v>
      </c>
      <c r="B102">
        <v>0.56000000000000005</v>
      </c>
      <c r="C102">
        <v>0.31</v>
      </c>
    </row>
    <row r="103" spans="1:3" x14ac:dyDescent="0.25">
      <c r="A103" t="s">
        <v>12</v>
      </c>
      <c r="B103">
        <v>0.4</v>
      </c>
      <c r="C103">
        <v>0.22</v>
      </c>
    </row>
    <row r="104" spans="1:3" x14ac:dyDescent="0.25">
      <c r="A104" t="s">
        <v>24</v>
      </c>
      <c r="B104">
        <v>0.94</v>
      </c>
      <c r="C104">
        <v>0.74</v>
      </c>
    </row>
    <row r="105" spans="1:3" x14ac:dyDescent="0.25">
      <c r="A105" t="s">
        <v>24</v>
      </c>
      <c r="B105">
        <v>0.83</v>
      </c>
      <c r="C105">
        <v>0.24</v>
      </c>
    </row>
    <row r="106" spans="1:3" x14ac:dyDescent="0.25">
      <c r="A106" t="s">
        <v>24</v>
      </c>
      <c r="B106">
        <v>0.32</v>
      </c>
      <c r="C106">
        <v>0.7</v>
      </c>
    </row>
    <row r="107" spans="1:3" x14ac:dyDescent="0.25">
      <c r="A107" t="s">
        <v>24</v>
      </c>
      <c r="B107">
        <v>0.87</v>
      </c>
      <c r="C107">
        <v>0.77</v>
      </c>
    </row>
    <row r="108" spans="1:3" x14ac:dyDescent="0.25">
      <c r="A108" t="s">
        <v>12</v>
      </c>
      <c r="B108">
        <v>0.59</v>
      </c>
      <c r="C108">
        <v>0.56000000000000005</v>
      </c>
    </row>
    <row r="109" spans="1:3" x14ac:dyDescent="0.25">
      <c r="A109" t="s">
        <v>10</v>
      </c>
      <c r="B109">
        <v>0.48</v>
      </c>
      <c r="C109">
        <v>0.84</v>
      </c>
    </row>
    <row r="110" spans="1:3" x14ac:dyDescent="0.25">
      <c r="A110" t="s">
        <v>24</v>
      </c>
      <c r="B110">
        <v>0.48</v>
      </c>
      <c r="C110">
        <v>0.09</v>
      </c>
    </row>
    <row r="111" spans="1:3" x14ac:dyDescent="0.25">
      <c r="A111" t="s">
        <v>12</v>
      </c>
      <c r="B111">
        <v>0.52</v>
      </c>
      <c r="C111">
        <v>0.64</v>
      </c>
    </row>
    <row r="112" spans="1:3" x14ac:dyDescent="0.25">
      <c r="A112" t="s">
        <v>12</v>
      </c>
      <c r="B112">
        <v>0.11</v>
      </c>
      <c r="C112">
        <v>0.56000000000000005</v>
      </c>
    </row>
    <row r="113" spans="1:3" x14ac:dyDescent="0.25">
      <c r="A113" t="s">
        <v>8</v>
      </c>
      <c r="B113">
        <v>0.82</v>
      </c>
      <c r="C113">
        <v>0.56999999999999995</v>
      </c>
    </row>
    <row r="114" spans="1:3" x14ac:dyDescent="0.25">
      <c r="A114" t="s">
        <v>10</v>
      </c>
      <c r="B114">
        <v>0.61</v>
      </c>
      <c r="C114">
        <v>0.39</v>
      </c>
    </row>
    <row r="115" spans="1:3" x14ac:dyDescent="0.25">
      <c r="A115" t="s">
        <v>24</v>
      </c>
      <c r="B115">
        <v>0.13</v>
      </c>
      <c r="C115">
        <v>0.59</v>
      </c>
    </row>
    <row r="116" spans="1:3" x14ac:dyDescent="0.25">
      <c r="A116" t="s">
        <v>12</v>
      </c>
      <c r="B116">
        <v>7.0000000000000007E-2</v>
      </c>
      <c r="C116">
        <v>0.11</v>
      </c>
    </row>
    <row r="117" spans="1:3" x14ac:dyDescent="0.25">
      <c r="A117" t="s">
        <v>10</v>
      </c>
      <c r="B117">
        <v>0.33</v>
      </c>
      <c r="C117">
        <v>0.72</v>
      </c>
    </row>
    <row r="118" spans="1:3" x14ac:dyDescent="0.25">
      <c r="A118" t="s">
        <v>10</v>
      </c>
      <c r="B118">
        <v>0.38</v>
      </c>
      <c r="C118">
        <v>0.69</v>
      </c>
    </row>
    <row r="119" spans="1:3" x14ac:dyDescent="0.25">
      <c r="A119" t="s">
        <v>24</v>
      </c>
      <c r="B119">
        <v>0.16</v>
      </c>
      <c r="C119">
        <v>0.73</v>
      </c>
    </row>
    <row r="120" spans="1:3" x14ac:dyDescent="0.25">
      <c r="A120" t="s">
        <v>10</v>
      </c>
      <c r="B120">
        <v>0.79</v>
      </c>
      <c r="C120">
        <v>0.53</v>
      </c>
    </row>
    <row r="121" spans="1:3" x14ac:dyDescent="0.25">
      <c r="A121" t="s">
        <v>12</v>
      </c>
      <c r="B121">
        <v>0.32</v>
      </c>
      <c r="C121">
        <v>0.36</v>
      </c>
    </row>
    <row r="122" spans="1:3" x14ac:dyDescent="0.25">
      <c r="A122" t="s">
        <v>12</v>
      </c>
      <c r="B122">
        <v>0.32</v>
      </c>
      <c r="C122">
        <v>0.63</v>
      </c>
    </row>
    <row r="123" spans="1:3" x14ac:dyDescent="0.25">
      <c r="A123" t="s">
        <v>10</v>
      </c>
      <c r="B123">
        <v>0.28000000000000003</v>
      </c>
      <c r="C123">
        <v>0.05</v>
      </c>
    </row>
    <row r="124" spans="1:3" x14ac:dyDescent="0.25">
      <c r="A124" t="s">
        <v>10</v>
      </c>
      <c r="B124">
        <v>0.43</v>
      </c>
      <c r="C124">
        <v>7.0000000000000007E-2</v>
      </c>
    </row>
    <row r="125" spans="1:3" x14ac:dyDescent="0.25">
      <c r="A125" t="s">
        <v>12</v>
      </c>
      <c r="B125">
        <v>0.85</v>
      </c>
      <c r="C125">
        <v>0.62</v>
      </c>
    </row>
    <row r="126" spans="1:3" x14ac:dyDescent="0.25">
      <c r="A126" t="s">
        <v>24</v>
      </c>
      <c r="B126">
        <v>0.79</v>
      </c>
      <c r="C126">
        <v>0.56999999999999995</v>
      </c>
    </row>
    <row r="127" spans="1:3" x14ac:dyDescent="0.25">
      <c r="A127" t="s">
        <v>10</v>
      </c>
      <c r="B127">
        <v>0.84</v>
      </c>
      <c r="C127">
        <v>0.17</v>
      </c>
    </row>
    <row r="128" spans="1:3" x14ac:dyDescent="0.25">
      <c r="A128" t="s">
        <v>8</v>
      </c>
      <c r="B128">
        <v>0.32</v>
      </c>
      <c r="C128">
        <v>0.48</v>
      </c>
    </row>
    <row r="129" spans="1:3" x14ac:dyDescent="0.25">
      <c r="A129" t="s">
        <v>12</v>
      </c>
      <c r="B129">
        <v>0.52</v>
      </c>
      <c r="C129">
        <v>0.23</v>
      </c>
    </row>
    <row r="130" spans="1:3" x14ac:dyDescent="0.25">
      <c r="A130" t="s">
        <v>24</v>
      </c>
      <c r="B130">
        <v>0.99</v>
      </c>
      <c r="C130">
        <v>0.68</v>
      </c>
    </row>
    <row r="131" spans="1:3" x14ac:dyDescent="0.25">
      <c r="A131" t="s">
        <v>8</v>
      </c>
      <c r="B131">
        <v>0.62</v>
      </c>
      <c r="C131">
        <v>0.38</v>
      </c>
    </row>
    <row r="132" spans="1:3" x14ac:dyDescent="0.25">
      <c r="A132" t="s">
        <v>10</v>
      </c>
      <c r="B132">
        <v>0.57999999999999996</v>
      </c>
      <c r="C132">
        <v>0.9</v>
      </c>
    </row>
    <row r="133" spans="1:3" x14ac:dyDescent="0.25">
      <c r="A133" t="s">
        <v>12</v>
      </c>
      <c r="B133">
        <v>0.12</v>
      </c>
      <c r="C133">
        <v>0.65</v>
      </c>
    </row>
    <row r="134" spans="1:3" x14ac:dyDescent="0.25">
      <c r="A134" t="s">
        <v>8</v>
      </c>
      <c r="B134">
        <v>0.78</v>
      </c>
      <c r="C134">
        <v>0.09</v>
      </c>
    </row>
    <row r="135" spans="1:3" x14ac:dyDescent="0.25">
      <c r="A135" t="s">
        <v>24</v>
      </c>
      <c r="B135">
        <v>0.73</v>
      </c>
      <c r="C135">
        <v>0.54</v>
      </c>
    </row>
    <row r="136" spans="1:3" x14ac:dyDescent="0.25">
      <c r="A136" t="s">
        <v>24</v>
      </c>
      <c r="B136">
        <v>0.73</v>
      </c>
      <c r="C136">
        <v>0.34</v>
      </c>
    </row>
    <row r="137" spans="1:3" x14ac:dyDescent="0.25">
      <c r="A137" t="s">
        <v>24</v>
      </c>
      <c r="B137">
        <v>0.76</v>
      </c>
      <c r="C137">
        <v>0.24</v>
      </c>
    </row>
    <row r="138" spans="1:3" x14ac:dyDescent="0.25">
      <c r="A138" t="s">
        <v>12</v>
      </c>
      <c r="B138">
        <v>0.89</v>
      </c>
      <c r="C138">
        <v>0.46</v>
      </c>
    </row>
    <row r="139" spans="1:3" x14ac:dyDescent="0.25">
      <c r="A139" t="s">
        <v>12</v>
      </c>
      <c r="B139">
        <v>0.57999999999999996</v>
      </c>
      <c r="C139">
        <v>0.19</v>
      </c>
    </row>
    <row r="140" spans="1:3" x14ac:dyDescent="0.25">
      <c r="A140" t="s">
        <v>10</v>
      </c>
      <c r="B140">
        <v>0.79</v>
      </c>
      <c r="C140">
        <v>0.48</v>
      </c>
    </row>
    <row r="141" spans="1:3" x14ac:dyDescent="0.25">
      <c r="A141" t="s">
        <v>8</v>
      </c>
      <c r="B141">
        <v>0.64</v>
      </c>
      <c r="C141">
        <v>0.73</v>
      </c>
    </row>
    <row r="142" spans="1:3" x14ac:dyDescent="0.25">
      <c r="A142" t="s">
        <v>24</v>
      </c>
      <c r="B142">
        <v>0.27</v>
      </c>
      <c r="C142">
        <v>0.42</v>
      </c>
    </row>
    <row r="143" spans="1:3" x14ac:dyDescent="0.25">
      <c r="A143" t="s">
        <v>8</v>
      </c>
      <c r="B143">
        <v>0.73</v>
      </c>
      <c r="C143">
        <v>0.47</v>
      </c>
    </row>
    <row r="144" spans="1:3" x14ac:dyDescent="0.25">
      <c r="A144" t="s">
        <v>12</v>
      </c>
      <c r="B144">
        <v>0.26</v>
      </c>
      <c r="C144">
        <v>0.66</v>
      </c>
    </row>
    <row r="145" spans="1:3" x14ac:dyDescent="0.25">
      <c r="A145" t="s">
        <v>8</v>
      </c>
      <c r="B145">
        <v>0.53</v>
      </c>
      <c r="C145">
        <v>0.44</v>
      </c>
    </row>
    <row r="146" spans="1:3" x14ac:dyDescent="0.25">
      <c r="A146" t="s">
        <v>8</v>
      </c>
      <c r="B146">
        <v>0.26</v>
      </c>
      <c r="C146">
        <v>0.38</v>
      </c>
    </row>
    <row r="147" spans="1:3" x14ac:dyDescent="0.25">
      <c r="A147" t="s">
        <v>8</v>
      </c>
      <c r="B147">
        <v>0.52</v>
      </c>
      <c r="C147">
        <v>0.27</v>
      </c>
    </row>
    <row r="148" spans="1:3" x14ac:dyDescent="0.25">
      <c r="A148" t="s">
        <v>8</v>
      </c>
      <c r="B148">
        <v>0.46</v>
      </c>
      <c r="C148">
        <v>0.21</v>
      </c>
    </row>
    <row r="149" spans="1:3" x14ac:dyDescent="0.25">
      <c r="A149" t="s">
        <v>10</v>
      </c>
      <c r="B149">
        <v>0.76</v>
      </c>
      <c r="C149">
        <v>0.75</v>
      </c>
    </row>
    <row r="150" spans="1:3" x14ac:dyDescent="0.25">
      <c r="A150" t="s">
        <v>12</v>
      </c>
      <c r="B150">
        <v>0.54</v>
      </c>
      <c r="C150">
        <v>0.34</v>
      </c>
    </row>
    <row r="151" spans="1:3" x14ac:dyDescent="0.25">
      <c r="A151" t="s">
        <v>12</v>
      </c>
      <c r="B151">
        <v>0.64</v>
      </c>
      <c r="C151">
        <v>0.92</v>
      </c>
    </row>
    <row r="152" spans="1:3" x14ac:dyDescent="0.25">
      <c r="A152" t="s">
        <v>10</v>
      </c>
      <c r="B152">
        <v>0.89</v>
      </c>
      <c r="C152">
        <v>0.74</v>
      </c>
    </row>
    <row r="153" spans="1:3" x14ac:dyDescent="0.25">
      <c r="A153" t="s">
        <v>24</v>
      </c>
      <c r="B153">
        <v>0.17</v>
      </c>
      <c r="C153">
        <v>0.81</v>
      </c>
    </row>
    <row r="154" spans="1:3" x14ac:dyDescent="0.25">
      <c r="A154" t="s">
        <v>24</v>
      </c>
      <c r="B154">
        <v>0.54</v>
      </c>
      <c r="C154">
        <v>0.13</v>
      </c>
    </row>
    <row r="155" spans="1:3" x14ac:dyDescent="0.25">
      <c r="A155" t="s">
        <v>8</v>
      </c>
      <c r="B155">
        <v>0.24</v>
      </c>
      <c r="C155">
        <v>0.44</v>
      </c>
    </row>
    <row r="156" spans="1:3" x14ac:dyDescent="0.25">
      <c r="A156" t="s">
        <v>10</v>
      </c>
      <c r="B156">
        <v>0.31</v>
      </c>
      <c r="C156">
        <v>0.56999999999999995</v>
      </c>
    </row>
    <row r="157" spans="1:3" x14ac:dyDescent="0.25">
      <c r="A157" t="s">
        <v>12</v>
      </c>
      <c r="B157">
        <v>0.41</v>
      </c>
      <c r="C157">
        <v>0.93</v>
      </c>
    </row>
    <row r="158" spans="1:3" x14ac:dyDescent="0.25">
      <c r="A158" t="s">
        <v>8</v>
      </c>
      <c r="B158">
        <v>0.38</v>
      </c>
      <c r="C158">
        <v>0.15</v>
      </c>
    </row>
    <row r="159" spans="1:3" x14ac:dyDescent="0.25">
      <c r="A159" t="s">
        <v>24</v>
      </c>
      <c r="B159">
        <v>0.84</v>
      </c>
      <c r="C159">
        <v>0.55000000000000004</v>
      </c>
    </row>
    <row r="160" spans="1:3" x14ac:dyDescent="0.25">
      <c r="A160" t="s">
        <v>12</v>
      </c>
      <c r="B160">
        <v>0.28000000000000003</v>
      </c>
      <c r="C160">
        <v>0.33</v>
      </c>
    </row>
    <row r="161" spans="1:3" x14ac:dyDescent="0.25">
      <c r="A161" t="s">
        <v>24</v>
      </c>
      <c r="B161">
        <v>0.84</v>
      </c>
      <c r="C161">
        <v>0.16</v>
      </c>
    </row>
    <row r="162" spans="1:3" x14ac:dyDescent="0.25">
      <c r="A162" t="s">
        <v>24</v>
      </c>
      <c r="B162">
        <v>0.06</v>
      </c>
      <c r="C162">
        <v>0.31</v>
      </c>
    </row>
    <row r="163" spans="1:3" x14ac:dyDescent="0.25">
      <c r="A163" t="s">
        <v>24</v>
      </c>
      <c r="B163">
        <v>0.64</v>
      </c>
      <c r="C163">
        <v>0.08</v>
      </c>
    </row>
    <row r="164" spans="1:3" x14ac:dyDescent="0.25">
      <c r="A164" t="s">
        <v>24</v>
      </c>
      <c r="B164">
        <v>0.04</v>
      </c>
      <c r="C164">
        <v>0.93</v>
      </c>
    </row>
    <row r="165" spans="1:3" x14ac:dyDescent="0.25">
      <c r="A165" t="s">
        <v>8</v>
      </c>
      <c r="B165">
        <v>0.05</v>
      </c>
      <c r="C165">
        <v>0.26</v>
      </c>
    </row>
    <row r="166" spans="1:3" x14ac:dyDescent="0.25">
      <c r="A166" t="s">
        <v>8</v>
      </c>
      <c r="B166">
        <v>0.88</v>
      </c>
      <c r="C166">
        <v>0.71</v>
      </c>
    </row>
    <row r="167" spans="1:3" x14ac:dyDescent="0.25">
      <c r="A167" t="s">
        <v>10</v>
      </c>
      <c r="B167">
        <v>0.3</v>
      </c>
      <c r="C167">
        <v>0.68</v>
      </c>
    </row>
    <row r="168" spans="1:3" x14ac:dyDescent="0.25">
      <c r="A168" t="s">
        <v>10</v>
      </c>
      <c r="B168">
        <v>0.09</v>
      </c>
      <c r="C168">
        <v>0.19</v>
      </c>
    </row>
    <row r="169" spans="1:3" x14ac:dyDescent="0.25">
      <c r="A169" t="s">
        <v>12</v>
      </c>
      <c r="B169">
        <v>0.12</v>
      </c>
      <c r="C169">
        <v>0.37</v>
      </c>
    </row>
    <row r="170" spans="1:3" x14ac:dyDescent="0.25">
      <c r="A170" t="s">
        <v>12</v>
      </c>
      <c r="B170">
        <v>0.91</v>
      </c>
      <c r="C170">
        <v>0.39</v>
      </c>
    </row>
    <row r="171" spans="1:3" x14ac:dyDescent="0.25">
      <c r="A171" t="s">
        <v>12</v>
      </c>
      <c r="B171">
        <v>0.38</v>
      </c>
      <c r="C171">
        <v>0.53</v>
      </c>
    </row>
    <row r="172" spans="1:3" x14ac:dyDescent="0.25">
      <c r="A172" t="s">
        <v>24</v>
      </c>
      <c r="B172">
        <v>0.04</v>
      </c>
      <c r="C172">
        <v>0.28999999999999998</v>
      </c>
    </row>
    <row r="173" spans="1:3" x14ac:dyDescent="0.25">
      <c r="A173" t="s">
        <v>24</v>
      </c>
      <c r="B173">
        <v>0.57999999999999996</v>
      </c>
      <c r="C173">
        <v>0.34</v>
      </c>
    </row>
    <row r="174" spans="1:3" x14ac:dyDescent="0.25">
      <c r="A174" t="s">
        <v>8</v>
      </c>
      <c r="B174">
        <v>0.31</v>
      </c>
      <c r="C174">
        <v>0.5</v>
      </c>
    </row>
    <row r="175" spans="1:3" x14ac:dyDescent="0.25">
      <c r="A175" t="s">
        <v>8</v>
      </c>
      <c r="B175">
        <v>0.03</v>
      </c>
      <c r="C175">
        <v>0.61</v>
      </c>
    </row>
    <row r="176" spans="1:3" x14ac:dyDescent="0.25">
      <c r="A176" t="s">
        <v>8</v>
      </c>
      <c r="B176">
        <v>0.68</v>
      </c>
      <c r="C176">
        <v>0.26</v>
      </c>
    </row>
    <row r="177" spans="1:3" x14ac:dyDescent="0.25">
      <c r="A177" t="s">
        <v>24</v>
      </c>
      <c r="B177">
        <v>0.79</v>
      </c>
      <c r="C177">
        <v>0.23</v>
      </c>
    </row>
    <row r="178" spans="1:3" x14ac:dyDescent="0.25">
      <c r="A178" t="s">
        <v>8</v>
      </c>
      <c r="B178">
        <v>0.55000000000000004</v>
      </c>
      <c r="C178">
        <v>0.87</v>
      </c>
    </row>
    <row r="179" spans="1:3" x14ac:dyDescent="0.25">
      <c r="A179" t="s">
        <v>12</v>
      </c>
      <c r="B179">
        <v>0.56000000000000005</v>
      </c>
      <c r="C179">
        <v>0.85</v>
      </c>
    </row>
    <row r="180" spans="1:3" x14ac:dyDescent="0.25">
      <c r="A180" t="s">
        <v>10</v>
      </c>
      <c r="B180">
        <v>0.85</v>
      </c>
      <c r="C180">
        <v>0.26</v>
      </c>
    </row>
    <row r="181" spans="1:3" x14ac:dyDescent="0.25">
      <c r="A181" t="s">
        <v>12</v>
      </c>
      <c r="B181">
        <v>0.69</v>
      </c>
      <c r="C181">
        <v>0.42</v>
      </c>
    </row>
    <row r="182" spans="1:3" x14ac:dyDescent="0.25">
      <c r="A182" t="s">
        <v>12</v>
      </c>
      <c r="B182">
        <v>0.74</v>
      </c>
      <c r="C182">
        <v>0.6</v>
      </c>
    </row>
    <row r="183" spans="1:3" x14ac:dyDescent="0.25">
      <c r="A183" t="s">
        <v>12</v>
      </c>
      <c r="B183">
        <v>0.41</v>
      </c>
      <c r="C183">
        <v>0.14000000000000001</v>
      </c>
    </row>
    <row r="184" spans="1:3" x14ac:dyDescent="0.25">
      <c r="A184" t="s">
        <v>8</v>
      </c>
      <c r="B184">
        <v>0.05</v>
      </c>
      <c r="C184">
        <v>0.15</v>
      </c>
    </row>
    <row r="185" spans="1:3" x14ac:dyDescent="0.25">
      <c r="A185" t="s">
        <v>24</v>
      </c>
      <c r="B185">
        <v>0.98</v>
      </c>
      <c r="C185">
        <v>0.79</v>
      </c>
    </row>
    <row r="186" spans="1:3" x14ac:dyDescent="0.25">
      <c r="A186" t="s">
        <v>8</v>
      </c>
      <c r="B186">
        <v>0.82</v>
      </c>
      <c r="C186">
        <v>0.84</v>
      </c>
    </row>
    <row r="187" spans="1:3" x14ac:dyDescent="0.25">
      <c r="A187" t="s">
        <v>12</v>
      </c>
      <c r="B187">
        <v>0</v>
      </c>
      <c r="C187">
        <v>0.06</v>
      </c>
    </row>
    <row r="188" spans="1:3" x14ac:dyDescent="0.25">
      <c r="A188" t="s">
        <v>8</v>
      </c>
      <c r="B188">
        <v>0.84</v>
      </c>
      <c r="C188">
        <v>0.62</v>
      </c>
    </row>
    <row r="189" spans="1:3" x14ac:dyDescent="0.25">
      <c r="A189" t="s">
        <v>24</v>
      </c>
      <c r="B189">
        <v>0.14000000000000001</v>
      </c>
      <c r="C189">
        <v>0.65</v>
      </c>
    </row>
    <row r="190" spans="1:3" x14ac:dyDescent="0.25">
      <c r="A190" t="s">
        <v>24</v>
      </c>
      <c r="B190">
        <v>0.39</v>
      </c>
      <c r="C190">
        <v>0.49</v>
      </c>
    </row>
    <row r="191" spans="1:3" x14ac:dyDescent="0.25">
      <c r="A191" t="s">
        <v>24</v>
      </c>
      <c r="B191">
        <v>0.73</v>
      </c>
      <c r="C191">
        <v>0.9</v>
      </c>
    </row>
    <row r="192" spans="1:3" x14ac:dyDescent="0.25">
      <c r="A192" t="s">
        <v>12</v>
      </c>
      <c r="B192">
        <v>0.09</v>
      </c>
      <c r="C192">
        <v>0.56999999999999995</v>
      </c>
    </row>
    <row r="193" spans="1:3" x14ac:dyDescent="0.25">
      <c r="A193" t="s">
        <v>12</v>
      </c>
      <c r="B193">
        <v>0.74</v>
      </c>
      <c r="C193">
        <v>0.66</v>
      </c>
    </row>
    <row r="194" spans="1:3" x14ac:dyDescent="0.25">
      <c r="A194" t="s">
        <v>24</v>
      </c>
      <c r="B194">
        <v>0.57999999999999996</v>
      </c>
      <c r="C194">
        <v>0.8</v>
      </c>
    </row>
    <row r="195" spans="1:3" x14ac:dyDescent="0.25">
      <c r="A195" t="s">
        <v>8</v>
      </c>
      <c r="B195">
        <v>0.55000000000000004</v>
      </c>
      <c r="C195">
        <v>0.56999999999999995</v>
      </c>
    </row>
    <row r="196" spans="1:3" x14ac:dyDescent="0.25">
      <c r="A196" t="s">
        <v>24</v>
      </c>
      <c r="B196">
        <v>0.06</v>
      </c>
      <c r="C196">
        <v>0.53</v>
      </c>
    </row>
    <row r="197" spans="1:3" x14ac:dyDescent="0.25">
      <c r="A197" t="s">
        <v>24</v>
      </c>
      <c r="B197">
        <v>0.85</v>
      </c>
      <c r="C197">
        <v>0.41</v>
      </c>
    </row>
    <row r="198" spans="1:3" x14ac:dyDescent="0.25">
      <c r="A198" t="s">
        <v>8</v>
      </c>
      <c r="B198">
        <v>0.69</v>
      </c>
      <c r="C198">
        <v>0.67</v>
      </c>
    </row>
    <row r="199" spans="1:3" x14ac:dyDescent="0.25">
      <c r="A199" t="s">
        <v>8</v>
      </c>
      <c r="B199">
        <v>0.76</v>
      </c>
      <c r="C199">
        <v>0.1</v>
      </c>
    </row>
    <row r="200" spans="1:3" x14ac:dyDescent="0.25">
      <c r="A200" t="s">
        <v>24</v>
      </c>
      <c r="B200">
        <v>0.11</v>
      </c>
      <c r="C200">
        <v>0.5</v>
      </c>
    </row>
    <row r="201" spans="1:3" x14ac:dyDescent="0.25">
      <c r="A201" t="s">
        <v>24</v>
      </c>
      <c r="B201">
        <v>0.73</v>
      </c>
      <c r="C201">
        <v>0.57999999999999996</v>
      </c>
    </row>
    <row r="202" spans="1:3" x14ac:dyDescent="0.25">
      <c r="A202" t="s">
        <v>8</v>
      </c>
      <c r="B202">
        <v>0.76</v>
      </c>
      <c r="C202">
        <v>0.85</v>
      </c>
    </row>
    <row r="203" spans="1:3" x14ac:dyDescent="0.25">
      <c r="A203" t="s">
        <v>12</v>
      </c>
      <c r="B203">
        <v>0.25</v>
      </c>
      <c r="C203">
        <v>0.27</v>
      </c>
    </row>
    <row r="204" spans="1:3" x14ac:dyDescent="0.25">
      <c r="A204" t="s">
        <v>24</v>
      </c>
      <c r="B204">
        <v>0.06</v>
      </c>
      <c r="C204">
        <v>0.41</v>
      </c>
    </row>
    <row r="205" spans="1:3" x14ac:dyDescent="0.25">
      <c r="A205" t="s">
        <v>10</v>
      </c>
      <c r="B205">
        <v>0.75</v>
      </c>
      <c r="C205">
        <v>0.68</v>
      </c>
    </row>
    <row r="206" spans="1:3" x14ac:dyDescent="0.25">
      <c r="A206" t="s">
        <v>8</v>
      </c>
      <c r="B206">
        <v>0.9</v>
      </c>
      <c r="C206">
        <v>0.15</v>
      </c>
    </row>
    <row r="207" spans="1:3" x14ac:dyDescent="0.25">
      <c r="A207" t="s">
        <v>8</v>
      </c>
      <c r="B207">
        <v>0.3</v>
      </c>
      <c r="C207">
        <v>0.48</v>
      </c>
    </row>
    <row r="208" spans="1:3" x14ac:dyDescent="0.25">
      <c r="A208" t="s">
        <v>10</v>
      </c>
      <c r="B208">
        <v>0.93</v>
      </c>
      <c r="C208">
        <v>0.84</v>
      </c>
    </row>
    <row r="209" spans="1:3" x14ac:dyDescent="0.25">
      <c r="A209" t="s">
        <v>24</v>
      </c>
      <c r="B209">
        <v>0.19</v>
      </c>
      <c r="C209">
        <v>0.59</v>
      </c>
    </row>
    <row r="210" spans="1:3" x14ac:dyDescent="0.25">
      <c r="A210" t="s">
        <v>10</v>
      </c>
      <c r="B210">
        <v>0.41</v>
      </c>
      <c r="C210">
        <v>0.6</v>
      </c>
    </row>
    <row r="211" spans="1:3" x14ac:dyDescent="0.25">
      <c r="A211" t="s">
        <v>12</v>
      </c>
      <c r="B211">
        <v>0.36</v>
      </c>
      <c r="C211">
        <v>0.21</v>
      </c>
    </row>
    <row r="212" spans="1:3" x14ac:dyDescent="0.25">
      <c r="A212" t="s">
        <v>10</v>
      </c>
      <c r="B212">
        <v>0.12</v>
      </c>
      <c r="C212">
        <v>0.91</v>
      </c>
    </row>
    <row r="213" spans="1:3" x14ac:dyDescent="0.25">
      <c r="A213" t="s">
        <v>24</v>
      </c>
      <c r="B213">
        <v>0.55000000000000004</v>
      </c>
      <c r="C213">
        <v>0.17</v>
      </c>
    </row>
    <row r="214" spans="1:3" x14ac:dyDescent="0.25">
      <c r="A214" t="s">
        <v>24</v>
      </c>
      <c r="B214">
        <v>0.5</v>
      </c>
      <c r="C214">
        <v>0.83</v>
      </c>
    </row>
    <row r="215" spans="1:3" x14ac:dyDescent="0.25">
      <c r="A215" t="s">
        <v>12</v>
      </c>
      <c r="B215">
        <v>0.68</v>
      </c>
      <c r="C215">
        <v>0.78</v>
      </c>
    </row>
    <row r="216" spans="1:3" x14ac:dyDescent="0.25">
      <c r="A216" t="s">
        <v>10</v>
      </c>
      <c r="B216">
        <v>0.02</v>
      </c>
      <c r="C216">
        <v>0.38</v>
      </c>
    </row>
    <row r="217" spans="1:3" x14ac:dyDescent="0.25">
      <c r="A217" t="s">
        <v>24</v>
      </c>
      <c r="B217">
        <v>0.37</v>
      </c>
      <c r="C217">
        <v>0.56000000000000005</v>
      </c>
    </row>
    <row r="218" spans="1:3" x14ac:dyDescent="0.25">
      <c r="A218" t="s">
        <v>10</v>
      </c>
      <c r="B218">
        <v>0.98</v>
      </c>
      <c r="C218">
        <v>0.52</v>
      </c>
    </row>
    <row r="219" spans="1:3" x14ac:dyDescent="0.25">
      <c r="A219" t="s">
        <v>8</v>
      </c>
      <c r="B219">
        <v>0.55000000000000004</v>
      </c>
      <c r="C219">
        <v>0.36</v>
      </c>
    </row>
    <row r="220" spans="1:3" x14ac:dyDescent="0.25">
      <c r="A220" t="s">
        <v>12</v>
      </c>
      <c r="B220">
        <v>0.37</v>
      </c>
      <c r="C220">
        <v>0.16</v>
      </c>
    </row>
    <row r="221" spans="1:3" x14ac:dyDescent="0.25">
      <c r="A221" t="s">
        <v>10</v>
      </c>
      <c r="B221">
        <v>0.01</v>
      </c>
      <c r="C221">
        <v>0.55000000000000004</v>
      </c>
    </row>
    <row r="222" spans="1:3" x14ac:dyDescent="0.25">
      <c r="A222" t="s">
        <v>10</v>
      </c>
      <c r="B222">
        <v>0.98</v>
      </c>
      <c r="C222">
        <v>0.7</v>
      </c>
    </row>
    <row r="223" spans="1:3" x14ac:dyDescent="0.25">
      <c r="A223" t="s">
        <v>8</v>
      </c>
      <c r="B223">
        <v>0.64</v>
      </c>
      <c r="C223">
        <v>0.23</v>
      </c>
    </row>
    <row r="224" spans="1:3" x14ac:dyDescent="0.25">
      <c r="A224" t="s">
        <v>24</v>
      </c>
      <c r="B224">
        <v>0.73</v>
      </c>
      <c r="C224">
        <v>0.56999999999999995</v>
      </c>
    </row>
    <row r="225" spans="1:3" x14ac:dyDescent="0.25">
      <c r="A225" t="s">
        <v>24</v>
      </c>
      <c r="B225">
        <v>0.52</v>
      </c>
      <c r="C225">
        <v>0.14000000000000001</v>
      </c>
    </row>
    <row r="226" spans="1:3" x14ac:dyDescent="0.25">
      <c r="A226" t="s">
        <v>12</v>
      </c>
      <c r="B226">
        <v>0.71</v>
      </c>
      <c r="C226">
        <v>0.48</v>
      </c>
    </row>
    <row r="227" spans="1:3" x14ac:dyDescent="0.25">
      <c r="A227" t="s">
        <v>24</v>
      </c>
      <c r="B227">
        <v>0.93</v>
      </c>
      <c r="C227">
        <v>0.89</v>
      </c>
    </row>
    <row r="228" spans="1:3" x14ac:dyDescent="0.25">
      <c r="A228" t="s">
        <v>12</v>
      </c>
      <c r="B228">
        <v>0.11</v>
      </c>
      <c r="C228">
        <v>0.42</v>
      </c>
    </row>
    <row r="229" spans="1:3" x14ac:dyDescent="0.25">
      <c r="A229" t="s">
        <v>10</v>
      </c>
      <c r="B229">
        <v>0.35</v>
      </c>
      <c r="C229">
        <v>0.68</v>
      </c>
    </row>
    <row r="230" spans="1:3" x14ac:dyDescent="0.25">
      <c r="A230" t="s">
        <v>10</v>
      </c>
      <c r="B230">
        <v>0.44</v>
      </c>
      <c r="C230">
        <v>0.36</v>
      </c>
    </row>
    <row r="231" spans="1:3" x14ac:dyDescent="0.25">
      <c r="A231" t="s">
        <v>24</v>
      </c>
      <c r="B231">
        <v>0.08</v>
      </c>
      <c r="C231">
        <v>0.37</v>
      </c>
    </row>
    <row r="232" spans="1:3" x14ac:dyDescent="0.25">
      <c r="A232" t="s">
        <v>24</v>
      </c>
      <c r="B232">
        <v>0.22</v>
      </c>
      <c r="C232">
        <v>0.85</v>
      </c>
    </row>
    <row r="233" spans="1:3" x14ac:dyDescent="0.25">
      <c r="A233" t="s">
        <v>10</v>
      </c>
      <c r="B233">
        <v>0.53</v>
      </c>
      <c r="C233">
        <v>0.85</v>
      </c>
    </row>
    <row r="234" spans="1:3" x14ac:dyDescent="0.25">
      <c r="A234" t="s">
        <v>12</v>
      </c>
      <c r="B234">
        <v>0.79</v>
      </c>
      <c r="C234">
        <v>0.49</v>
      </c>
    </row>
    <row r="235" spans="1:3" x14ac:dyDescent="0.25">
      <c r="A235" t="s">
        <v>12</v>
      </c>
      <c r="B235">
        <v>0.33</v>
      </c>
      <c r="C235">
        <v>0.81</v>
      </c>
    </row>
    <row r="236" spans="1:3" x14ac:dyDescent="0.25">
      <c r="A236" t="s">
        <v>10</v>
      </c>
      <c r="B236">
        <v>0.39</v>
      </c>
      <c r="C236">
        <v>0.69</v>
      </c>
    </row>
    <row r="237" spans="1:3" x14ac:dyDescent="0.25">
      <c r="A237" t="s">
        <v>8</v>
      </c>
      <c r="B237">
        <v>0.37</v>
      </c>
      <c r="C237">
        <v>0.79</v>
      </c>
    </row>
    <row r="238" spans="1:3" x14ac:dyDescent="0.25">
      <c r="A238" t="s">
        <v>12</v>
      </c>
      <c r="B238">
        <v>0.55000000000000004</v>
      </c>
      <c r="C238">
        <v>0.61</v>
      </c>
    </row>
    <row r="239" spans="1:3" x14ac:dyDescent="0.25">
      <c r="A239" t="s">
        <v>24</v>
      </c>
      <c r="B239">
        <v>0.39</v>
      </c>
      <c r="C239">
        <v>0.76</v>
      </c>
    </row>
    <row r="240" spans="1:3" x14ac:dyDescent="0.25">
      <c r="A240" t="s">
        <v>8</v>
      </c>
      <c r="B240">
        <v>0.19</v>
      </c>
      <c r="C240">
        <v>0.92</v>
      </c>
    </row>
    <row r="241" spans="1:3" x14ac:dyDescent="0.25">
      <c r="A241" t="s">
        <v>10</v>
      </c>
      <c r="B241">
        <v>0.53</v>
      </c>
      <c r="C241">
        <v>0.89</v>
      </c>
    </row>
    <row r="242" spans="1:3" x14ac:dyDescent="0.25">
      <c r="A242" t="s">
        <v>10</v>
      </c>
      <c r="B242">
        <v>0.98</v>
      </c>
      <c r="C242">
        <v>0.24</v>
      </c>
    </row>
    <row r="243" spans="1:3" x14ac:dyDescent="0.25">
      <c r="A243" t="s">
        <v>10</v>
      </c>
      <c r="B243">
        <v>0.43</v>
      </c>
      <c r="C243">
        <v>0.51</v>
      </c>
    </row>
    <row r="244" spans="1:3" x14ac:dyDescent="0.25">
      <c r="A244" t="s">
        <v>10</v>
      </c>
      <c r="B244">
        <v>0.81</v>
      </c>
      <c r="C244">
        <v>0.7</v>
      </c>
    </row>
    <row r="245" spans="1:3" x14ac:dyDescent="0.25">
      <c r="A245" t="s">
        <v>8</v>
      </c>
      <c r="B245">
        <v>0.01</v>
      </c>
      <c r="C245">
        <v>0.55000000000000004</v>
      </c>
    </row>
    <row r="246" spans="1:3" x14ac:dyDescent="0.25">
      <c r="A246" t="s">
        <v>24</v>
      </c>
      <c r="B246">
        <v>0.44</v>
      </c>
      <c r="C246">
        <v>0.46</v>
      </c>
    </row>
    <row r="247" spans="1:3" x14ac:dyDescent="0.25">
      <c r="A247" t="s">
        <v>12</v>
      </c>
      <c r="B247">
        <v>0.72</v>
      </c>
      <c r="C247">
        <v>0.06</v>
      </c>
    </row>
    <row r="248" spans="1:3" x14ac:dyDescent="0.25">
      <c r="A248" t="s">
        <v>10</v>
      </c>
      <c r="B248">
        <v>0.16</v>
      </c>
      <c r="C248">
        <v>0.54</v>
      </c>
    </row>
    <row r="249" spans="1:3" x14ac:dyDescent="0.25">
      <c r="A249" t="s">
        <v>12</v>
      </c>
      <c r="B249">
        <v>0.8</v>
      </c>
      <c r="C249">
        <v>0.18</v>
      </c>
    </row>
    <row r="250" spans="1:3" x14ac:dyDescent="0.25">
      <c r="A250" t="s">
        <v>24</v>
      </c>
      <c r="B250">
        <v>0.42</v>
      </c>
      <c r="C250">
        <v>0.85</v>
      </c>
    </row>
    <row r="251" spans="1:3" x14ac:dyDescent="0.25">
      <c r="A251" t="s">
        <v>8</v>
      </c>
      <c r="B251">
        <v>0.03</v>
      </c>
      <c r="C251">
        <v>0.86</v>
      </c>
    </row>
    <row r="252" spans="1:3" x14ac:dyDescent="0.25">
      <c r="A252" t="s">
        <v>10</v>
      </c>
      <c r="B252">
        <v>0.39</v>
      </c>
      <c r="C252">
        <v>0.38</v>
      </c>
    </row>
    <row r="253" spans="1:3" x14ac:dyDescent="0.25">
      <c r="A253" t="s">
        <v>8</v>
      </c>
      <c r="B253">
        <v>0.8</v>
      </c>
      <c r="C253">
        <v>0.42</v>
      </c>
    </row>
    <row r="254" spans="1:3" x14ac:dyDescent="0.25">
      <c r="A254" t="s">
        <v>24</v>
      </c>
      <c r="B254">
        <v>0.15</v>
      </c>
      <c r="C254">
        <v>0.49</v>
      </c>
    </row>
    <row r="255" spans="1:3" x14ac:dyDescent="0.25">
      <c r="A255" t="s">
        <v>12</v>
      </c>
      <c r="B255">
        <v>0.46</v>
      </c>
      <c r="C255">
        <v>0.26</v>
      </c>
    </row>
    <row r="256" spans="1:3" x14ac:dyDescent="0.25">
      <c r="A256" t="s">
        <v>12</v>
      </c>
      <c r="B256">
        <v>0.99</v>
      </c>
      <c r="C256">
        <v>0.45</v>
      </c>
    </row>
    <row r="257" spans="1:3" x14ac:dyDescent="0.25">
      <c r="A257" t="s">
        <v>12</v>
      </c>
      <c r="B257">
        <v>0.76</v>
      </c>
      <c r="C257">
        <v>0.75</v>
      </c>
    </row>
    <row r="258" spans="1:3" x14ac:dyDescent="0.25">
      <c r="A258" t="s">
        <v>12</v>
      </c>
      <c r="B258">
        <v>0.85</v>
      </c>
      <c r="C258">
        <v>0.26</v>
      </c>
    </row>
    <row r="259" spans="1:3" x14ac:dyDescent="0.25">
      <c r="A259" t="s">
        <v>12</v>
      </c>
      <c r="B259">
        <v>0.34</v>
      </c>
      <c r="C259">
        <v>0.53</v>
      </c>
    </row>
    <row r="260" spans="1:3" x14ac:dyDescent="0.25">
      <c r="A260" t="s">
        <v>24</v>
      </c>
      <c r="B260">
        <v>0.38</v>
      </c>
      <c r="C260">
        <v>0.41</v>
      </c>
    </row>
    <row r="261" spans="1:3" x14ac:dyDescent="0.25">
      <c r="A261" t="s">
        <v>8</v>
      </c>
      <c r="B261">
        <v>0.77</v>
      </c>
      <c r="C261">
        <v>0.55000000000000004</v>
      </c>
    </row>
    <row r="262" spans="1:3" x14ac:dyDescent="0.25">
      <c r="A262" t="s">
        <v>12</v>
      </c>
      <c r="B262">
        <v>0.23</v>
      </c>
      <c r="C262">
        <v>0.49</v>
      </c>
    </row>
    <row r="263" spans="1:3" x14ac:dyDescent="0.25">
      <c r="A263" t="s">
        <v>8</v>
      </c>
      <c r="B263">
        <v>0.47</v>
      </c>
      <c r="C263">
        <v>0.93</v>
      </c>
    </row>
    <row r="264" spans="1:3" x14ac:dyDescent="0.25">
      <c r="A264" t="s">
        <v>24</v>
      </c>
      <c r="B264">
        <v>0.84</v>
      </c>
      <c r="C264">
        <v>0.45</v>
      </c>
    </row>
    <row r="265" spans="1:3" x14ac:dyDescent="0.25">
      <c r="A265" t="s">
        <v>8</v>
      </c>
      <c r="B265">
        <v>0.6</v>
      </c>
      <c r="C265">
        <v>0.38</v>
      </c>
    </row>
    <row r="266" spans="1:3" x14ac:dyDescent="0.25">
      <c r="A266" t="s">
        <v>12</v>
      </c>
      <c r="B266">
        <v>0.44</v>
      </c>
      <c r="C266">
        <v>0.41</v>
      </c>
    </row>
    <row r="267" spans="1:3" x14ac:dyDescent="0.25">
      <c r="A267" t="s">
        <v>10</v>
      </c>
      <c r="B267">
        <v>0.16</v>
      </c>
      <c r="C267">
        <v>0.36</v>
      </c>
    </row>
    <row r="268" spans="1:3" x14ac:dyDescent="0.25">
      <c r="A268" t="s">
        <v>10</v>
      </c>
      <c r="B268">
        <v>0.76</v>
      </c>
      <c r="C268">
        <v>0.3</v>
      </c>
    </row>
    <row r="269" spans="1:3" x14ac:dyDescent="0.25">
      <c r="A269" t="s">
        <v>12</v>
      </c>
      <c r="B269">
        <v>0.18</v>
      </c>
      <c r="C269">
        <v>0.81</v>
      </c>
    </row>
    <row r="270" spans="1:3" x14ac:dyDescent="0.25">
      <c r="A270" t="s">
        <v>10</v>
      </c>
      <c r="B270">
        <v>0.55000000000000004</v>
      </c>
      <c r="C270">
        <v>0.14000000000000001</v>
      </c>
    </row>
    <row r="271" spans="1:3" x14ac:dyDescent="0.25">
      <c r="A271" t="s">
        <v>12</v>
      </c>
      <c r="B271">
        <v>0.8</v>
      </c>
      <c r="C271">
        <v>0.53</v>
      </c>
    </row>
    <row r="272" spans="1:3" x14ac:dyDescent="0.25">
      <c r="A272" t="s">
        <v>8</v>
      </c>
      <c r="B272">
        <v>0.17</v>
      </c>
      <c r="C272">
        <v>0.12</v>
      </c>
    </row>
    <row r="273" spans="1:3" x14ac:dyDescent="0.25">
      <c r="A273" t="s">
        <v>24</v>
      </c>
      <c r="B273">
        <v>0.23</v>
      </c>
      <c r="C273">
        <v>0.11</v>
      </c>
    </row>
    <row r="274" spans="1:3" x14ac:dyDescent="0.25">
      <c r="A274" t="s">
        <v>10</v>
      </c>
      <c r="B274">
        <v>0.47</v>
      </c>
      <c r="C274">
        <v>0.64</v>
      </c>
    </row>
    <row r="275" spans="1:3" x14ac:dyDescent="0.25">
      <c r="A275" t="s">
        <v>8</v>
      </c>
      <c r="B275">
        <v>0.6</v>
      </c>
      <c r="C275">
        <v>0.13</v>
      </c>
    </row>
    <row r="276" spans="1:3" x14ac:dyDescent="0.25">
      <c r="A276" t="s">
        <v>12</v>
      </c>
      <c r="B276">
        <v>0.69</v>
      </c>
      <c r="C276">
        <v>0.39</v>
      </c>
    </row>
    <row r="277" spans="1:3" x14ac:dyDescent="0.25">
      <c r="A277" t="s">
        <v>10</v>
      </c>
      <c r="B277">
        <v>0.28000000000000003</v>
      </c>
      <c r="C277">
        <v>0.12</v>
      </c>
    </row>
    <row r="278" spans="1:3" x14ac:dyDescent="0.25">
      <c r="A278" t="s">
        <v>24</v>
      </c>
      <c r="B278">
        <v>0.31</v>
      </c>
      <c r="C278">
        <v>0.32</v>
      </c>
    </row>
    <row r="279" spans="1:3" x14ac:dyDescent="0.25">
      <c r="A279" t="s">
        <v>12</v>
      </c>
      <c r="B279">
        <v>0.66</v>
      </c>
      <c r="C279">
        <v>0.68</v>
      </c>
    </row>
    <row r="280" spans="1:3" x14ac:dyDescent="0.25">
      <c r="A280" t="s">
        <v>24</v>
      </c>
      <c r="B280">
        <v>0.56000000000000005</v>
      </c>
      <c r="C280">
        <v>0.59</v>
      </c>
    </row>
    <row r="281" spans="1:3" x14ac:dyDescent="0.25">
      <c r="A281" t="s">
        <v>12</v>
      </c>
      <c r="B281">
        <v>0.78</v>
      </c>
      <c r="C281">
        <v>0.38</v>
      </c>
    </row>
    <row r="282" spans="1:3" x14ac:dyDescent="0.25">
      <c r="A282" t="s">
        <v>12</v>
      </c>
      <c r="B282">
        <v>0.56999999999999995</v>
      </c>
      <c r="C282">
        <v>0.62</v>
      </c>
    </row>
    <row r="283" spans="1:3" x14ac:dyDescent="0.25">
      <c r="A283" t="s">
        <v>8</v>
      </c>
      <c r="B283">
        <v>0.3</v>
      </c>
      <c r="C283">
        <v>0.41</v>
      </c>
    </row>
    <row r="284" spans="1:3" x14ac:dyDescent="0.25">
      <c r="A284" t="s">
        <v>10</v>
      </c>
      <c r="B284">
        <v>0.25</v>
      </c>
      <c r="C284">
        <v>0.45</v>
      </c>
    </row>
    <row r="285" spans="1:3" x14ac:dyDescent="0.25">
      <c r="A285" t="s">
        <v>12</v>
      </c>
      <c r="B285">
        <v>0.16</v>
      </c>
      <c r="C285">
        <v>0.43</v>
      </c>
    </row>
    <row r="286" spans="1:3" x14ac:dyDescent="0.25">
      <c r="A286" t="s">
        <v>8</v>
      </c>
      <c r="B286">
        <v>0.44</v>
      </c>
      <c r="C286">
        <v>0.46</v>
      </c>
    </row>
    <row r="287" spans="1:3" x14ac:dyDescent="0.25">
      <c r="A287" t="s">
        <v>10</v>
      </c>
      <c r="B287">
        <v>0.06</v>
      </c>
      <c r="C287">
        <v>0.15</v>
      </c>
    </row>
    <row r="288" spans="1:3" x14ac:dyDescent="0.25">
      <c r="A288" t="s">
        <v>12</v>
      </c>
      <c r="B288">
        <v>0.83</v>
      </c>
      <c r="C288">
        <v>0.63</v>
      </c>
    </row>
    <row r="289" spans="1:3" x14ac:dyDescent="0.25">
      <c r="A289" t="s">
        <v>10</v>
      </c>
      <c r="B289">
        <v>0.79</v>
      </c>
      <c r="C289">
        <v>0.53</v>
      </c>
    </row>
    <row r="290" spans="1:3" x14ac:dyDescent="0.25">
      <c r="A290" t="s">
        <v>8</v>
      </c>
      <c r="B290">
        <v>0.28000000000000003</v>
      </c>
      <c r="C290">
        <v>0.34</v>
      </c>
    </row>
    <row r="291" spans="1:3" x14ac:dyDescent="0.25">
      <c r="A291" t="s">
        <v>8</v>
      </c>
      <c r="B291">
        <v>0.06</v>
      </c>
      <c r="C291">
        <v>0.34</v>
      </c>
    </row>
    <row r="292" spans="1:3" x14ac:dyDescent="0.25">
      <c r="A292" t="s">
        <v>12</v>
      </c>
      <c r="B292">
        <v>0.46</v>
      </c>
      <c r="C292">
        <v>0.43</v>
      </c>
    </row>
    <row r="293" spans="1:3" x14ac:dyDescent="0.25">
      <c r="A293" t="s">
        <v>10</v>
      </c>
      <c r="B293">
        <v>0.41</v>
      </c>
      <c r="C293">
        <v>0.71</v>
      </c>
    </row>
    <row r="294" spans="1:3" x14ac:dyDescent="0.25">
      <c r="A294" t="s">
        <v>12</v>
      </c>
      <c r="B294">
        <v>0.81</v>
      </c>
      <c r="C294">
        <v>0.37</v>
      </c>
    </row>
    <row r="295" spans="1:3" x14ac:dyDescent="0.25">
      <c r="A295" t="s">
        <v>12</v>
      </c>
      <c r="B295">
        <v>0.78</v>
      </c>
      <c r="C295">
        <v>0.85</v>
      </c>
    </row>
    <row r="296" spans="1:3" x14ac:dyDescent="0.25">
      <c r="A296" t="s">
        <v>12</v>
      </c>
      <c r="B296">
        <v>0.73</v>
      </c>
      <c r="C296">
        <v>0.56999999999999995</v>
      </c>
    </row>
    <row r="297" spans="1:3" x14ac:dyDescent="0.25">
      <c r="A297" t="s">
        <v>10</v>
      </c>
      <c r="B297">
        <v>0.12</v>
      </c>
      <c r="C297">
        <v>0.88</v>
      </c>
    </row>
    <row r="298" spans="1:3" x14ac:dyDescent="0.25">
      <c r="A298" t="s">
        <v>24</v>
      </c>
      <c r="B298">
        <v>0.61</v>
      </c>
      <c r="C298">
        <v>0.11</v>
      </c>
    </row>
    <row r="299" spans="1:3" x14ac:dyDescent="0.25">
      <c r="A299" t="s">
        <v>12</v>
      </c>
      <c r="B299">
        <v>0.48</v>
      </c>
      <c r="C299">
        <v>0.5</v>
      </c>
    </row>
    <row r="300" spans="1:3" x14ac:dyDescent="0.25">
      <c r="A300" t="s">
        <v>10</v>
      </c>
      <c r="B300">
        <v>0.99</v>
      </c>
      <c r="C300">
        <v>0.25</v>
      </c>
    </row>
    <row r="301" spans="1:3" x14ac:dyDescent="0.25">
      <c r="A301" t="s">
        <v>24</v>
      </c>
      <c r="B301">
        <v>0.28000000000000003</v>
      </c>
      <c r="C301">
        <v>0.21</v>
      </c>
    </row>
    <row r="302" spans="1:3" x14ac:dyDescent="0.25">
      <c r="A302" t="s">
        <v>24</v>
      </c>
      <c r="B302">
        <v>0.65</v>
      </c>
      <c r="C302">
        <v>0.94</v>
      </c>
    </row>
    <row r="303" spans="1:3" x14ac:dyDescent="0.25">
      <c r="A303" t="s">
        <v>12</v>
      </c>
      <c r="B303">
        <v>0.73</v>
      </c>
      <c r="C303">
        <v>0.69</v>
      </c>
    </row>
    <row r="304" spans="1:3" x14ac:dyDescent="0.25">
      <c r="A304" t="s">
        <v>8</v>
      </c>
      <c r="B304">
        <v>0.57999999999999996</v>
      </c>
      <c r="C304">
        <v>0.9</v>
      </c>
    </row>
    <row r="305" spans="1:3" x14ac:dyDescent="0.25">
      <c r="A305" t="s">
        <v>8</v>
      </c>
      <c r="B305">
        <v>0</v>
      </c>
      <c r="C305">
        <v>0.55000000000000004</v>
      </c>
    </row>
    <row r="306" spans="1:3" x14ac:dyDescent="0.25">
      <c r="A306" t="s">
        <v>12</v>
      </c>
      <c r="B306">
        <v>0.87</v>
      </c>
      <c r="C306">
        <v>0.74</v>
      </c>
    </row>
    <row r="307" spans="1:3" x14ac:dyDescent="0.25">
      <c r="A307" t="s">
        <v>24</v>
      </c>
      <c r="B307">
        <v>0.53</v>
      </c>
      <c r="C307">
        <v>0.54</v>
      </c>
    </row>
    <row r="308" spans="1:3" x14ac:dyDescent="0.25">
      <c r="A308" t="s">
        <v>8</v>
      </c>
      <c r="B308">
        <v>0.2</v>
      </c>
      <c r="C308">
        <v>0.9</v>
      </c>
    </row>
    <row r="309" spans="1:3" x14ac:dyDescent="0.25">
      <c r="A309" t="s">
        <v>10</v>
      </c>
      <c r="B309">
        <v>0.47</v>
      </c>
      <c r="C309">
        <v>0.7</v>
      </c>
    </row>
    <row r="310" spans="1:3" x14ac:dyDescent="0.25">
      <c r="A310" t="s">
        <v>10</v>
      </c>
      <c r="B310">
        <v>0.61</v>
      </c>
      <c r="C310">
        <v>0.35</v>
      </c>
    </row>
    <row r="311" spans="1:3" x14ac:dyDescent="0.25">
      <c r="A311" t="s">
        <v>10</v>
      </c>
      <c r="B311">
        <v>7.0000000000000007E-2</v>
      </c>
      <c r="C311">
        <v>0.93</v>
      </c>
    </row>
    <row r="312" spans="1:3" x14ac:dyDescent="0.25">
      <c r="A312" t="s">
        <v>8</v>
      </c>
      <c r="B312">
        <v>0.6</v>
      </c>
      <c r="C312">
        <v>0.51</v>
      </c>
    </row>
    <row r="313" spans="1:3" x14ac:dyDescent="0.25">
      <c r="A313" t="s">
        <v>8</v>
      </c>
      <c r="B313">
        <v>0.48</v>
      </c>
      <c r="C313">
        <v>0.26</v>
      </c>
    </row>
    <row r="314" spans="1:3" x14ac:dyDescent="0.25">
      <c r="A314" t="s">
        <v>12</v>
      </c>
      <c r="B314">
        <v>0.04</v>
      </c>
      <c r="C314">
        <v>0.52</v>
      </c>
    </row>
    <row r="315" spans="1:3" x14ac:dyDescent="0.25">
      <c r="A315" t="s">
        <v>24</v>
      </c>
      <c r="B315">
        <v>0.99</v>
      </c>
      <c r="C315">
        <v>0.68</v>
      </c>
    </row>
    <row r="316" spans="1:3" x14ac:dyDescent="0.25">
      <c r="A316" t="s">
        <v>10</v>
      </c>
      <c r="B316">
        <v>0.34</v>
      </c>
      <c r="C316">
        <v>0.34</v>
      </c>
    </row>
    <row r="317" spans="1:3" x14ac:dyDescent="0.25">
      <c r="A317" t="s">
        <v>24</v>
      </c>
      <c r="B317">
        <v>0.48</v>
      </c>
      <c r="C317">
        <v>0.33</v>
      </c>
    </row>
    <row r="318" spans="1:3" x14ac:dyDescent="0.25">
      <c r="A318" t="s">
        <v>24</v>
      </c>
      <c r="B318">
        <v>0.18</v>
      </c>
      <c r="C318">
        <v>0.13</v>
      </c>
    </row>
    <row r="319" spans="1:3" x14ac:dyDescent="0.25">
      <c r="A319" t="s">
        <v>8</v>
      </c>
      <c r="B319">
        <v>0.4</v>
      </c>
      <c r="C319">
        <v>0.7</v>
      </c>
    </row>
    <row r="320" spans="1:3" x14ac:dyDescent="0.25">
      <c r="A320" t="s">
        <v>10</v>
      </c>
      <c r="B320">
        <v>0.67</v>
      </c>
      <c r="C320">
        <v>0.15</v>
      </c>
    </row>
    <row r="321" spans="1:3" x14ac:dyDescent="0.25">
      <c r="A321" t="s">
        <v>24</v>
      </c>
      <c r="B321">
        <v>0.78</v>
      </c>
      <c r="C321">
        <v>0.77</v>
      </c>
    </row>
    <row r="322" spans="1:3" x14ac:dyDescent="0.25">
      <c r="A322" t="s">
        <v>10</v>
      </c>
      <c r="B322">
        <v>0.28999999999999998</v>
      </c>
      <c r="C322">
        <v>0.17</v>
      </c>
    </row>
    <row r="323" spans="1:3" x14ac:dyDescent="0.25">
      <c r="A323" t="s">
        <v>12</v>
      </c>
      <c r="B323">
        <v>0.52</v>
      </c>
      <c r="C323">
        <v>0.38</v>
      </c>
    </row>
    <row r="324" spans="1:3" x14ac:dyDescent="0.25">
      <c r="A324" t="s">
        <v>12</v>
      </c>
      <c r="B324">
        <v>0.18</v>
      </c>
      <c r="C324">
        <v>0.8</v>
      </c>
    </row>
    <row r="325" spans="1:3" x14ac:dyDescent="0.25">
      <c r="A325" t="s">
        <v>10</v>
      </c>
      <c r="B325">
        <v>0.36</v>
      </c>
      <c r="C325">
        <v>0.8</v>
      </c>
    </row>
    <row r="326" spans="1:3" x14ac:dyDescent="0.25">
      <c r="A326" t="s">
        <v>8</v>
      </c>
      <c r="B326">
        <v>0.02</v>
      </c>
      <c r="C326">
        <v>0.75</v>
      </c>
    </row>
    <row r="327" spans="1:3" x14ac:dyDescent="0.25">
      <c r="A327" t="s">
        <v>10</v>
      </c>
      <c r="B327">
        <v>0.91</v>
      </c>
      <c r="C327">
        <v>0.5</v>
      </c>
    </row>
    <row r="328" spans="1:3" x14ac:dyDescent="0.25">
      <c r="A328" t="s">
        <v>24</v>
      </c>
      <c r="B328">
        <v>0.05</v>
      </c>
      <c r="C328">
        <v>0.28999999999999998</v>
      </c>
    </row>
    <row r="329" spans="1:3" x14ac:dyDescent="0.25">
      <c r="A329" t="s">
        <v>10</v>
      </c>
      <c r="B329">
        <v>0.92</v>
      </c>
      <c r="C329">
        <v>0.26</v>
      </c>
    </row>
    <row r="330" spans="1:3" x14ac:dyDescent="0.25">
      <c r="A330" t="s">
        <v>12</v>
      </c>
      <c r="B330">
        <v>0.08</v>
      </c>
      <c r="C330">
        <v>0.49</v>
      </c>
    </row>
    <row r="331" spans="1:3" x14ac:dyDescent="0.25">
      <c r="A331" t="s">
        <v>24</v>
      </c>
      <c r="B331">
        <v>0.23</v>
      </c>
      <c r="C331">
        <v>0.42</v>
      </c>
    </row>
    <row r="332" spans="1:3" x14ac:dyDescent="0.25">
      <c r="A332" t="s">
        <v>24</v>
      </c>
      <c r="B332">
        <v>0.8</v>
      </c>
      <c r="C332">
        <v>0.2</v>
      </c>
    </row>
    <row r="333" spans="1:3" x14ac:dyDescent="0.25">
      <c r="A333" t="s">
        <v>8</v>
      </c>
      <c r="B333">
        <v>0.68</v>
      </c>
      <c r="C333">
        <v>0.8</v>
      </c>
    </row>
    <row r="334" spans="1:3" x14ac:dyDescent="0.25">
      <c r="A334" t="s">
        <v>12</v>
      </c>
      <c r="B334">
        <v>0.3</v>
      </c>
      <c r="C334">
        <v>0.2</v>
      </c>
    </row>
    <row r="335" spans="1:3" x14ac:dyDescent="0.25">
      <c r="A335" t="s">
        <v>10</v>
      </c>
      <c r="B335">
        <v>0.14000000000000001</v>
      </c>
      <c r="C335">
        <v>0.52</v>
      </c>
    </row>
    <row r="336" spans="1:3" x14ac:dyDescent="0.25">
      <c r="A336" t="s">
        <v>24</v>
      </c>
      <c r="B336">
        <v>0.25</v>
      </c>
      <c r="C336">
        <v>0.22</v>
      </c>
    </row>
    <row r="337" spans="1:3" x14ac:dyDescent="0.25">
      <c r="A337" t="s">
        <v>12</v>
      </c>
      <c r="B337">
        <v>0.51</v>
      </c>
      <c r="C337">
        <v>0.54</v>
      </c>
    </row>
    <row r="338" spans="1:3" x14ac:dyDescent="0.25">
      <c r="A338" t="s">
        <v>24</v>
      </c>
      <c r="B338">
        <v>0.74</v>
      </c>
      <c r="C338">
        <v>0.73</v>
      </c>
    </row>
    <row r="339" spans="1:3" x14ac:dyDescent="0.25">
      <c r="A339" t="s">
        <v>24</v>
      </c>
      <c r="B339">
        <v>0.04</v>
      </c>
      <c r="C339">
        <v>0.11</v>
      </c>
    </row>
    <row r="340" spans="1:3" x14ac:dyDescent="0.25">
      <c r="A340" t="s">
        <v>12</v>
      </c>
      <c r="B340">
        <v>0.01</v>
      </c>
      <c r="C340">
        <v>0.82</v>
      </c>
    </row>
    <row r="341" spans="1:3" x14ac:dyDescent="0.25">
      <c r="A341" t="s">
        <v>24</v>
      </c>
      <c r="B341">
        <v>0.33</v>
      </c>
      <c r="C341">
        <v>0.35</v>
      </c>
    </row>
    <row r="342" spans="1:3" x14ac:dyDescent="0.25">
      <c r="A342" t="s">
        <v>8</v>
      </c>
      <c r="B342">
        <v>0.36</v>
      </c>
      <c r="C342">
        <v>0.94</v>
      </c>
    </row>
    <row r="343" spans="1:3" x14ac:dyDescent="0.25">
      <c r="A343" t="s">
        <v>10</v>
      </c>
      <c r="B343">
        <v>0.72</v>
      </c>
      <c r="C343">
        <v>0.43</v>
      </c>
    </row>
    <row r="344" spans="1:3" x14ac:dyDescent="0.25">
      <c r="A344" t="s">
        <v>12</v>
      </c>
      <c r="B344">
        <v>0.21</v>
      </c>
      <c r="C344">
        <v>0.63</v>
      </c>
    </row>
    <row r="345" spans="1:3" x14ac:dyDescent="0.25">
      <c r="A345" t="s">
        <v>24</v>
      </c>
      <c r="B345">
        <v>0.7</v>
      </c>
      <c r="C345">
        <v>0.48</v>
      </c>
    </row>
    <row r="346" spans="1:3" x14ac:dyDescent="0.25">
      <c r="A346" t="s">
        <v>8</v>
      </c>
      <c r="B346">
        <v>0.95</v>
      </c>
      <c r="C346">
        <v>0.06</v>
      </c>
    </row>
    <row r="347" spans="1:3" x14ac:dyDescent="0.25">
      <c r="A347" t="s">
        <v>10</v>
      </c>
      <c r="B347">
        <v>0.19</v>
      </c>
      <c r="C347">
        <v>0.93</v>
      </c>
    </row>
    <row r="348" spans="1:3" x14ac:dyDescent="0.25">
      <c r="A348" t="s">
        <v>24</v>
      </c>
      <c r="B348">
        <v>0.81</v>
      </c>
      <c r="C348">
        <v>0.73</v>
      </c>
    </row>
    <row r="349" spans="1:3" x14ac:dyDescent="0.25">
      <c r="A349" t="s">
        <v>10</v>
      </c>
      <c r="B349">
        <v>0.18</v>
      </c>
      <c r="C349">
        <v>0.65</v>
      </c>
    </row>
    <row r="350" spans="1:3" x14ac:dyDescent="0.25">
      <c r="A350" t="s">
        <v>12</v>
      </c>
      <c r="B350">
        <v>0.3</v>
      </c>
      <c r="C350">
        <v>0.93</v>
      </c>
    </row>
    <row r="351" spans="1:3" x14ac:dyDescent="0.25">
      <c r="A351" t="s">
        <v>10</v>
      </c>
      <c r="B351">
        <v>0.55000000000000004</v>
      </c>
      <c r="C351">
        <v>0.75</v>
      </c>
    </row>
    <row r="352" spans="1:3" x14ac:dyDescent="0.25">
      <c r="A352" t="s">
        <v>24</v>
      </c>
      <c r="B352">
        <v>0.26</v>
      </c>
      <c r="C352">
        <v>0.39</v>
      </c>
    </row>
    <row r="353" spans="1:3" x14ac:dyDescent="0.25">
      <c r="A353" t="s">
        <v>24</v>
      </c>
      <c r="B353">
        <v>0.31</v>
      </c>
      <c r="C353">
        <v>0.9</v>
      </c>
    </row>
    <row r="354" spans="1:3" x14ac:dyDescent="0.25">
      <c r="A354" t="s">
        <v>24</v>
      </c>
      <c r="B354">
        <v>0.39</v>
      </c>
      <c r="C354">
        <v>0.17</v>
      </c>
    </row>
    <row r="355" spans="1:3" x14ac:dyDescent="0.25">
      <c r="A355" t="s">
        <v>8</v>
      </c>
      <c r="B355">
        <v>0.4</v>
      </c>
      <c r="C355">
        <v>0.62</v>
      </c>
    </row>
    <row r="356" spans="1:3" x14ac:dyDescent="0.25">
      <c r="A356" t="s">
        <v>8</v>
      </c>
      <c r="B356">
        <v>0.33</v>
      </c>
      <c r="C356">
        <v>0.36</v>
      </c>
    </row>
    <row r="357" spans="1:3" x14ac:dyDescent="0.25">
      <c r="A357" t="s">
        <v>24</v>
      </c>
      <c r="B357">
        <v>0.12</v>
      </c>
      <c r="C357">
        <v>0.9</v>
      </c>
    </row>
    <row r="358" spans="1:3" x14ac:dyDescent="0.25">
      <c r="A358" t="s">
        <v>24</v>
      </c>
      <c r="B358">
        <v>0.17</v>
      </c>
      <c r="C358">
        <v>0.83</v>
      </c>
    </row>
    <row r="359" spans="1:3" x14ac:dyDescent="0.25">
      <c r="A359" t="s">
        <v>24</v>
      </c>
      <c r="B359">
        <v>0.93</v>
      </c>
      <c r="C359">
        <v>0.4</v>
      </c>
    </row>
    <row r="360" spans="1:3" x14ac:dyDescent="0.25">
      <c r="A360" t="s">
        <v>12</v>
      </c>
      <c r="B360">
        <v>0.73</v>
      </c>
      <c r="C360">
        <v>0.6</v>
      </c>
    </row>
    <row r="361" spans="1:3" x14ac:dyDescent="0.25">
      <c r="A361" t="s">
        <v>10</v>
      </c>
      <c r="B361">
        <v>0.77</v>
      </c>
      <c r="C361">
        <v>0.5</v>
      </c>
    </row>
    <row r="362" spans="1:3" x14ac:dyDescent="0.25">
      <c r="A362" t="s">
        <v>12</v>
      </c>
      <c r="B362">
        <v>0.32</v>
      </c>
      <c r="C362">
        <v>0.71</v>
      </c>
    </row>
    <row r="363" spans="1:3" x14ac:dyDescent="0.25">
      <c r="A363" t="s">
        <v>12</v>
      </c>
      <c r="B363">
        <v>0.75</v>
      </c>
      <c r="C363">
        <v>0.64</v>
      </c>
    </row>
    <row r="364" spans="1:3" x14ac:dyDescent="0.25">
      <c r="A364" t="s">
        <v>12</v>
      </c>
      <c r="B364">
        <v>0.44</v>
      </c>
      <c r="C364">
        <v>0.4</v>
      </c>
    </row>
    <row r="365" spans="1:3" x14ac:dyDescent="0.25">
      <c r="A365" t="s">
        <v>8</v>
      </c>
      <c r="B365">
        <v>0.97</v>
      </c>
      <c r="C365">
        <v>0.65</v>
      </c>
    </row>
    <row r="366" spans="1:3" x14ac:dyDescent="0.25">
      <c r="A366" t="s">
        <v>24</v>
      </c>
      <c r="B366">
        <v>0.49</v>
      </c>
      <c r="C366">
        <v>0.54</v>
      </c>
    </row>
    <row r="367" spans="1:3" x14ac:dyDescent="0.25">
      <c r="A367" t="s">
        <v>10</v>
      </c>
      <c r="B367">
        <v>0.08</v>
      </c>
      <c r="C367">
        <v>0.67</v>
      </c>
    </row>
    <row r="368" spans="1:3" x14ac:dyDescent="0.25">
      <c r="A368" t="s">
        <v>12</v>
      </c>
      <c r="B368">
        <v>0.48</v>
      </c>
      <c r="C368">
        <v>0.8</v>
      </c>
    </row>
    <row r="369" spans="1:3" x14ac:dyDescent="0.25">
      <c r="A369" t="s">
        <v>12</v>
      </c>
      <c r="B369">
        <v>0.85</v>
      </c>
      <c r="C369">
        <v>0.68</v>
      </c>
    </row>
    <row r="370" spans="1:3" x14ac:dyDescent="0.25">
      <c r="A370" t="s">
        <v>12</v>
      </c>
      <c r="B370">
        <v>0.63</v>
      </c>
      <c r="C370">
        <v>0.08</v>
      </c>
    </row>
    <row r="371" spans="1:3" x14ac:dyDescent="0.25">
      <c r="A371" t="s">
        <v>24</v>
      </c>
      <c r="B371">
        <v>0.2</v>
      </c>
      <c r="C371">
        <v>0.23</v>
      </c>
    </row>
    <row r="372" spans="1:3" x14ac:dyDescent="0.25">
      <c r="A372" t="s">
        <v>24</v>
      </c>
      <c r="B372">
        <v>0.87</v>
      </c>
      <c r="C372">
        <v>0.68</v>
      </c>
    </row>
    <row r="373" spans="1:3" x14ac:dyDescent="0.25">
      <c r="A373" t="s">
        <v>8</v>
      </c>
      <c r="B373">
        <v>0.17</v>
      </c>
      <c r="C373">
        <v>0.15</v>
      </c>
    </row>
    <row r="374" spans="1:3" x14ac:dyDescent="0.25">
      <c r="A374" t="s">
        <v>8</v>
      </c>
      <c r="B374">
        <v>0.13</v>
      </c>
      <c r="C374">
        <v>0.18</v>
      </c>
    </row>
    <row r="375" spans="1:3" x14ac:dyDescent="0.25">
      <c r="A375" t="s">
        <v>8</v>
      </c>
      <c r="B375">
        <v>0.48</v>
      </c>
      <c r="C375">
        <v>0.57999999999999996</v>
      </c>
    </row>
    <row r="376" spans="1:3" x14ac:dyDescent="0.25">
      <c r="A376" t="s">
        <v>12</v>
      </c>
      <c r="B376">
        <v>0.31</v>
      </c>
      <c r="C376">
        <v>0.5</v>
      </c>
    </row>
    <row r="377" spans="1:3" x14ac:dyDescent="0.25">
      <c r="A377" t="s">
        <v>10</v>
      </c>
      <c r="B377">
        <v>0.34</v>
      </c>
      <c r="C377">
        <v>0.17</v>
      </c>
    </row>
    <row r="378" spans="1:3" x14ac:dyDescent="0.25">
      <c r="A378" t="s">
        <v>8</v>
      </c>
      <c r="B378">
        <v>0.02</v>
      </c>
      <c r="C378">
        <v>0.73</v>
      </c>
    </row>
    <row r="379" spans="1:3" x14ac:dyDescent="0.25">
      <c r="A379" t="s">
        <v>24</v>
      </c>
      <c r="B379">
        <v>0.39</v>
      </c>
      <c r="C379">
        <v>0.66</v>
      </c>
    </row>
    <row r="380" spans="1:3" x14ac:dyDescent="0.25">
      <c r="A380" t="s">
        <v>24</v>
      </c>
      <c r="B380">
        <v>0.28000000000000003</v>
      </c>
      <c r="C380">
        <v>0.95</v>
      </c>
    </row>
    <row r="381" spans="1:3" x14ac:dyDescent="0.25">
      <c r="A381" t="s">
        <v>10</v>
      </c>
      <c r="B381">
        <v>0.94</v>
      </c>
      <c r="C381">
        <v>0.19</v>
      </c>
    </row>
    <row r="382" spans="1:3" x14ac:dyDescent="0.25">
      <c r="A382" t="s">
        <v>10</v>
      </c>
      <c r="B382">
        <v>0.69</v>
      </c>
      <c r="C382">
        <v>0.7</v>
      </c>
    </row>
    <row r="383" spans="1:3" x14ac:dyDescent="0.25">
      <c r="A383" t="s">
        <v>24</v>
      </c>
      <c r="B383">
        <v>0.69</v>
      </c>
      <c r="C383">
        <v>0.3</v>
      </c>
    </row>
    <row r="384" spans="1:3" x14ac:dyDescent="0.25">
      <c r="A384" t="s">
        <v>8</v>
      </c>
      <c r="B384">
        <v>0.34</v>
      </c>
      <c r="C384">
        <v>0.11</v>
      </c>
    </row>
    <row r="385" spans="1:3" x14ac:dyDescent="0.25">
      <c r="A385" t="s">
        <v>10</v>
      </c>
      <c r="B385">
        <v>0.56999999999999995</v>
      </c>
      <c r="C385">
        <v>0.53</v>
      </c>
    </row>
    <row r="386" spans="1:3" x14ac:dyDescent="0.25">
      <c r="A386" t="s">
        <v>10</v>
      </c>
      <c r="B386">
        <v>0.97</v>
      </c>
      <c r="C386">
        <v>0.43</v>
      </c>
    </row>
    <row r="387" spans="1:3" x14ac:dyDescent="0.25">
      <c r="A387" t="s">
        <v>8</v>
      </c>
      <c r="B387">
        <v>0.19</v>
      </c>
      <c r="C387">
        <v>0.69</v>
      </c>
    </row>
    <row r="388" spans="1:3" x14ac:dyDescent="0.25">
      <c r="A388" t="s">
        <v>10</v>
      </c>
      <c r="B388">
        <v>0.6</v>
      </c>
      <c r="C388">
        <v>0.38</v>
      </c>
    </row>
    <row r="389" spans="1:3" x14ac:dyDescent="0.25">
      <c r="A389" t="s">
        <v>10</v>
      </c>
      <c r="B389">
        <v>0.54</v>
      </c>
      <c r="C389">
        <v>0.42</v>
      </c>
    </row>
    <row r="390" spans="1:3" x14ac:dyDescent="0.25">
      <c r="A390" t="s">
        <v>8</v>
      </c>
      <c r="B390">
        <v>7.0000000000000007E-2</v>
      </c>
      <c r="C390">
        <v>0.12</v>
      </c>
    </row>
    <row r="391" spans="1:3" x14ac:dyDescent="0.25">
      <c r="A391" t="s">
        <v>8</v>
      </c>
      <c r="B391">
        <v>0.33</v>
      </c>
      <c r="C391">
        <v>0.89</v>
      </c>
    </row>
    <row r="392" spans="1:3" x14ac:dyDescent="0.25">
      <c r="A392" t="s">
        <v>24</v>
      </c>
      <c r="B392">
        <v>0.4</v>
      </c>
      <c r="C392">
        <v>0.53</v>
      </c>
    </row>
    <row r="393" spans="1:3" x14ac:dyDescent="0.25">
      <c r="A393" t="s">
        <v>12</v>
      </c>
      <c r="B393">
        <v>0.93</v>
      </c>
      <c r="C393">
        <v>0.86</v>
      </c>
    </row>
    <row r="394" spans="1:3" x14ac:dyDescent="0.25">
      <c r="A394" t="s">
        <v>10</v>
      </c>
      <c r="B394">
        <v>0.44</v>
      </c>
      <c r="C394">
        <v>0.17</v>
      </c>
    </row>
    <row r="395" spans="1:3" x14ac:dyDescent="0.25">
      <c r="A395" t="s">
        <v>8</v>
      </c>
      <c r="B395">
        <v>1</v>
      </c>
      <c r="C395">
        <v>0.34</v>
      </c>
    </row>
    <row r="396" spans="1:3" x14ac:dyDescent="0.25">
      <c r="A396" t="s">
        <v>12</v>
      </c>
      <c r="B396">
        <v>0.62</v>
      </c>
      <c r="C396">
        <v>0.16</v>
      </c>
    </row>
    <row r="397" spans="1:3" x14ac:dyDescent="0.25">
      <c r="A397" t="s">
        <v>10</v>
      </c>
      <c r="B397">
        <v>0.44</v>
      </c>
      <c r="C397">
        <v>0.25</v>
      </c>
    </row>
    <row r="398" spans="1:3" x14ac:dyDescent="0.25">
      <c r="A398" t="s">
        <v>12</v>
      </c>
      <c r="B398">
        <v>0.51</v>
      </c>
      <c r="C398">
        <v>0.4</v>
      </c>
    </row>
    <row r="399" spans="1:3" x14ac:dyDescent="0.25">
      <c r="A399" t="s">
        <v>8</v>
      </c>
      <c r="B399">
        <v>0.95</v>
      </c>
      <c r="C399">
        <v>0.46</v>
      </c>
    </row>
    <row r="400" spans="1:3" x14ac:dyDescent="0.25">
      <c r="A400" t="s">
        <v>12</v>
      </c>
      <c r="B400">
        <v>0.67</v>
      </c>
      <c r="C400">
        <v>0.05</v>
      </c>
    </row>
    <row r="401" spans="1:3" x14ac:dyDescent="0.25">
      <c r="A401" t="s">
        <v>12</v>
      </c>
      <c r="B401">
        <v>0.35</v>
      </c>
      <c r="C401">
        <v>0.22</v>
      </c>
    </row>
    <row r="402" spans="1:3" x14ac:dyDescent="0.25">
      <c r="A402" t="s">
        <v>24</v>
      </c>
      <c r="B402">
        <v>0.75</v>
      </c>
      <c r="C402">
        <v>0.65</v>
      </c>
    </row>
    <row r="403" spans="1:3" x14ac:dyDescent="0.25">
      <c r="A403" t="s">
        <v>10</v>
      </c>
      <c r="B403">
        <v>0.27</v>
      </c>
      <c r="C403">
        <v>0.59</v>
      </c>
    </row>
    <row r="404" spans="1:3" x14ac:dyDescent="0.25">
      <c r="A404" t="s">
        <v>10</v>
      </c>
      <c r="B404">
        <v>0.63</v>
      </c>
      <c r="C404">
        <v>0.34</v>
      </c>
    </row>
    <row r="405" spans="1:3" x14ac:dyDescent="0.25">
      <c r="A405" t="s">
        <v>8</v>
      </c>
      <c r="B405">
        <v>0.31</v>
      </c>
      <c r="C405">
        <v>0.31</v>
      </c>
    </row>
    <row r="406" spans="1:3" x14ac:dyDescent="0.25">
      <c r="A406" t="s">
        <v>24</v>
      </c>
      <c r="B406">
        <v>0.91</v>
      </c>
      <c r="C406">
        <v>0.86</v>
      </c>
    </row>
    <row r="407" spans="1:3" x14ac:dyDescent="0.25">
      <c r="A407" t="s">
        <v>8</v>
      </c>
      <c r="B407">
        <v>0.35</v>
      </c>
      <c r="C407">
        <v>0.4</v>
      </c>
    </row>
    <row r="408" spans="1:3" x14ac:dyDescent="0.25">
      <c r="A408" t="s">
        <v>12</v>
      </c>
      <c r="B408">
        <v>0.3</v>
      </c>
      <c r="C408">
        <v>0.42</v>
      </c>
    </row>
    <row r="409" spans="1:3" x14ac:dyDescent="0.25">
      <c r="A409" t="s">
        <v>8</v>
      </c>
      <c r="B409">
        <v>0.92</v>
      </c>
      <c r="C409">
        <v>0.44</v>
      </c>
    </row>
    <row r="410" spans="1:3" x14ac:dyDescent="0.25">
      <c r="A410" t="s">
        <v>12</v>
      </c>
      <c r="B410">
        <v>0.34</v>
      </c>
      <c r="C410">
        <v>0.05</v>
      </c>
    </row>
    <row r="411" spans="1:3" x14ac:dyDescent="0.25">
      <c r="A411" t="s">
        <v>24</v>
      </c>
      <c r="B411">
        <v>0.22</v>
      </c>
      <c r="C411">
        <v>0.84</v>
      </c>
    </row>
    <row r="412" spans="1:3" x14ac:dyDescent="0.25">
      <c r="A412" t="s">
        <v>12</v>
      </c>
      <c r="B412">
        <v>0.35</v>
      </c>
      <c r="C412">
        <v>0.25</v>
      </c>
    </row>
    <row r="413" spans="1:3" x14ac:dyDescent="0.25">
      <c r="A413" t="s">
        <v>24</v>
      </c>
      <c r="B413">
        <v>0.91</v>
      </c>
      <c r="C413">
        <v>0.3</v>
      </c>
    </row>
    <row r="414" spans="1:3" x14ac:dyDescent="0.25">
      <c r="A414" t="s">
        <v>10</v>
      </c>
      <c r="B414">
        <v>0.3</v>
      </c>
      <c r="C414">
        <v>0.41</v>
      </c>
    </row>
    <row r="415" spans="1:3" x14ac:dyDescent="0.25">
      <c r="A415" t="s">
        <v>12</v>
      </c>
      <c r="B415">
        <v>7.0000000000000007E-2</v>
      </c>
      <c r="C415">
        <v>0.35</v>
      </c>
    </row>
    <row r="416" spans="1:3" x14ac:dyDescent="0.25">
      <c r="A416" t="s">
        <v>24</v>
      </c>
      <c r="B416">
        <v>0.57999999999999996</v>
      </c>
      <c r="C416">
        <v>0.31</v>
      </c>
    </row>
    <row r="417" spans="1:3" x14ac:dyDescent="0.25">
      <c r="A417" t="s">
        <v>24</v>
      </c>
      <c r="B417">
        <v>0.03</v>
      </c>
      <c r="C417">
        <v>0.12</v>
      </c>
    </row>
    <row r="418" spans="1:3" x14ac:dyDescent="0.25">
      <c r="A418" t="s">
        <v>8</v>
      </c>
      <c r="B418">
        <v>0.69</v>
      </c>
      <c r="C418">
        <v>0.55000000000000004</v>
      </c>
    </row>
    <row r="419" spans="1:3" x14ac:dyDescent="0.25">
      <c r="A419" t="s">
        <v>24</v>
      </c>
      <c r="B419">
        <v>0.35</v>
      </c>
      <c r="C419">
        <v>0.72</v>
      </c>
    </row>
    <row r="420" spans="1:3" x14ac:dyDescent="0.25">
      <c r="A420" t="s">
        <v>24</v>
      </c>
      <c r="B420">
        <v>0.44</v>
      </c>
      <c r="C420">
        <v>0.12</v>
      </c>
    </row>
    <row r="421" spans="1:3" x14ac:dyDescent="0.25">
      <c r="A421" t="s">
        <v>8</v>
      </c>
      <c r="B421">
        <v>0.49</v>
      </c>
      <c r="C421">
        <v>0.55000000000000004</v>
      </c>
    </row>
    <row r="422" spans="1:3" x14ac:dyDescent="0.25">
      <c r="A422" t="s">
        <v>8</v>
      </c>
      <c r="B422">
        <v>0.93</v>
      </c>
      <c r="C422">
        <v>0.45</v>
      </c>
    </row>
    <row r="423" spans="1:3" x14ac:dyDescent="0.25">
      <c r="A423" t="s">
        <v>12</v>
      </c>
      <c r="B423">
        <v>0.97</v>
      </c>
      <c r="C423">
        <v>0.47</v>
      </c>
    </row>
    <row r="424" spans="1:3" x14ac:dyDescent="0.25">
      <c r="A424" t="s">
        <v>10</v>
      </c>
      <c r="B424">
        <v>0.21</v>
      </c>
      <c r="C424">
        <v>0.79</v>
      </c>
    </row>
    <row r="425" spans="1:3" x14ac:dyDescent="0.25">
      <c r="A425" t="s">
        <v>24</v>
      </c>
      <c r="B425">
        <v>0.12</v>
      </c>
      <c r="C425">
        <v>0.66</v>
      </c>
    </row>
    <row r="426" spans="1:3" x14ac:dyDescent="0.25">
      <c r="A426" t="s">
        <v>10</v>
      </c>
      <c r="B426">
        <v>0.22</v>
      </c>
      <c r="C426">
        <v>0.39</v>
      </c>
    </row>
    <row r="427" spans="1:3" x14ac:dyDescent="0.25">
      <c r="A427" t="s">
        <v>12</v>
      </c>
      <c r="B427">
        <v>0.54</v>
      </c>
      <c r="C427">
        <v>0.4</v>
      </c>
    </row>
    <row r="428" spans="1:3" x14ac:dyDescent="0.25">
      <c r="A428" t="s">
        <v>12</v>
      </c>
      <c r="B428">
        <v>0.77</v>
      </c>
      <c r="C428">
        <v>0.43</v>
      </c>
    </row>
    <row r="429" spans="1:3" x14ac:dyDescent="0.25">
      <c r="A429" t="s">
        <v>24</v>
      </c>
      <c r="B429">
        <v>0.12</v>
      </c>
      <c r="C429">
        <v>0.28000000000000003</v>
      </c>
    </row>
    <row r="430" spans="1:3" x14ac:dyDescent="0.25">
      <c r="A430" t="s">
        <v>8</v>
      </c>
      <c r="B430">
        <v>0.26</v>
      </c>
      <c r="C430">
        <v>0.35</v>
      </c>
    </row>
    <row r="431" spans="1:3" x14ac:dyDescent="0.25">
      <c r="A431" t="s">
        <v>12</v>
      </c>
      <c r="B431">
        <v>0.87</v>
      </c>
      <c r="C431">
        <v>0.35</v>
      </c>
    </row>
    <row r="432" spans="1:3" x14ac:dyDescent="0.25">
      <c r="A432" t="s">
        <v>24</v>
      </c>
      <c r="B432">
        <v>0.39</v>
      </c>
      <c r="C432">
        <v>0.5</v>
      </c>
    </row>
    <row r="433" spans="1:3" x14ac:dyDescent="0.25">
      <c r="A433" t="s">
        <v>12</v>
      </c>
      <c r="B433">
        <v>0.33</v>
      </c>
      <c r="C433">
        <v>0.76</v>
      </c>
    </row>
    <row r="434" spans="1:3" x14ac:dyDescent="0.25">
      <c r="A434" t="s">
        <v>10</v>
      </c>
      <c r="B434">
        <v>0.97</v>
      </c>
      <c r="C434">
        <v>0.4</v>
      </c>
    </row>
    <row r="435" spans="1:3" x14ac:dyDescent="0.25">
      <c r="A435" t="s">
        <v>10</v>
      </c>
      <c r="B435">
        <v>0.74</v>
      </c>
      <c r="C435">
        <v>0.64</v>
      </c>
    </row>
    <row r="436" spans="1:3" x14ac:dyDescent="0.25">
      <c r="A436" t="s">
        <v>8</v>
      </c>
      <c r="B436">
        <v>0.94</v>
      </c>
      <c r="C436">
        <v>0.14000000000000001</v>
      </c>
    </row>
    <row r="437" spans="1:3" x14ac:dyDescent="0.25">
      <c r="A437" t="s">
        <v>24</v>
      </c>
      <c r="B437">
        <v>1</v>
      </c>
      <c r="C437">
        <v>0.61</v>
      </c>
    </row>
    <row r="438" spans="1:3" x14ac:dyDescent="0.25">
      <c r="A438" t="s">
        <v>8</v>
      </c>
      <c r="B438">
        <v>0.93</v>
      </c>
      <c r="C438">
        <v>0.62</v>
      </c>
    </row>
    <row r="439" spans="1:3" x14ac:dyDescent="0.25">
      <c r="A439" t="s">
        <v>24</v>
      </c>
      <c r="B439">
        <v>0.17</v>
      </c>
      <c r="C439">
        <v>0.18</v>
      </c>
    </row>
    <row r="440" spans="1:3" x14ac:dyDescent="0.25">
      <c r="A440" t="s">
        <v>8</v>
      </c>
      <c r="B440">
        <v>0.2</v>
      </c>
      <c r="C440">
        <v>0.56000000000000005</v>
      </c>
    </row>
    <row r="441" spans="1:3" x14ac:dyDescent="0.25">
      <c r="A441" t="s">
        <v>8</v>
      </c>
      <c r="B441">
        <v>0.51</v>
      </c>
      <c r="C441">
        <v>0.08</v>
      </c>
    </row>
    <row r="442" spans="1:3" x14ac:dyDescent="0.25">
      <c r="A442" t="s">
        <v>10</v>
      </c>
      <c r="B442">
        <v>0.64</v>
      </c>
      <c r="C442">
        <v>0.67</v>
      </c>
    </row>
    <row r="443" spans="1:3" x14ac:dyDescent="0.25">
      <c r="A443" t="s">
        <v>24</v>
      </c>
      <c r="B443">
        <v>0.79</v>
      </c>
      <c r="C443">
        <v>0.27</v>
      </c>
    </row>
    <row r="444" spans="1:3" x14ac:dyDescent="0.25">
      <c r="A444" t="s">
        <v>10</v>
      </c>
      <c r="B444">
        <v>0.81</v>
      </c>
      <c r="C444">
        <v>0.32</v>
      </c>
    </row>
    <row r="445" spans="1:3" x14ac:dyDescent="0.25">
      <c r="A445" t="s">
        <v>10</v>
      </c>
      <c r="B445">
        <v>0.35</v>
      </c>
      <c r="C445">
        <v>0.8</v>
      </c>
    </row>
    <row r="446" spans="1:3" x14ac:dyDescent="0.25">
      <c r="A446" t="s">
        <v>24</v>
      </c>
      <c r="B446">
        <v>0.89</v>
      </c>
      <c r="C446">
        <v>0.78</v>
      </c>
    </row>
    <row r="447" spans="1:3" x14ac:dyDescent="0.25">
      <c r="A447" t="s">
        <v>12</v>
      </c>
      <c r="B447">
        <v>0.9</v>
      </c>
      <c r="C447">
        <v>0.65</v>
      </c>
    </row>
    <row r="448" spans="1:3" x14ac:dyDescent="0.25">
      <c r="A448" t="s">
        <v>8</v>
      </c>
      <c r="B448">
        <v>0.85</v>
      </c>
      <c r="C448">
        <v>0.25</v>
      </c>
    </row>
    <row r="449" spans="1:3" x14ac:dyDescent="0.25">
      <c r="A449" t="s">
        <v>10</v>
      </c>
      <c r="B449">
        <v>0.72</v>
      </c>
      <c r="C449">
        <v>0.57999999999999996</v>
      </c>
    </row>
    <row r="450" spans="1:3" x14ac:dyDescent="0.25">
      <c r="A450" t="s">
        <v>24</v>
      </c>
      <c r="B450">
        <v>0.01</v>
      </c>
      <c r="C450">
        <v>0.54</v>
      </c>
    </row>
    <row r="451" spans="1:3" x14ac:dyDescent="0.25">
      <c r="A451" t="s">
        <v>8</v>
      </c>
      <c r="B451">
        <v>0.71</v>
      </c>
      <c r="C451">
        <v>0.33</v>
      </c>
    </row>
    <row r="452" spans="1:3" x14ac:dyDescent="0.25">
      <c r="A452" t="s">
        <v>10</v>
      </c>
      <c r="B452">
        <v>0.09</v>
      </c>
      <c r="C452">
        <v>0.15</v>
      </c>
    </row>
    <row r="453" spans="1:3" x14ac:dyDescent="0.25">
      <c r="A453" t="s">
        <v>8</v>
      </c>
      <c r="B453">
        <v>0.27</v>
      </c>
      <c r="C453">
        <v>0.09</v>
      </c>
    </row>
    <row r="454" spans="1:3" x14ac:dyDescent="0.25">
      <c r="A454" t="s">
        <v>8</v>
      </c>
      <c r="B454">
        <v>0.54</v>
      </c>
      <c r="C454">
        <v>0.11</v>
      </c>
    </row>
    <row r="455" spans="1:3" x14ac:dyDescent="0.25">
      <c r="A455" t="s">
        <v>8</v>
      </c>
      <c r="B455">
        <v>0.57999999999999996</v>
      </c>
      <c r="C455">
        <v>0.32</v>
      </c>
    </row>
    <row r="456" spans="1:3" x14ac:dyDescent="0.25">
      <c r="A456" t="s">
        <v>24</v>
      </c>
      <c r="B456">
        <v>0.65</v>
      </c>
      <c r="C456">
        <v>0.21</v>
      </c>
    </row>
    <row r="457" spans="1:3" x14ac:dyDescent="0.25">
      <c r="A457" t="s">
        <v>12</v>
      </c>
      <c r="B457">
        <v>0.66</v>
      </c>
      <c r="C457">
        <v>0.31</v>
      </c>
    </row>
    <row r="458" spans="1:3" x14ac:dyDescent="0.25">
      <c r="A458" t="s">
        <v>12</v>
      </c>
      <c r="B458">
        <v>0.8</v>
      </c>
      <c r="C458">
        <v>0.27</v>
      </c>
    </row>
    <row r="459" spans="1:3" x14ac:dyDescent="0.25">
      <c r="A459" t="s">
        <v>24</v>
      </c>
      <c r="B459">
        <v>0.49</v>
      </c>
      <c r="C459">
        <v>0.55000000000000004</v>
      </c>
    </row>
    <row r="460" spans="1:3" x14ac:dyDescent="0.25">
      <c r="A460" t="s">
        <v>24</v>
      </c>
      <c r="B460">
        <v>0.62</v>
      </c>
      <c r="C460">
        <v>0.42</v>
      </c>
    </row>
    <row r="461" spans="1:3" x14ac:dyDescent="0.25">
      <c r="A461" t="s">
        <v>10</v>
      </c>
      <c r="B461">
        <v>0.69</v>
      </c>
      <c r="C461">
        <v>0.28999999999999998</v>
      </c>
    </row>
    <row r="462" spans="1:3" x14ac:dyDescent="0.25">
      <c r="A462" t="s">
        <v>12</v>
      </c>
      <c r="B462">
        <v>0.65</v>
      </c>
      <c r="C462">
        <v>0.55000000000000004</v>
      </c>
    </row>
    <row r="463" spans="1:3" x14ac:dyDescent="0.25">
      <c r="A463" t="s">
        <v>8</v>
      </c>
      <c r="B463">
        <v>0.28000000000000003</v>
      </c>
      <c r="C463">
        <v>0.57999999999999996</v>
      </c>
    </row>
    <row r="464" spans="1:3" x14ac:dyDescent="0.25">
      <c r="A464" t="s">
        <v>12</v>
      </c>
      <c r="B464">
        <v>0.04</v>
      </c>
      <c r="C464">
        <v>0.41</v>
      </c>
    </row>
    <row r="465" spans="1:3" x14ac:dyDescent="0.25">
      <c r="A465" t="s">
        <v>24</v>
      </c>
      <c r="B465">
        <v>0.21</v>
      </c>
      <c r="C465">
        <v>0.59</v>
      </c>
    </row>
    <row r="466" spans="1:3" x14ac:dyDescent="0.25">
      <c r="A466" t="s">
        <v>8</v>
      </c>
      <c r="B466">
        <v>0.93</v>
      </c>
      <c r="C466">
        <v>7.0000000000000007E-2</v>
      </c>
    </row>
    <row r="467" spans="1:3" x14ac:dyDescent="0.25">
      <c r="A467" t="s">
        <v>8</v>
      </c>
      <c r="B467">
        <v>0.56000000000000005</v>
      </c>
      <c r="C467">
        <v>0.36</v>
      </c>
    </row>
    <row r="468" spans="1:3" x14ac:dyDescent="0.25">
      <c r="A468" t="s">
        <v>10</v>
      </c>
      <c r="B468">
        <v>0.24</v>
      </c>
      <c r="C468">
        <v>0.75</v>
      </c>
    </row>
    <row r="469" spans="1:3" x14ac:dyDescent="0.25">
      <c r="A469" t="s">
        <v>12</v>
      </c>
      <c r="B469">
        <v>0.08</v>
      </c>
      <c r="C469">
        <v>0.28000000000000003</v>
      </c>
    </row>
    <row r="470" spans="1:3" x14ac:dyDescent="0.25">
      <c r="A470" t="s">
        <v>10</v>
      </c>
      <c r="B470">
        <v>0.19</v>
      </c>
      <c r="C470">
        <v>0.48</v>
      </c>
    </row>
    <row r="471" spans="1:3" x14ac:dyDescent="0.25">
      <c r="A471" t="s">
        <v>12</v>
      </c>
      <c r="B471">
        <v>0.37</v>
      </c>
      <c r="C471">
        <v>0.51</v>
      </c>
    </row>
    <row r="472" spans="1:3" x14ac:dyDescent="0.25">
      <c r="A472" t="s">
        <v>12</v>
      </c>
      <c r="B472">
        <v>0.2</v>
      </c>
      <c r="C472">
        <v>0.83</v>
      </c>
    </row>
    <row r="473" spans="1:3" x14ac:dyDescent="0.25">
      <c r="A473" t="s">
        <v>24</v>
      </c>
      <c r="B473">
        <v>0.41</v>
      </c>
      <c r="C473">
        <v>0.22</v>
      </c>
    </row>
    <row r="474" spans="1:3" x14ac:dyDescent="0.25">
      <c r="A474" t="s">
        <v>24</v>
      </c>
      <c r="B474">
        <v>0.27</v>
      </c>
      <c r="C474">
        <v>0.66</v>
      </c>
    </row>
    <row r="475" spans="1:3" x14ac:dyDescent="0.25">
      <c r="A475" t="s">
        <v>8</v>
      </c>
      <c r="B475">
        <v>0.13</v>
      </c>
      <c r="C475">
        <v>0.53</v>
      </c>
    </row>
    <row r="476" spans="1:3" x14ac:dyDescent="0.25">
      <c r="A476" t="s">
        <v>12</v>
      </c>
      <c r="B476">
        <v>0.25</v>
      </c>
      <c r="C476">
        <v>0.35</v>
      </c>
    </row>
    <row r="477" spans="1:3" x14ac:dyDescent="0.25">
      <c r="A477" t="s">
        <v>24</v>
      </c>
      <c r="B477">
        <v>0.37</v>
      </c>
      <c r="C477">
        <v>0.19</v>
      </c>
    </row>
    <row r="478" spans="1:3" x14ac:dyDescent="0.25">
      <c r="A478" t="s">
        <v>24</v>
      </c>
      <c r="B478">
        <v>0.56999999999999995</v>
      </c>
      <c r="C478">
        <v>0.45</v>
      </c>
    </row>
    <row r="479" spans="1:3" x14ac:dyDescent="0.25">
      <c r="A479" t="s">
        <v>24</v>
      </c>
      <c r="B479">
        <v>0.86</v>
      </c>
      <c r="C479">
        <v>0.72</v>
      </c>
    </row>
    <row r="480" spans="1:3" x14ac:dyDescent="0.25">
      <c r="A480" t="s">
        <v>10</v>
      </c>
      <c r="B480">
        <v>0.96</v>
      </c>
      <c r="C480">
        <v>0.48</v>
      </c>
    </row>
    <row r="481" spans="1:3" x14ac:dyDescent="0.25">
      <c r="A481" t="s">
        <v>24</v>
      </c>
      <c r="B481">
        <v>0.56999999999999995</v>
      </c>
      <c r="C481">
        <v>0.82</v>
      </c>
    </row>
    <row r="482" spans="1:3" x14ac:dyDescent="0.25">
      <c r="A482" t="s">
        <v>10</v>
      </c>
      <c r="B482">
        <v>0.18</v>
      </c>
      <c r="C482">
        <v>0.17</v>
      </c>
    </row>
    <row r="483" spans="1:3" x14ac:dyDescent="0.25">
      <c r="A483" t="s">
        <v>24</v>
      </c>
      <c r="B483">
        <v>0.51</v>
      </c>
      <c r="C483">
        <v>0.32</v>
      </c>
    </row>
    <row r="484" spans="1:3" x14ac:dyDescent="0.25">
      <c r="A484" t="s">
        <v>10</v>
      </c>
      <c r="B484">
        <v>0.87</v>
      </c>
      <c r="C484">
        <v>0.9</v>
      </c>
    </row>
    <row r="485" spans="1:3" x14ac:dyDescent="0.25">
      <c r="A485" t="s">
        <v>12</v>
      </c>
      <c r="B485">
        <v>0.53</v>
      </c>
      <c r="C485">
        <v>0.73</v>
      </c>
    </row>
    <row r="486" spans="1:3" x14ac:dyDescent="0.25">
      <c r="A486" t="s">
        <v>12</v>
      </c>
      <c r="B486">
        <v>0.8</v>
      </c>
      <c r="C486">
        <v>0.08</v>
      </c>
    </row>
    <row r="487" spans="1:3" x14ac:dyDescent="0.25">
      <c r="A487" t="s">
        <v>8</v>
      </c>
      <c r="B487">
        <v>0.12</v>
      </c>
      <c r="C487">
        <v>0.42</v>
      </c>
    </row>
    <row r="488" spans="1:3" x14ac:dyDescent="0.25">
      <c r="A488" t="s">
        <v>8</v>
      </c>
      <c r="B488">
        <v>0.72</v>
      </c>
      <c r="C488">
        <v>0.83</v>
      </c>
    </row>
    <row r="489" spans="1:3" x14ac:dyDescent="0.25">
      <c r="A489" t="s">
        <v>8</v>
      </c>
      <c r="B489">
        <v>0.63</v>
      </c>
      <c r="C489">
        <v>0.93</v>
      </c>
    </row>
    <row r="490" spans="1:3" x14ac:dyDescent="0.25">
      <c r="A490" t="s">
        <v>12</v>
      </c>
      <c r="B490">
        <v>0.5</v>
      </c>
      <c r="C490">
        <v>0.55000000000000004</v>
      </c>
    </row>
    <row r="491" spans="1:3" x14ac:dyDescent="0.25">
      <c r="A491" t="s">
        <v>8</v>
      </c>
      <c r="B491">
        <v>0.94</v>
      </c>
      <c r="C491">
        <v>0.38</v>
      </c>
    </row>
    <row r="492" spans="1:3" x14ac:dyDescent="0.25">
      <c r="A492" t="s">
        <v>8</v>
      </c>
      <c r="B492">
        <v>0.32</v>
      </c>
      <c r="C492">
        <v>0.39</v>
      </c>
    </row>
    <row r="493" spans="1:3" x14ac:dyDescent="0.25">
      <c r="A493" t="s">
        <v>8</v>
      </c>
      <c r="B493">
        <v>0.93</v>
      </c>
      <c r="C493">
        <v>0.79</v>
      </c>
    </row>
    <row r="494" spans="1:3" x14ac:dyDescent="0.25">
      <c r="A494" t="s">
        <v>8</v>
      </c>
      <c r="B494">
        <v>0.38</v>
      </c>
      <c r="C494">
        <v>0.59</v>
      </c>
    </row>
    <row r="495" spans="1:3" x14ac:dyDescent="0.25">
      <c r="A495" t="s">
        <v>24</v>
      </c>
      <c r="B495">
        <v>0.59</v>
      </c>
      <c r="C495">
        <v>0.05</v>
      </c>
    </row>
    <row r="496" spans="1:3" x14ac:dyDescent="0.25">
      <c r="A496" t="s">
        <v>12</v>
      </c>
      <c r="B496">
        <v>0.89</v>
      </c>
      <c r="C496">
        <v>0.15</v>
      </c>
    </row>
    <row r="497" spans="1:3" x14ac:dyDescent="0.25">
      <c r="A497" t="s">
        <v>12</v>
      </c>
      <c r="B497">
        <v>0.41</v>
      </c>
      <c r="C497">
        <v>7.0000000000000007E-2</v>
      </c>
    </row>
    <row r="498" spans="1:3" x14ac:dyDescent="0.25">
      <c r="A498" t="s">
        <v>12</v>
      </c>
      <c r="B498">
        <v>0.35</v>
      </c>
      <c r="C498">
        <v>0.49</v>
      </c>
    </row>
    <row r="499" spans="1:3" x14ac:dyDescent="0.25">
      <c r="A499" t="s">
        <v>24</v>
      </c>
      <c r="B499">
        <v>0.46</v>
      </c>
      <c r="C499">
        <v>0.63</v>
      </c>
    </row>
    <row r="500" spans="1:3" x14ac:dyDescent="0.25">
      <c r="A500" t="s">
        <v>12</v>
      </c>
      <c r="B500">
        <v>0.02</v>
      </c>
      <c r="C500">
        <v>0.2</v>
      </c>
    </row>
    <row r="501" spans="1:3" x14ac:dyDescent="0.25">
      <c r="A501" t="s">
        <v>12</v>
      </c>
      <c r="B501">
        <v>0.4</v>
      </c>
      <c r="C501">
        <v>0.59</v>
      </c>
    </row>
    <row r="502" spans="1:3" x14ac:dyDescent="0.25">
      <c r="A502" t="s">
        <v>12</v>
      </c>
      <c r="B502">
        <v>0.27</v>
      </c>
      <c r="C502">
        <v>0.5</v>
      </c>
    </row>
    <row r="503" spans="1:3" x14ac:dyDescent="0.25">
      <c r="A503" t="s">
        <v>12</v>
      </c>
      <c r="B503">
        <v>0.27</v>
      </c>
      <c r="C503">
        <v>0.27</v>
      </c>
    </row>
    <row r="504" spans="1:3" x14ac:dyDescent="0.25">
      <c r="A504" t="s">
        <v>10</v>
      </c>
      <c r="B504">
        <v>0.24</v>
      </c>
      <c r="C504">
        <v>0.51</v>
      </c>
    </row>
    <row r="505" spans="1:3" x14ac:dyDescent="0.25">
      <c r="A505" t="s">
        <v>10</v>
      </c>
      <c r="B505">
        <v>0.43</v>
      </c>
      <c r="C505">
        <v>0.21</v>
      </c>
    </row>
    <row r="506" spans="1:3" x14ac:dyDescent="0.25">
      <c r="A506" t="s">
        <v>10</v>
      </c>
      <c r="B506">
        <v>0.84</v>
      </c>
      <c r="C506">
        <v>0.76</v>
      </c>
    </row>
    <row r="507" spans="1:3" x14ac:dyDescent="0.25">
      <c r="A507" t="s">
        <v>12</v>
      </c>
      <c r="B507">
        <v>0.72</v>
      </c>
      <c r="C507">
        <v>0.15</v>
      </c>
    </row>
    <row r="508" spans="1:3" x14ac:dyDescent="0.25">
      <c r="A508" t="s">
        <v>8</v>
      </c>
      <c r="B508">
        <v>0.41</v>
      </c>
      <c r="C508">
        <v>7.0000000000000007E-2</v>
      </c>
    </row>
    <row r="509" spans="1:3" x14ac:dyDescent="0.25">
      <c r="A509" t="s">
        <v>12</v>
      </c>
      <c r="B509">
        <v>0.74</v>
      </c>
      <c r="C509">
        <v>0.56000000000000005</v>
      </c>
    </row>
    <row r="510" spans="1:3" x14ac:dyDescent="0.25">
      <c r="A510" t="s">
        <v>24</v>
      </c>
      <c r="B510">
        <v>0.89</v>
      </c>
      <c r="C510">
        <v>0.26</v>
      </c>
    </row>
    <row r="511" spans="1:3" x14ac:dyDescent="0.25">
      <c r="A511" t="s">
        <v>10</v>
      </c>
      <c r="B511">
        <v>0.46</v>
      </c>
      <c r="C511">
        <v>0.11</v>
      </c>
    </row>
    <row r="512" spans="1:3" x14ac:dyDescent="0.25">
      <c r="A512" t="s">
        <v>12</v>
      </c>
      <c r="B512">
        <v>0.41</v>
      </c>
      <c r="C512">
        <v>0.24</v>
      </c>
    </row>
    <row r="513" spans="1:3" x14ac:dyDescent="0.25">
      <c r="A513" t="s">
        <v>8</v>
      </c>
      <c r="B513">
        <v>0.54</v>
      </c>
      <c r="C513">
        <v>0.24</v>
      </c>
    </row>
    <row r="514" spans="1:3" x14ac:dyDescent="0.25">
      <c r="A514" t="s">
        <v>24</v>
      </c>
      <c r="B514">
        <v>0.79</v>
      </c>
      <c r="C514">
        <v>0.37</v>
      </c>
    </row>
    <row r="515" spans="1:3" x14ac:dyDescent="0.25">
      <c r="A515" t="s">
        <v>12</v>
      </c>
      <c r="B515">
        <v>0.3</v>
      </c>
      <c r="C515">
        <v>0.94</v>
      </c>
    </row>
    <row r="516" spans="1:3" x14ac:dyDescent="0.25">
      <c r="A516" t="s">
        <v>24</v>
      </c>
      <c r="B516">
        <v>0.87</v>
      </c>
      <c r="C516">
        <v>0.47</v>
      </c>
    </row>
    <row r="517" spans="1:3" x14ac:dyDescent="0.25">
      <c r="A517" t="s">
        <v>24</v>
      </c>
      <c r="B517">
        <v>0.91</v>
      </c>
      <c r="C517">
        <v>0.66</v>
      </c>
    </row>
    <row r="518" spans="1:3" x14ac:dyDescent="0.25">
      <c r="A518" t="s">
        <v>24</v>
      </c>
      <c r="B518">
        <v>0.08</v>
      </c>
      <c r="C518">
        <v>0.16</v>
      </c>
    </row>
    <row r="519" spans="1:3" x14ac:dyDescent="0.25">
      <c r="A519" t="s">
        <v>24</v>
      </c>
      <c r="B519">
        <v>0.66</v>
      </c>
      <c r="C519">
        <v>0.08</v>
      </c>
    </row>
    <row r="520" spans="1:3" x14ac:dyDescent="0.25">
      <c r="A520" t="s">
        <v>10</v>
      </c>
      <c r="B520">
        <v>0.64</v>
      </c>
      <c r="C520">
        <v>0.27</v>
      </c>
    </row>
    <row r="521" spans="1:3" x14ac:dyDescent="0.25">
      <c r="A521" t="s">
        <v>8</v>
      </c>
      <c r="B521">
        <v>0.48</v>
      </c>
      <c r="C521">
        <v>0.74</v>
      </c>
    </row>
    <row r="522" spans="1:3" x14ac:dyDescent="0.25">
      <c r="A522" t="s">
        <v>24</v>
      </c>
      <c r="B522">
        <v>0.61</v>
      </c>
      <c r="C522">
        <v>0.75</v>
      </c>
    </row>
    <row r="523" spans="1:3" x14ac:dyDescent="0.25">
      <c r="A523" t="s">
        <v>8</v>
      </c>
      <c r="B523">
        <v>0.78</v>
      </c>
      <c r="C523">
        <v>0.75</v>
      </c>
    </row>
    <row r="524" spans="1:3" x14ac:dyDescent="0.25">
      <c r="A524" t="s">
        <v>10</v>
      </c>
      <c r="B524">
        <v>0.56000000000000005</v>
      </c>
      <c r="C524">
        <v>0.05</v>
      </c>
    </row>
    <row r="525" spans="1:3" x14ac:dyDescent="0.25">
      <c r="A525" t="s">
        <v>10</v>
      </c>
      <c r="B525">
        <v>0.19</v>
      </c>
      <c r="C525">
        <v>0.36</v>
      </c>
    </row>
    <row r="526" spans="1:3" x14ac:dyDescent="0.25">
      <c r="A526" t="s">
        <v>10</v>
      </c>
      <c r="B526">
        <v>0.25</v>
      </c>
      <c r="C526">
        <v>0.22</v>
      </c>
    </row>
    <row r="527" spans="1:3" x14ac:dyDescent="0.25">
      <c r="A527" t="s">
        <v>12</v>
      </c>
      <c r="B527">
        <v>0.18</v>
      </c>
      <c r="C527">
        <v>0.52</v>
      </c>
    </row>
    <row r="528" spans="1:3" x14ac:dyDescent="0.25">
      <c r="A528" t="s">
        <v>8</v>
      </c>
      <c r="B528">
        <v>0.51</v>
      </c>
      <c r="C528">
        <v>0.43</v>
      </c>
    </row>
    <row r="529" spans="1:3" x14ac:dyDescent="0.25">
      <c r="A529" t="s">
        <v>12</v>
      </c>
      <c r="B529">
        <v>0.62</v>
      </c>
      <c r="C529">
        <v>0.75</v>
      </c>
    </row>
    <row r="530" spans="1:3" x14ac:dyDescent="0.25">
      <c r="A530" t="s">
        <v>8</v>
      </c>
      <c r="B530">
        <v>0.02</v>
      </c>
      <c r="C530">
        <v>0.38</v>
      </c>
    </row>
    <row r="531" spans="1:3" x14ac:dyDescent="0.25">
      <c r="A531" t="s">
        <v>10</v>
      </c>
      <c r="B531">
        <v>0.65</v>
      </c>
      <c r="C531">
        <v>0.51</v>
      </c>
    </row>
    <row r="532" spans="1:3" x14ac:dyDescent="0.25">
      <c r="A532" t="s">
        <v>24</v>
      </c>
      <c r="B532">
        <v>0.37</v>
      </c>
      <c r="C532">
        <v>0.45</v>
      </c>
    </row>
    <row r="533" spans="1:3" x14ac:dyDescent="0.25">
      <c r="A533" t="s">
        <v>10</v>
      </c>
      <c r="B533">
        <v>0.01</v>
      </c>
      <c r="C533">
        <v>0.81</v>
      </c>
    </row>
    <row r="534" spans="1:3" x14ac:dyDescent="0.25">
      <c r="A534" t="s">
        <v>10</v>
      </c>
      <c r="B534">
        <v>0.69</v>
      </c>
      <c r="C534">
        <v>0.12</v>
      </c>
    </row>
    <row r="535" spans="1:3" x14ac:dyDescent="0.25">
      <c r="A535" t="s">
        <v>12</v>
      </c>
      <c r="B535">
        <v>0.68</v>
      </c>
      <c r="C535">
        <v>0.92</v>
      </c>
    </row>
    <row r="536" spans="1:3" x14ac:dyDescent="0.25">
      <c r="A536" t="s">
        <v>10</v>
      </c>
      <c r="B536">
        <v>0.32</v>
      </c>
      <c r="C536">
        <v>0.56000000000000005</v>
      </c>
    </row>
    <row r="537" spans="1:3" x14ac:dyDescent="0.25">
      <c r="A537" t="s">
        <v>10</v>
      </c>
      <c r="B537">
        <v>0.46</v>
      </c>
      <c r="C537">
        <v>0.31</v>
      </c>
    </row>
    <row r="538" spans="1:3" x14ac:dyDescent="0.25">
      <c r="A538" t="s">
        <v>24</v>
      </c>
      <c r="B538">
        <v>0.94</v>
      </c>
      <c r="C538">
        <v>0.34</v>
      </c>
    </row>
    <row r="539" spans="1:3" x14ac:dyDescent="0.25">
      <c r="A539" t="s">
        <v>12</v>
      </c>
      <c r="B539">
        <v>0.63</v>
      </c>
      <c r="C539">
        <v>0.77</v>
      </c>
    </row>
    <row r="540" spans="1:3" x14ac:dyDescent="0.25">
      <c r="A540" t="s">
        <v>10</v>
      </c>
      <c r="B540">
        <v>0.22</v>
      </c>
      <c r="C540">
        <v>0.5</v>
      </c>
    </row>
    <row r="541" spans="1:3" x14ac:dyDescent="0.25">
      <c r="A541" t="s">
        <v>24</v>
      </c>
      <c r="B541">
        <v>0.44</v>
      </c>
      <c r="C541">
        <v>0.06</v>
      </c>
    </row>
    <row r="542" spans="1:3" x14ac:dyDescent="0.25">
      <c r="A542" t="s">
        <v>10</v>
      </c>
      <c r="B542">
        <v>0.91</v>
      </c>
      <c r="C542">
        <v>0.26</v>
      </c>
    </row>
    <row r="543" spans="1:3" x14ac:dyDescent="0.25">
      <c r="A543" t="s">
        <v>24</v>
      </c>
      <c r="B543">
        <v>0.97</v>
      </c>
      <c r="C543">
        <v>0.64</v>
      </c>
    </row>
    <row r="544" spans="1:3" x14ac:dyDescent="0.25">
      <c r="A544" t="s">
        <v>24</v>
      </c>
      <c r="B544">
        <v>0.33</v>
      </c>
      <c r="C544">
        <v>0.56999999999999995</v>
      </c>
    </row>
    <row r="545" spans="1:3" x14ac:dyDescent="0.25">
      <c r="A545" t="s">
        <v>8</v>
      </c>
      <c r="B545">
        <v>0.51</v>
      </c>
      <c r="C545">
        <v>0.43</v>
      </c>
    </row>
    <row r="546" spans="1:3" x14ac:dyDescent="0.25">
      <c r="A546" t="s">
        <v>8</v>
      </c>
      <c r="B546">
        <v>0.04</v>
      </c>
      <c r="C546">
        <v>0.89</v>
      </c>
    </row>
    <row r="547" spans="1:3" x14ac:dyDescent="0.25">
      <c r="A547" t="s">
        <v>10</v>
      </c>
      <c r="B547">
        <v>0.52</v>
      </c>
      <c r="C547">
        <v>0.89</v>
      </c>
    </row>
    <row r="548" spans="1:3" x14ac:dyDescent="0.25">
      <c r="A548" t="s">
        <v>12</v>
      </c>
      <c r="B548">
        <v>0.31</v>
      </c>
      <c r="C548">
        <v>0.72</v>
      </c>
    </row>
    <row r="549" spans="1:3" x14ac:dyDescent="0.25">
      <c r="A549" t="s">
        <v>10</v>
      </c>
      <c r="B549">
        <v>0.64</v>
      </c>
      <c r="C549">
        <v>0.32</v>
      </c>
    </row>
    <row r="550" spans="1:3" x14ac:dyDescent="0.25">
      <c r="A550" t="s">
        <v>24</v>
      </c>
      <c r="B550">
        <v>0.7</v>
      </c>
      <c r="C550">
        <v>0.56000000000000005</v>
      </c>
    </row>
    <row r="551" spans="1:3" x14ac:dyDescent="0.25">
      <c r="A551" t="s">
        <v>24</v>
      </c>
      <c r="B551">
        <v>0.18</v>
      </c>
      <c r="C551">
        <v>0.45</v>
      </c>
    </row>
    <row r="552" spans="1:3" x14ac:dyDescent="0.25">
      <c r="A552" t="s">
        <v>12</v>
      </c>
      <c r="B552">
        <v>0.6</v>
      </c>
      <c r="C552">
        <v>0.89</v>
      </c>
    </row>
    <row r="553" spans="1:3" x14ac:dyDescent="0.25">
      <c r="A553" t="s">
        <v>10</v>
      </c>
      <c r="B553">
        <v>0.2</v>
      </c>
      <c r="C553">
        <v>7.0000000000000007E-2</v>
      </c>
    </row>
    <row r="554" spans="1:3" x14ac:dyDescent="0.25">
      <c r="A554" t="s">
        <v>12</v>
      </c>
      <c r="B554">
        <v>0.32</v>
      </c>
      <c r="C554">
        <v>0.06</v>
      </c>
    </row>
    <row r="555" spans="1:3" x14ac:dyDescent="0.25">
      <c r="A555" t="s">
        <v>24</v>
      </c>
      <c r="B555">
        <v>0.92</v>
      </c>
      <c r="C555">
        <v>0.53</v>
      </c>
    </row>
    <row r="556" spans="1:3" x14ac:dyDescent="0.25">
      <c r="A556" t="s">
        <v>10</v>
      </c>
      <c r="B556">
        <v>0.45</v>
      </c>
      <c r="C556">
        <v>0.43</v>
      </c>
    </row>
    <row r="557" spans="1:3" x14ac:dyDescent="0.25">
      <c r="A557" t="s">
        <v>10</v>
      </c>
      <c r="B557">
        <v>0.59</v>
      </c>
      <c r="C557">
        <v>0.86</v>
      </c>
    </row>
    <row r="558" spans="1:3" x14ac:dyDescent="0.25">
      <c r="A558" t="s">
        <v>10</v>
      </c>
      <c r="B558">
        <v>0.41</v>
      </c>
      <c r="C558">
        <v>0.63</v>
      </c>
    </row>
    <row r="559" spans="1:3" x14ac:dyDescent="0.25">
      <c r="A559" t="s">
        <v>12</v>
      </c>
      <c r="B559">
        <v>0.84</v>
      </c>
      <c r="C559">
        <v>0.27</v>
      </c>
    </row>
    <row r="560" spans="1:3" x14ac:dyDescent="0.25">
      <c r="A560" t="s">
        <v>10</v>
      </c>
      <c r="B560">
        <v>0.88</v>
      </c>
      <c r="C560">
        <v>0.42</v>
      </c>
    </row>
    <row r="561" spans="1:3" x14ac:dyDescent="0.25">
      <c r="A561" t="s">
        <v>8</v>
      </c>
      <c r="B561">
        <v>0.33</v>
      </c>
      <c r="C561">
        <v>0.65</v>
      </c>
    </row>
    <row r="562" spans="1:3" x14ac:dyDescent="0.25">
      <c r="A562" t="s">
        <v>8</v>
      </c>
      <c r="B562">
        <v>0.38</v>
      </c>
      <c r="C562">
        <v>0.49</v>
      </c>
    </row>
    <row r="563" spans="1:3" x14ac:dyDescent="0.25">
      <c r="A563" t="s">
        <v>8</v>
      </c>
      <c r="B563">
        <v>0.32</v>
      </c>
      <c r="C563">
        <v>0.6</v>
      </c>
    </row>
    <row r="564" spans="1:3" x14ac:dyDescent="0.25">
      <c r="A564" t="s">
        <v>12</v>
      </c>
      <c r="B564">
        <v>0.61</v>
      </c>
      <c r="C564">
        <v>0.48</v>
      </c>
    </row>
    <row r="565" spans="1:3" x14ac:dyDescent="0.25">
      <c r="A565" t="s">
        <v>24</v>
      </c>
      <c r="B565">
        <v>0.1</v>
      </c>
      <c r="C565">
        <v>0.23</v>
      </c>
    </row>
    <row r="566" spans="1:3" x14ac:dyDescent="0.25">
      <c r="A566" t="s">
        <v>12</v>
      </c>
      <c r="B566">
        <v>0.21</v>
      </c>
      <c r="C566">
        <v>0.28000000000000003</v>
      </c>
    </row>
    <row r="567" spans="1:3" x14ac:dyDescent="0.25">
      <c r="A567" t="s">
        <v>8</v>
      </c>
      <c r="B567">
        <v>0.88</v>
      </c>
      <c r="C567">
        <v>0.11</v>
      </c>
    </row>
    <row r="568" spans="1:3" x14ac:dyDescent="0.25">
      <c r="A568" t="s">
        <v>10</v>
      </c>
      <c r="B568">
        <v>0.08</v>
      </c>
      <c r="C568">
        <v>0.05</v>
      </c>
    </row>
    <row r="569" spans="1:3" x14ac:dyDescent="0.25">
      <c r="A569" t="s">
        <v>12</v>
      </c>
      <c r="B569">
        <v>0.48</v>
      </c>
      <c r="C569">
        <v>0.64</v>
      </c>
    </row>
    <row r="570" spans="1:3" x14ac:dyDescent="0.25">
      <c r="A570" t="s">
        <v>12</v>
      </c>
      <c r="B570">
        <v>0.71</v>
      </c>
      <c r="C570">
        <v>0.42</v>
      </c>
    </row>
    <row r="571" spans="1:3" x14ac:dyDescent="0.25">
      <c r="A571" t="s">
        <v>12</v>
      </c>
      <c r="B571">
        <v>0.4</v>
      </c>
      <c r="C571">
        <v>0.15</v>
      </c>
    </row>
    <row r="572" spans="1:3" x14ac:dyDescent="0.25">
      <c r="A572" t="s">
        <v>12</v>
      </c>
      <c r="B572">
        <v>0.01</v>
      </c>
      <c r="C572">
        <v>0.63</v>
      </c>
    </row>
    <row r="573" spans="1:3" x14ac:dyDescent="0.25">
      <c r="A573" t="s">
        <v>8</v>
      </c>
      <c r="B573">
        <v>0.46</v>
      </c>
      <c r="C573">
        <v>0.92</v>
      </c>
    </row>
    <row r="574" spans="1:3" x14ac:dyDescent="0.25">
      <c r="A574" t="s">
        <v>24</v>
      </c>
      <c r="B574">
        <v>0.77</v>
      </c>
      <c r="C574">
        <v>0.1</v>
      </c>
    </row>
    <row r="575" spans="1:3" x14ac:dyDescent="0.25">
      <c r="A575" t="s">
        <v>10</v>
      </c>
      <c r="B575">
        <v>0.21</v>
      </c>
      <c r="C575">
        <v>0.73</v>
      </c>
    </row>
    <row r="576" spans="1:3" x14ac:dyDescent="0.25">
      <c r="A576" t="s">
        <v>24</v>
      </c>
      <c r="B576">
        <v>0.74</v>
      </c>
      <c r="C576">
        <v>0.48</v>
      </c>
    </row>
    <row r="577" spans="1:3" x14ac:dyDescent="0.25">
      <c r="A577" t="s">
        <v>24</v>
      </c>
      <c r="B577">
        <v>0.41</v>
      </c>
      <c r="C577">
        <v>0.35</v>
      </c>
    </row>
    <row r="578" spans="1:3" x14ac:dyDescent="0.25">
      <c r="A578" t="s">
        <v>12</v>
      </c>
      <c r="B578">
        <v>0.13</v>
      </c>
      <c r="C578">
        <v>0.31</v>
      </c>
    </row>
    <row r="579" spans="1:3" x14ac:dyDescent="0.25">
      <c r="A579" t="s">
        <v>8</v>
      </c>
      <c r="B579">
        <v>0.34</v>
      </c>
      <c r="C579">
        <v>0.77</v>
      </c>
    </row>
    <row r="580" spans="1:3" x14ac:dyDescent="0.25">
      <c r="A580" t="s">
        <v>10</v>
      </c>
      <c r="B580">
        <v>0.4</v>
      </c>
      <c r="C580">
        <v>0.47</v>
      </c>
    </row>
    <row r="581" spans="1:3" x14ac:dyDescent="0.25">
      <c r="A581" t="s">
        <v>12</v>
      </c>
      <c r="B581">
        <v>0.9</v>
      </c>
      <c r="C581">
        <v>0.23</v>
      </c>
    </row>
    <row r="582" spans="1:3" x14ac:dyDescent="0.25">
      <c r="A582" t="s">
        <v>8</v>
      </c>
      <c r="B582">
        <v>0.81</v>
      </c>
      <c r="C582">
        <v>0.3</v>
      </c>
    </row>
    <row r="583" spans="1:3" x14ac:dyDescent="0.25">
      <c r="A583" t="s">
        <v>10</v>
      </c>
      <c r="B583">
        <v>0.28999999999999998</v>
      </c>
      <c r="C583">
        <v>0.39</v>
      </c>
    </row>
    <row r="584" spans="1:3" x14ac:dyDescent="0.25">
      <c r="A584" t="s">
        <v>10</v>
      </c>
      <c r="B584">
        <v>0.35</v>
      </c>
      <c r="C584">
        <v>0.53</v>
      </c>
    </row>
    <row r="585" spans="1:3" x14ac:dyDescent="0.25">
      <c r="A585" t="s">
        <v>10</v>
      </c>
      <c r="B585">
        <v>0.16</v>
      </c>
      <c r="C585">
        <v>0.24</v>
      </c>
    </row>
    <row r="586" spans="1:3" x14ac:dyDescent="0.25">
      <c r="A586" t="s">
        <v>24</v>
      </c>
      <c r="B586">
        <v>0.9</v>
      </c>
      <c r="C586">
        <v>0.84</v>
      </c>
    </row>
    <row r="587" spans="1:3" x14ac:dyDescent="0.25">
      <c r="A587" t="s">
        <v>8</v>
      </c>
      <c r="B587">
        <v>0.79</v>
      </c>
      <c r="C587">
        <v>0.74</v>
      </c>
    </row>
    <row r="588" spans="1:3" x14ac:dyDescent="0.25">
      <c r="A588" t="s">
        <v>8</v>
      </c>
      <c r="B588">
        <v>0.98</v>
      </c>
      <c r="C588">
        <v>0.21</v>
      </c>
    </row>
    <row r="589" spans="1:3" x14ac:dyDescent="0.25">
      <c r="A589" t="s">
        <v>12</v>
      </c>
      <c r="B589">
        <v>0.01</v>
      </c>
      <c r="C589">
        <v>0.79</v>
      </c>
    </row>
    <row r="590" spans="1:3" x14ac:dyDescent="0.25">
      <c r="A590" t="s">
        <v>10</v>
      </c>
      <c r="B590">
        <v>0.03</v>
      </c>
      <c r="C590">
        <v>0.69</v>
      </c>
    </row>
    <row r="591" spans="1:3" x14ac:dyDescent="0.25">
      <c r="A591" t="s">
        <v>8</v>
      </c>
      <c r="B591">
        <v>0.19</v>
      </c>
      <c r="C591">
        <v>0.64</v>
      </c>
    </row>
    <row r="592" spans="1:3" x14ac:dyDescent="0.25">
      <c r="A592" t="s">
        <v>12</v>
      </c>
      <c r="B592">
        <v>0.34</v>
      </c>
      <c r="C592">
        <v>0.5</v>
      </c>
    </row>
    <row r="593" spans="1:3" x14ac:dyDescent="0.25">
      <c r="A593" t="s">
        <v>12</v>
      </c>
      <c r="B593">
        <v>0.7</v>
      </c>
      <c r="C593">
        <v>0.81</v>
      </c>
    </row>
    <row r="594" spans="1:3" x14ac:dyDescent="0.25">
      <c r="A594" t="s">
        <v>12</v>
      </c>
      <c r="B594">
        <v>0.46</v>
      </c>
      <c r="C594">
        <v>0.17</v>
      </c>
    </row>
    <row r="595" spans="1:3" x14ac:dyDescent="0.25">
      <c r="A595" t="s">
        <v>8</v>
      </c>
      <c r="B595">
        <v>0.65</v>
      </c>
      <c r="C595">
        <v>0.32</v>
      </c>
    </row>
    <row r="596" spans="1:3" x14ac:dyDescent="0.25">
      <c r="A596" t="s">
        <v>8</v>
      </c>
      <c r="B596">
        <v>0.63</v>
      </c>
      <c r="C596">
        <v>0.56000000000000005</v>
      </c>
    </row>
    <row r="597" spans="1:3" x14ac:dyDescent="0.25">
      <c r="A597" t="s">
        <v>24</v>
      </c>
      <c r="B597">
        <v>0.5</v>
      </c>
      <c r="C597">
        <v>0.79</v>
      </c>
    </row>
    <row r="598" spans="1:3" x14ac:dyDescent="0.25">
      <c r="A598" t="s">
        <v>8</v>
      </c>
      <c r="B598">
        <v>0.97</v>
      </c>
      <c r="C598">
        <v>0.74</v>
      </c>
    </row>
    <row r="599" spans="1:3" x14ac:dyDescent="0.25">
      <c r="A599" t="s">
        <v>10</v>
      </c>
      <c r="B599">
        <v>0.85</v>
      </c>
      <c r="C599">
        <v>7.0000000000000007E-2</v>
      </c>
    </row>
    <row r="600" spans="1:3" x14ac:dyDescent="0.25">
      <c r="A600" t="s">
        <v>8</v>
      </c>
      <c r="B600">
        <v>0.38</v>
      </c>
      <c r="C600">
        <v>0.86</v>
      </c>
    </row>
    <row r="601" spans="1:3" x14ac:dyDescent="0.25">
      <c r="A601" t="s">
        <v>10</v>
      </c>
      <c r="B601">
        <v>0.5</v>
      </c>
      <c r="C601">
        <v>0.38</v>
      </c>
    </row>
    <row r="602" spans="1:3" x14ac:dyDescent="0.25">
      <c r="A602" t="s">
        <v>10</v>
      </c>
      <c r="B602">
        <v>0.31</v>
      </c>
      <c r="C602">
        <v>0.12</v>
      </c>
    </row>
    <row r="603" spans="1:3" x14ac:dyDescent="0.25">
      <c r="A603" t="s">
        <v>8</v>
      </c>
      <c r="B603">
        <v>0.27</v>
      </c>
      <c r="C603">
        <v>0.7</v>
      </c>
    </row>
    <row r="604" spans="1:3" x14ac:dyDescent="0.25">
      <c r="A604" t="s">
        <v>12</v>
      </c>
      <c r="B604">
        <v>0.09</v>
      </c>
      <c r="C604">
        <v>0.56000000000000005</v>
      </c>
    </row>
    <row r="605" spans="1:3" x14ac:dyDescent="0.25">
      <c r="A605" t="s">
        <v>8</v>
      </c>
      <c r="B605">
        <v>0.81</v>
      </c>
      <c r="C605">
        <v>0.49</v>
      </c>
    </row>
    <row r="606" spans="1:3" x14ac:dyDescent="0.25">
      <c r="A606" t="s">
        <v>8</v>
      </c>
      <c r="B606">
        <v>0.15</v>
      </c>
      <c r="C606">
        <v>0.3</v>
      </c>
    </row>
    <row r="607" spans="1:3" x14ac:dyDescent="0.25">
      <c r="A607" t="s">
        <v>8</v>
      </c>
      <c r="B607">
        <v>0.46</v>
      </c>
      <c r="C607">
        <v>0.16</v>
      </c>
    </row>
    <row r="608" spans="1:3" x14ac:dyDescent="0.25">
      <c r="A608" t="s">
        <v>8</v>
      </c>
      <c r="B608">
        <v>0.56000000000000005</v>
      </c>
      <c r="C608">
        <v>0.84</v>
      </c>
    </row>
    <row r="609" spans="1:3" x14ac:dyDescent="0.25">
      <c r="A609" t="s">
        <v>24</v>
      </c>
      <c r="B609">
        <v>0.8</v>
      </c>
      <c r="C609">
        <v>0.8</v>
      </c>
    </row>
    <row r="610" spans="1:3" x14ac:dyDescent="0.25">
      <c r="A610" t="s">
        <v>24</v>
      </c>
      <c r="B610">
        <v>0.17</v>
      </c>
      <c r="C610">
        <v>0.56000000000000005</v>
      </c>
    </row>
    <row r="611" spans="1:3" x14ac:dyDescent="0.25">
      <c r="A611" t="s">
        <v>24</v>
      </c>
      <c r="B611">
        <v>0.86</v>
      </c>
      <c r="C611">
        <v>0.56999999999999995</v>
      </c>
    </row>
    <row r="612" spans="1:3" x14ac:dyDescent="0.25">
      <c r="A612" t="s">
        <v>24</v>
      </c>
      <c r="B612">
        <v>0.51</v>
      </c>
      <c r="C612">
        <v>0.26</v>
      </c>
    </row>
    <row r="613" spans="1:3" x14ac:dyDescent="0.25">
      <c r="A613" t="s">
        <v>8</v>
      </c>
      <c r="B613">
        <v>0.86</v>
      </c>
      <c r="C613">
        <v>0.48</v>
      </c>
    </row>
    <row r="614" spans="1:3" x14ac:dyDescent="0.25">
      <c r="A614" t="s">
        <v>10</v>
      </c>
      <c r="B614">
        <v>0.96</v>
      </c>
      <c r="C614">
        <v>0.31</v>
      </c>
    </row>
    <row r="615" spans="1:3" x14ac:dyDescent="0.25">
      <c r="A615" t="s">
        <v>10</v>
      </c>
      <c r="B615">
        <v>0.67</v>
      </c>
      <c r="C615">
        <v>0.31</v>
      </c>
    </row>
    <row r="616" spans="1:3" x14ac:dyDescent="0.25">
      <c r="A616" t="s">
        <v>10</v>
      </c>
      <c r="B616">
        <v>0.54</v>
      </c>
      <c r="C616">
        <v>0.48</v>
      </c>
    </row>
    <row r="617" spans="1:3" x14ac:dyDescent="0.25">
      <c r="A617" t="s">
        <v>10</v>
      </c>
      <c r="B617">
        <v>0.16</v>
      </c>
      <c r="C617">
        <v>0.16</v>
      </c>
    </row>
    <row r="618" spans="1:3" x14ac:dyDescent="0.25">
      <c r="A618" t="s">
        <v>10</v>
      </c>
      <c r="B618">
        <v>0.5</v>
      </c>
      <c r="C618">
        <v>0.32</v>
      </c>
    </row>
    <row r="619" spans="1:3" x14ac:dyDescent="0.25">
      <c r="A619" t="s">
        <v>24</v>
      </c>
      <c r="B619">
        <v>0.32</v>
      </c>
      <c r="C619">
        <v>0.39</v>
      </c>
    </row>
    <row r="620" spans="1:3" x14ac:dyDescent="0.25">
      <c r="A620" t="s">
        <v>10</v>
      </c>
      <c r="B620">
        <v>0.93</v>
      </c>
      <c r="C620">
        <v>0.43</v>
      </c>
    </row>
    <row r="621" spans="1:3" x14ac:dyDescent="0.25">
      <c r="A621" t="s">
        <v>8</v>
      </c>
      <c r="B621">
        <v>0.89</v>
      </c>
      <c r="C621">
        <v>0.18</v>
      </c>
    </row>
    <row r="622" spans="1:3" x14ac:dyDescent="0.25">
      <c r="A622" t="s">
        <v>8</v>
      </c>
      <c r="B622">
        <v>0.36</v>
      </c>
      <c r="C622">
        <v>0.74</v>
      </c>
    </row>
    <row r="623" spans="1:3" x14ac:dyDescent="0.25">
      <c r="A623" t="s">
        <v>24</v>
      </c>
      <c r="B623">
        <v>0.43</v>
      </c>
      <c r="C623">
        <v>0.83</v>
      </c>
    </row>
    <row r="624" spans="1:3" x14ac:dyDescent="0.25">
      <c r="A624" t="s">
        <v>24</v>
      </c>
      <c r="B624">
        <v>0.23</v>
      </c>
      <c r="C624">
        <v>0.1</v>
      </c>
    </row>
    <row r="625" spans="1:3" x14ac:dyDescent="0.25">
      <c r="A625" t="s">
        <v>24</v>
      </c>
      <c r="B625">
        <v>0.25</v>
      </c>
      <c r="C625">
        <v>0.52</v>
      </c>
    </row>
    <row r="626" spans="1:3" x14ac:dyDescent="0.25">
      <c r="A626" t="s">
        <v>8</v>
      </c>
      <c r="B626">
        <v>0.56999999999999995</v>
      </c>
      <c r="C626">
        <v>0.82</v>
      </c>
    </row>
    <row r="627" spans="1:3" x14ac:dyDescent="0.25">
      <c r="A627" t="s">
        <v>8</v>
      </c>
      <c r="B627">
        <v>0.13</v>
      </c>
      <c r="C627">
        <v>0.61</v>
      </c>
    </row>
    <row r="628" spans="1:3" x14ac:dyDescent="0.25">
      <c r="A628" t="s">
        <v>10</v>
      </c>
      <c r="B628">
        <v>0.85</v>
      </c>
      <c r="C628">
        <v>0.86</v>
      </c>
    </row>
    <row r="629" spans="1:3" x14ac:dyDescent="0.25">
      <c r="A629" t="s">
        <v>12</v>
      </c>
      <c r="B629">
        <v>0.65</v>
      </c>
      <c r="C629">
        <v>0.46</v>
      </c>
    </row>
    <row r="630" spans="1:3" x14ac:dyDescent="0.25">
      <c r="A630" t="s">
        <v>24</v>
      </c>
      <c r="B630">
        <v>0.56999999999999995</v>
      </c>
      <c r="C630">
        <v>0.4</v>
      </c>
    </row>
    <row r="631" spans="1:3" x14ac:dyDescent="0.25">
      <c r="A631" t="s">
        <v>12</v>
      </c>
      <c r="B631">
        <v>0.48</v>
      </c>
      <c r="C631">
        <v>0.1</v>
      </c>
    </row>
    <row r="632" spans="1:3" x14ac:dyDescent="0.25">
      <c r="A632" t="s">
        <v>12</v>
      </c>
      <c r="B632">
        <v>0.65</v>
      </c>
      <c r="C632">
        <v>0.67</v>
      </c>
    </row>
    <row r="633" spans="1:3" x14ac:dyDescent="0.25">
      <c r="A633" t="s">
        <v>12</v>
      </c>
      <c r="B633">
        <v>0.03</v>
      </c>
      <c r="C633">
        <v>0.62</v>
      </c>
    </row>
    <row r="634" spans="1:3" x14ac:dyDescent="0.25">
      <c r="A634" t="s">
        <v>12</v>
      </c>
      <c r="B634">
        <v>0.05</v>
      </c>
      <c r="C634">
        <v>0.51</v>
      </c>
    </row>
    <row r="635" spans="1:3" x14ac:dyDescent="0.25">
      <c r="A635" t="s">
        <v>10</v>
      </c>
      <c r="B635">
        <v>0.2</v>
      </c>
      <c r="C635">
        <v>0.62</v>
      </c>
    </row>
    <row r="636" spans="1:3" x14ac:dyDescent="0.25">
      <c r="A636" t="s">
        <v>12</v>
      </c>
      <c r="B636">
        <v>0.72</v>
      </c>
      <c r="C636">
        <v>0.2</v>
      </c>
    </row>
    <row r="637" spans="1:3" x14ac:dyDescent="0.25">
      <c r="A637" t="s">
        <v>24</v>
      </c>
      <c r="B637">
        <v>0.37</v>
      </c>
      <c r="C637">
        <v>0.69</v>
      </c>
    </row>
    <row r="638" spans="1:3" x14ac:dyDescent="0.25">
      <c r="A638" t="s">
        <v>8</v>
      </c>
      <c r="B638">
        <v>0.76</v>
      </c>
      <c r="C638">
        <v>0.65</v>
      </c>
    </row>
    <row r="639" spans="1:3" x14ac:dyDescent="0.25">
      <c r="A639" t="s">
        <v>12</v>
      </c>
      <c r="B639">
        <v>0.53</v>
      </c>
      <c r="C639">
        <v>0.16</v>
      </c>
    </row>
    <row r="640" spans="1:3" x14ac:dyDescent="0.25">
      <c r="A640" t="s">
        <v>12</v>
      </c>
      <c r="B640">
        <v>0.76</v>
      </c>
      <c r="C640">
        <v>0.81</v>
      </c>
    </row>
    <row r="641" spans="1:3" x14ac:dyDescent="0.25">
      <c r="A641" t="s">
        <v>10</v>
      </c>
      <c r="B641">
        <v>0.1</v>
      </c>
      <c r="C641">
        <v>0.62</v>
      </c>
    </row>
    <row r="642" spans="1:3" x14ac:dyDescent="0.25">
      <c r="A642" t="s">
        <v>12</v>
      </c>
      <c r="B642">
        <v>0.12</v>
      </c>
      <c r="C642">
        <v>0.93</v>
      </c>
    </row>
    <row r="643" spans="1:3" x14ac:dyDescent="0.25">
      <c r="A643" t="s">
        <v>12</v>
      </c>
      <c r="B643">
        <v>0.53</v>
      </c>
      <c r="C643">
        <v>0.92</v>
      </c>
    </row>
    <row r="644" spans="1:3" x14ac:dyDescent="0.25">
      <c r="A644" t="s">
        <v>10</v>
      </c>
      <c r="B644">
        <v>0.57999999999999996</v>
      </c>
      <c r="C644">
        <v>0.86</v>
      </c>
    </row>
    <row r="645" spans="1:3" x14ac:dyDescent="0.25">
      <c r="A645" t="s">
        <v>24</v>
      </c>
      <c r="B645">
        <v>0.31</v>
      </c>
      <c r="C645">
        <v>0.64</v>
      </c>
    </row>
    <row r="646" spans="1:3" x14ac:dyDescent="0.25">
      <c r="A646" t="s">
        <v>24</v>
      </c>
      <c r="B646">
        <v>0.18</v>
      </c>
      <c r="C646">
        <v>0.12</v>
      </c>
    </row>
    <row r="647" spans="1:3" x14ac:dyDescent="0.25">
      <c r="A647" t="s">
        <v>8</v>
      </c>
      <c r="B647">
        <v>0.2</v>
      </c>
      <c r="C647">
        <v>0.82</v>
      </c>
    </row>
    <row r="648" spans="1:3" x14ac:dyDescent="0.25">
      <c r="A648" t="s">
        <v>8</v>
      </c>
      <c r="B648">
        <v>0.7</v>
      </c>
      <c r="C648">
        <v>0.27</v>
      </c>
    </row>
    <row r="649" spans="1:3" x14ac:dyDescent="0.25">
      <c r="A649" t="s">
        <v>8</v>
      </c>
      <c r="B649">
        <v>0.81</v>
      </c>
      <c r="C649">
        <v>0.88</v>
      </c>
    </row>
    <row r="650" spans="1:3" x14ac:dyDescent="0.25">
      <c r="A650" t="s">
        <v>12</v>
      </c>
      <c r="B650">
        <v>0.47</v>
      </c>
      <c r="C650">
        <v>0.66</v>
      </c>
    </row>
    <row r="651" spans="1:3" x14ac:dyDescent="0.25">
      <c r="A651" t="s">
        <v>24</v>
      </c>
      <c r="B651">
        <v>0.55000000000000004</v>
      </c>
      <c r="C651">
        <v>0.43</v>
      </c>
    </row>
    <row r="652" spans="1:3" x14ac:dyDescent="0.25">
      <c r="A652" t="s">
        <v>24</v>
      </c>
      <c r="B652">
        <v>0.54</v>
      </c>
      <c r="C652">
        <v>0.17</v>
      </c>
    </row>
    <row r="653" spans="1:3" x14ac:dyDescent="0.25">
      <c r="A653" t="s">
        <v>12</v>
      </c>
      <c r="B653">
        <v>0.37</v>
      </c>
      <c r="C653">
        <v>0.63</v>
      </c>
    </row>
    <row r="654" spans="1:3" x14ac:dyDescent="0.25">
      <c r="A654" t="s">
        <v>12</v>
      </c>
      <c r="B654">
        <v>0.8</v>
      </c>
      <c r="C654">
        <v>0.7</v>
      </c>
    </row>
    <row r="655" spans="1:3" x14ac:dyDescent="0.25">
      <c r="A655" t="s">
        <v>8</v>
      </c>
      <c r="B655">
        <v>0.02</v>
      </c>
      <c r="C655">
        <v>0.62</v>
      </c>
    </row>
    <row r="656" spans="1:3" x14ac:dyDescent="0.25">
      <c r="A656" t="s">
        <v>12</v>
      </c>
      <c r="B656">
        <v>0.08</v>
      </c>
      <c r="C656">
        <v>0.56999999999999995</v>
      </c>
    </row>
    <row r="657" spans="1:3" x14ac:dyDescent="0.25">
      <c r="A657" t="s">
        <v>10</v>
      </c>
      <c r="B657">
        <v>0.13</v>
      </c>
      <c r="C657">
        <v>0.54</v>
      </c>
    </row>
    <row r="658" spans="1:3" x14ac:dyDescent="0.25">
      <c r="A658" t="s">
        <v>8</v>
      </c>
      <c r="B658">
        <v>0.45</v>
      </c>
      <c r="C658">
        <v>0.45</v>
      </c>
    </row>
    <row r="659" spans="1:3" x14ac:dyDescent="0.25">
      <c r="A659" t="s">
        <v>10</v>
      </c>
      <c r="B659">
        <v>0.27</v>
      </c>
      <c r="C659">
        <v>0.63</v>
      </c>
    </row>
    <row r="660" spans="1:3" x14ac:dyDescent="0.25">
      <c r="A660" t="s">
        <v>12</v>
      </c>
      <c r="B660">
        <v>0.43</v>
      </c>
      <c r="C660">
        <v>0.09</v>
      </c>
    </row>
    <row r="661" spans="1:3" x14ac:dyDescent="0.25">
      <c r="A661" t="s">
        <v>24</v>
      </c>
      <c r="B661">
        <v>0.98</v>
      </c>
      <c r="C661">
        <v>0.41</v>
      </c>
    </row>
    <row r="662" spans="1:3" x14ac:dyDescent="0.25">
      <c r="A662" t="s">
        <v>12</v>
      </c>
      <c r="B662">
        <v>0.8</v>
      </c>
      <c r="C662">
        <v>0.82</v>
      </c>
    </row>
    <row r="663" spans="1:3" x14ac:dyDescent="0.25">
      <c r="A663" t="s">
        <v>24</v>
      </c>
      <c r="B663">
        <v>0.06</v>
      </c>
      <c r="C663">
        <v>0.89</v>
      </c>
    </row>
    <row r="664" spans="1:3" x14ac:dyDescent="0.25">
      <c r="A664" t="s">
        <v>10</v>
      </c>
      <c r="B664">
        <v>0.95</v>
      </c>
      <c r="C664">
        <v>0.4</v>
      </c>
    </row>
    <row r="665" spans="1:3" x14ac:dyDescent="0.25">
      <c r="A665" t="s">
        <v>8</v>
      </c>
      <c r="B665">
        <v>0.91</v>
      </c>
      <c r="C665">
        <v>0.36</v>
      </c>
    </row>
    <row r="666" spans="1:3" x14ac:dyDescent="0.25">
      <c r="A666" t="s">
        <v>10</v>
      </c>
      <c r="B666">
        <v>0.75</v>
      </c>
      <c r="C666">
        <v>0.21</v>
      </c>
    </row>
    <row r="667" spans="1:3" x14ac:dyDescent="0.25">
      <c r="A667" t="s">
        <v>12</v>
      </c>
      <c r="B667">
        <v>0.52</v>
      </c>
      <c r="C667">
        <v>0.47</v>
      </c>
    </row>
    <row r="668" spans="1:3" x14ac:dyDescent="0.25">
      <c r="A668" t="s">
        <v>8</v>
      </c>
      <c r="B668">
        <v>0.08</v>
      </c>
      <c r="C668">
        <v>0.57999999999999996</v>
      </c>
    </row>
    <row r="669" spans="1:3" x14ac:dyDescent="0.25">
      <c r="A669" t="s">
        <v>24</v>
      </c>
      <c r="B669">
        <v>0.46</v>
      </c>
      <c r="C669">
        <v>0.68</v>
      </c>
    </row>
    <row r="670" spans="1:3" x14ac:dyDescent="0.25">
      <c r="A670" t="s">
        <v>8</v>
      </c>
      <c r="B670">
        <v>0.56000000000000005</v>
      </c>
      <c r="C670">
        <v>0.37</v>
      </c>
    </row>
    <row r="671" spans="1:3" x14ac:dyDescent="0.25">
      <c r="A671" t="s">
        <v>8</v>
      </c>
      <c r="B671">
        <v>0.6</v>
      </c>
      <c r="C671">
        <v>0.51</v>
      </c>
    </row>
    <row r="672" spans="1:3" x14ac:dyDescent="0.25">
      <c r="A672" t="s">
        <v>8</v>
      </c>
      <c r="B672">
        <v>0.82</v>
      </c>
      <c r="C672">
        <v>0.57999999999999996</v>
      </c>
    </row>
    <row r="673" spans="1:3" x14ac:dyDescent="0.25">
      <c r="A673" t="s">
        <v>12</v>
      </c>
      <c r="B673">
        <v>0.48</v>
      </c>
      <c r="C673">
        <v>0.94</v>
      </c>
    </row>
    <row r="674" spans="1:3" x14ac:dyDescent="0.25">
      <c r="A674" t="s">
        <v>10</v>
      </c>
      <c r="B674">
        <v>0.66</v>
      </c>
      <c r="C674">
        <v>0.22</v>
      </c>
    </row>
    <row r="675" spans="1:3" x14ac:dyDescent="0.25">
      <c r="A675" t="s">
        <v>24</v>
      </c>
      <c r="B675">
        <v>0.88</v>
      </c>
      <c r="C675">
        <v>0.67</v>
      </c>
    </row>
    <row r="676" spans="1:3" x14ac:dyDescent="0.25">
      <c r="A676" t="s">
        <v>10</v>
      </c>
      <c r="B676">
        <v>0.01</v>
      </c>
      <c r="C676">
        <v>0.34</v>
      </c>
    </row>
    <row r="677" spans="1:3" x14ac:dyDescent="0.25">
      <c r="A677" t="s">
        <v>10</v>
      </c>
      <c r="B677">
        <v>0.52</v>
      </c>
      <c r="C677">
        <v>0.19</v>
      </c>
    </row>
    <row r="678" spans="1:3" x14ac:dyDescent="0.25">
      <c r="A678" t="s">
        <v>12</v>
      </c>
      <c r="B678">
        <v>0.62</v>
      </c>
      <c r="C678">
        <v>0.82</v>
      </c>
    </row>
    <row r="679" spans="1:3" x14ac:dyDescent="0.25">
      <c r="A679" t="s">
        <v>24</v>
      </c>
      <c r="B679">
        <v>0.99</v>
      </c>
      <c r="C679">
        <v>0.33</v>
      </c>
    </row>
    <row r="680" spans="1:3" x14ac:dyDescent="0.25">
      <c r="A680" t="s">
        <v>10</v>
      </c>
      <c r="B680">
        <v>0.35</v>
      </c>
      <c r="C680">
        <v>0.43</v>
      </c>
    </row>
    <row r="681" spans="1:3" x14ac:dyDescent="0.25">
      <c r="A681" t="s">
        <v>24</v>
      </c>
      <c r="B681">
        <v>0.11</v>
      </c>
      <c r="C681">
        <v>0.57999999999999996</v>
      </c>
    </row>
    <row r="682" spans="1:3" x14ac:dyDescent="0.25">
      <c r="A682" t="s">
        <v>24</v>
      </c>
      <c r="B682">
        <v>0.4</v>
      </c>
      <c r="C682">
        <v>0.72</v>
      </c>
    </row>
    <row r="683" spans="1:3" x14ac:dyDescent="0.25">
      <c r="A683" t="s">
        <v>12</v>
      </c>
      <c r="B683">
        <v>0.42</v>
      </c>
      <c r="C683">
        <v>0.5</v>
      </c>
    </row>
    <row r="684" spans="1:3" x14ac:dyDescent="0.25">
      <c r="A684" t="s">
        <v>24</v>
      </c>
      <c r="B684">
        <v>0.19</v>
      </c>
      <c r="C684">
        <v>0.51</v>
      </c>
    </row>
    <row r="685" spans="1:3" x14ac:dyDescent="0.25">
      <c r="A685" t="s">
        <v>8</v>
      </c>
      <c r="B685">
        <v>0.45</v>
      </c>
      <c r="C685">
        <v>0.26</v>
      </c>
    </row>
    <row r="686" spans="1:3" x14ac:dyDescent="0.25">
      <c r="A686" t="s">
        <v>8</v>
      </c>
      <c r="B686">
        <v>0.43</v>
      </c>
      <c r="C686">
        <v>0.7</v>
      </c>
    </row>
    <row r="687" spans="1:3" x14ac:dyDescent="0.25">
      <c r="A687" t="s">
        <v>24</v>
      </c>
      <c r="B687">
        <v>0.19</v>
      </c>
      <c r="C687">
        <v>0.34</v>
      </c>
    </row>
    <row r="688" spans="1:3" x14ac:dyDescent="0.25">
      <c r="A688" t="s">
        <v>10</v>
      </c>
      <c r="B688">
        <v>0.92</v>
      </c>
      <c r="C688">
        <v>0.93</v>
      </c>
    </row>
    <row r="689" spans="1:3" x14ac:dyDescent="0.25">
      <c r="A689" t="s">
        <v>24</v>
      </c>
      <c r="B689">
        <v>0.78</v>
      </c>
      <c r="C689">
        <v>0.22</v>
      </c>
    </row>
    <row r="690" spans="1:3" x14ac:dyDescent="0.25">
      <c r="A690" t="s">
        <v>8</v>
      </c>
      <c r="B690">
        <v>0.82</v>
      </c>
      <c r="C690">
        <v>0.48</v>
      </c>
    </row>
    <row r="691" spans="1:3" x14ac:dyDescent="0.25">
      <c r="A691" t="s">
        <v>10</v>
      </c>
      <c r="B691">
        <v>0.74</v>
      </c>
      <c r="C691">
        <v>0.62</v>
      </c>
    </row>
    <row r="692" spans="1:3" x14ac:dyDescent="0.25">
      <c r="A692" t="s">
        <v>10</v>
      </c>
      <c r="B692">
        <v>0.86</v>
      </c>
      <c r="C692">
        <v>0.76</v>
      </c>
    </row>
    <row r="693" spans="1:3" x14ac:dyDescent="0.25">
      <c r="A693" t="s">
        <v>12</v>
      </c>
      <c r="B693">
        <v>0.97</v>
      </c>
      <c r="C693">
        <v>0.38</v>
      </c>
    </row>
    <row r="694" spans="1:3" x14ac:dyDescent="0.25">
      <c r="A694" t="s">
        <v>10</v>
      </c>
      <c r="B694">
        <v>0.64</v>
      </c>
      <c r="C694">
        <v>0.71</v>
      </c>
    </row>
    <row r="695" spans="1:3" x14ac:dyDescent="0.25">
      <c r="A695" t="s">
        <v>12</v>
      </c>
      <c r="B695">
        <v>0.77</v>
      </c>
      <c r="C695">
        <v>0.77</v>
      </c>
    </row>
    <row r="696" spans="1:3" x14ac:dyDescent="0.25">
      <c r="A696" t="s">
        <v>24</v>
      </c>
      <c r="B696">
        <v>0.76</v>
      </c>
      <c r="C696">
        <v>0.82</v>
      </c>
    </row>
    <row r="697" spans="1:3" x14ac:dyDescent="0.25">
      <c r="A697" t="s">
        <v>12</v>
      </c>
      <c r="B697">
        <v>0.04</v>
      </c>
      <c r="C697">
        <v>0.32</v>
      </c>
    </row>
    <row r="698" spans="1:3" x14ac:dyDescent="0.25">
      <c r="A698" t="s">
        <v>24</v>
      </c>
      <c r="B698">
        <v>0.87</v>
      </c>
      <c r="C698">
        <v>0.43</v>
      </c>
    </row>
    <row r="699" spans="1:3" x14ac:dyDescent="0.25">
      <c r="A699" t="s">
        <v>24</v>
      </c>
      <c r="B699">
        <v>0.26</v>
      </c>
      <c r="C699">
        <v>0.31</v>
      </c>
    </row>
    <row r="700" spans="1:3" x14ac:dyDescent="0.25">
      <c r="A700" t="s">
        <v>24</v>
      </c>
      <c r="B700">
        <v>0.99</v>
      </c>
      <c r="C700">
        <v>0.92</v>
      </c>
    </row>
    <row r="701" spans="1:3" x14ac:dyDescent="0.25">
      <c r="A701" t="s">
        <v>12</v>
      </c>
      <c r="B701">
        <v>0.73</v>
      </c>
      <c r="C701">
        <v>0.64</v>
      </c>
    </row>
    <row r="702" spans="1:3" x14ac:dyDescent="0.25">
      <c r="A702" t="s">
        <v>8</v>
      </c>
      <c r="B702">
        <v>0.06</v>
      </c>
      <c r="C702">
        <v>0.92</v>
      </c>
    </row>
    <row r="703" spans="1:3" x14ac:dyDescent="0.25">
      <c r="A703" t="s">
        <v>8</v>
      </c>
      <c r="B703">
        <v>0.43</v>
      </c>
      <c r="C703">
        <v>0.66</v>
      </c>
    </row>
    <row r="704" spans="1:3" x14ac:dyDescent="0.25">
      <c r="A704" t="s">
        <v>10</v>
      </c>
      <c r="B704">
        <v>0.42</v>
      </c>
      <c r="C704">
        <v>0.45</v>
      </c>
    </row>
    <row r="705" spans="1:3" x14ac:dyDescent="0.25">
      <c r="A705" t="s">
        <v>8</v>
      </c>
      <c r="B705">
        <v>0.73</v>
      </c>
      <c r="C705">
        <v>0.59</v>
      </c>
    </row>
    <row r="706" spans="1:3" x14ac:dyDescent="0.25">
      <c r="A706" t="s">
        <v>10</v>
      </c>
      <c r="B706">
        <v>0.17</v>
      </c>
      <c r="C706">
        <v>0.43</v>
      </c>
    </row>
    <row r="707" spans="1:3" x14ac:dyDescent="0.25">
      <c r="A707" t="s">
        <v>12</v>
      </c>
      <c r="B707">
        <v>0.6</v>
      </c>
      <c r="C707">
        <v>0.51</v>
      </c>
    </row>
    <row r="708" spans="1:3" x14ac:dyDescent="0.25">
      <c r="A708" t="s">
        <v>10</v>
      </c>
      <c r="B708">
        <v>0.47</v>
      </c>
      <c r="C708">
        <v>0.92</v>
      </c>
    </row>
    <row r="709" spans="1:3" x14ac:dyDescent="0.25">
      <c r="A709" t="s">
        <v>10</v>
      </c>
      <c r="B709">
        <v>0.51</v>
      </c>
      <c r="C709">
        <v>0.8</v>
      </c>
    </row>
    <row r="710" spans="1:3" x14ac:dyDescent="0.25">
      <c r="A710" t="s">
        <v>8</v>
      </c>
      <c r="B710">
        <v>0.49</v>
      </c>
      <c r="C710">
        <v>0.59</v>
      </c>
    </row>
    <row r="711" spans="1:3" x14ac:dyDescent="0.25">
      <c r="A711" t="s">
        <v>24</v>
      </c>
      <c r="B711">
        <v>0.95</v>
      </c>
      <c r="C711">
        <v>0.14000000000000001</v>
      </c>
    </row>
    <row r="712" spans="1:3" x14ac:dyDescent="0.25">
      <c r="A712" t="s">
        <v>24</v>
      </c>
      <c r="B712">
        <v>0.49</v>
      </c>
      <c r="C712">
        <v>0.91</v>
      </c>
    </row>
    <row r="713" spans="1:3" x14ac:dyDescent="0.25">
      <c r="A713" t="s">
        <v>24</v>
      </c>
      <c r="B713">
        <v>0.94</v>
      </c>
      <c r="C713">
        <v>0.06</v>
      </c>
    </row>
    <row r="714" spans="1:3" x14ac:dyDescent="0.25">
      <c r="A714" t="s">
        <v>8</v>
      </c>
      <c r="B714">
        <v>0.75</v>
      </c>
      <c r="C714">
        <v>0.54</v>
      </c>
    </row>
    <row r="715" spans="1:3" x14ac:dyDescent="0.25">
      <c r="A715" t="s">
        <v>8</v>
      </c>
      <c r="B715">
        <v>0.96</v>
      </c>
      <c r="C715">
        <v>0.13</v>
      </c>
    </row>
    <row r="716" spans="1:3" x14ac:dyDescent="0.25">
      <c r="A716" t="s">
        <v>12</v>
      </c>
      <c r="B716">
        <v>0.64</v>
      </c>
      <c r="C716">
        <v>0.27</v>
      </c>
    </row>
    <row r="717" spans="1:3" x14ac:dyDescent="0.25">
      <c r="A717" t="s">
        <v>12</v>
      </c>
      <c r="B717">
        <v>0.61</v>
      </c>
      <c r="C717">
        <v>0.48</v>
      </c>
    </row>
    <row r="718" spans="1:3" x14ac:dyDescent="0.25">
      <c r="A718" t="s">
        <v>24</v>
      </c>
      <c r="B718">
        <v>0.44</v>
      </c>
      <c r="C718">
        <v>0.69</v>
      </c>
    </row>
    <row r="719" spans="1:3" x14ac:dyDescent="0.25">
      <c r="A719" t="s">
        <v>12</v>
      </c>
      <c r="B719">
        <v>0.16</v>
      </c>
      <c r="C719">
        <v>0.64</v>
      </c>
    </row>
    <row r="720" spans="1:3" x14ac:dyDescent="0.25">
      <c r="A720" t="s">
        <v>24</v>
      </c>
      <c r="B720">
        <v>0.34</v>
      </c>
      <c r="C720">
        <v>0.56999999999999995</v>
      </c>
    </row>
    <row r="721" spans="1:3" x14ac:dyDescent="0.25">
      <c r="A721" t="s">
        <v>10</v>
      </c>
      <c r="B721">
        <v>0.01</v>
      </c>
      <c r="C721">
        <v>0.56999999999999995</v>
      </c>
    </row>
    <row r="722" spans="1:3" x14ac:dyDescent="0.25">
      <c r="A722" t="s">
        <v>12</v>
      </c>
      <c r="B722">
        <v>0.12</v>
      </c>
      <c r="C722">
        <v>0.21</v>
      </c>
    </row>
    <row r="723" spans="1:3" x14ac:dyDescent="0.25">
      <c r="A723" t="s">
        <v>10</v>
      </c>
      <c r="B723">
        <v>0.85</v>
      </c>
      <c r="C723">
        <v>0.17</v>
      </c>
    </row>
    <row r="724" spans="1:3" x14ac:dyDescent="0.25">
      <c r="A724" t="s">
        <v>8</v>
      </c>
      <c r="B724">
        <v>0.83</v>
      </c>
      <c r="C724">
        <v>0.51</v>
      </c>
    </row>
    <row r="725" spans="1:3" x14ac:dyDescent="0.25">
      <c r="A725" t="s">
        <v>24</v>
      </c>
      <c r="B725">
        <v>0.54</v>
      </c>
      <c r="C725">
        <v>0.49</v>
      </c>
    </row>
    <row r="726" spans="1:3" x14ac:dyDescent="0.25">
      <c r="A726" t="s">
        <v>10</v>
      </c>
      <c r="B726">
        <v>0.19</v>
      </c>
      <c r="C726">
        <v>0.51</v>
      </c>
    </row>
    <row r="727" spans="1:3" x14ac:dyDescent="0.25">
      <c r="A727" t="s">
        <v>12</v>
      </c>
      <c r="B727">
        <v>0.43</v>
      </c>
      <c r="C727">
        <v>0.23</v>
      </c>
    </row>
    <row r="728" spans="1:3" x14ac:dyDescent="0.25">
      <c r="A728" t="s">
        <v>24</v>
      </c>
      <c r="B728">
        <v>0.17</v>
      </c>
      <c r="C728">
        <v>0.77</v>
      </c>
    </row>
    <row r="729" spans="1:3" x14ac:dyDescent="0.25">
      <c r="A729" t="s">
        <v>24</v>
      </c>
      <c r="B729">
        <v>0.59</v>
      </c>
      <c r="C729">
        <v>0.48</v>
      </c>
    </row>
    <row r="730" spans="1:3" x14ac:dyDescent="0.25">
      <c r="A730" t="s">
        <v>10</v>
      </c>
      <c r="B730">
        <v>0.16</v>
      </c>
      <c r="C730">
        <v>0.3</v>
      </c>
    </row>
    <row r="731" spans="1:3" x14ac:dyDescent="0.25">
      <c r="A731" t="s">
        <v>8</v>
      </c>
      <c r="B731">
        <v>0.68</v>
      </c>
      <c r="C731">
        <v>0.56999999999999995</v>
      </c>
    </row>
    <row r="732" spans="1:3" x14ac:dyDescent="0.25">
      <c r="A732" t="s">
        <v>8</v>
      </c>
      <c r="B732">
        <v>0.92</v>
      </c>
      <c r="C732">
        <v>0.86</v>
      </c>
    </row>
    <row r="733" spans="1:3" x14ac:dyDescent="0.25">
      <c r="A733" t="s">
        <v>12</v>
      </c>
      <c r="B733">
        <v>0.62</v>
      </c>
      <c r="C733">
        <v>0.18</v>
      </c>
    </row>
    <row r="734" spans="1:3" x14ac:dyDescent="0.25">
      <c r="A734" t="s">
        <v>12</v>
      </c>
      <c r="B734">
        <v>0.37</v>
      </c>
      <c r="C734">
        <v>0.59</v>
      </c>
    </row>
    <row r="735" spans="1:3" x14ac:dyDescent="0.25">
      <c r="A735" t="s">
        <v>12</v>
      </c>
      <c r="B735">
        <v>0.55000000000000004</v>
      </c>
      <c r="C735">
        <v>0.9</v>
      </c>
    </row>
    <row r="736" spans="1:3" x14ac:dyDescent="0.25">
      <c r="A736" t="s">
        <v>12</v>
      </c>
      <c r="B736">
        <v>0.61</v>
      </c>
      <c r="C736">
        <v>0.13</v>
      </c>
    </row>
    <row r="737" spans="1:3" x14ac:dyDescent="0.25">
      <c r="A737" t="s">
        <v>24</v>
      </c>
      <c r="B737">
        <v>0.43</v>
      </c>
      <c r="C737">
        <v>0.67</v>
      </c>
    </row>
    <row r="738" spans="1:3" x14ac:dyDescent="0.25">
      <c r="A738" t="s">
        <v>8</v>
      </c>
      <c r="B738">
        <v>0.63</v>
      </c>
      <c r="C738">
        <v>0.92</v>
      </c>
    </row>
    <row r="739" spans="1:3" x14ac:dyDescent="0.25">
      <c r="A739" t="s">
        <v>24</v>
      </c>
      <c r="B739">
        <v>0.13</v>
      </c>
      <c r="C739">
        <v>0.21</v>
      </c>
    </row>
    <row r="740" spans="1:3" x14ac:dyDescent="0.25">
      <c r="A740" t="s">
        <v>10</v>
      </c>
      <c r="B740">
        <v>0.31</v>
      </c>
      <c r="C740">
        <v>0.4</v>
      </c>
    </row>
    <row r="741" spans="1:3" x14ac:dyDescent="0.25">
      <c r="A741" t="s">
        <v>8</v>
      </c>
      <c r="B741">
        <v>0.61</v>
      </c>
      <c r="C741">
        <v>0.56000000000000005</v>
      </c>
    </row>
    <row r="742" spans="1:3" x14ac:dyDescent="0.25">
      <c r="A742" t="s">
        <v>10</v>
      </c>
      <c r="B742">
        <v>0.55000000000000004</v>
      </c>
      <c r="C742">
        <v>0.36</v>
      </c>
    </row>
    <row r="743" spans="1:3" x14ac:dyDescent="0.25">
      <c r="A743" t="s">
        <v>12</v>
      </c>
      <c r="B743">
        <v>0.3</v>
      </c>
      <c r="C743">
        <v>0.3</v>
      </c>
    </row>
    <row r="744" spans="1:3" x14ac:dyDescent="0.25">
      <c r="A744" t="s">
        <v>12</v>
      </c>
      <c r="B744">
        <v>0.15</v>
      </c>
      <c r="C744">
        <v>0.11</v>
      </c>
    </row>
    <row r="745" spans="1:3" x14ac:dyDescent="0.25">
      <c r="A745" t="s">
        <v>24</v>
      </c>
      <c r="B745">
        <v>0.57999999999999996</v>
      </c>
      <c r="C745">
        <v>0.47</v>
      </c>
    </row>
    <row r="746" spans="1:3" x14ac:dyDescent="0.25">
      <c r="A746" t="s">
        <v>8</v>
      </c>
      <c r="B746">
        <v>0.84</v>
      </c>
      <c r="C746">
        <v>0.1</v>
      </c>
    </row>
    <row r="747" spans="1:3" x14ac:dyDescent="0.25">
      <c r="A747" t="s">
        <v>24</v>
      </c>
      <c r="B747">
        <v>0.1</v>
      </c>
      <c r="C747">
        <v>0.63</v>
      </c>
    </row>
    <row r="748" spans="1:3" x14ac:dyDescent="0.25">
      <c r="A748" t="s">
        <v>24</v>
      </c>
      <c r="B748">
        <v>0.79</v>
      </c>
      <c r="C748">
        <v>0.33</v>
      </c>
    </row>
    <row r="749" spans="1:3" x14ac:dyDescent="0.25">
      <c r="A749" t="s">
        <v>8</v>
      </c>
      <c r="B749">
        <v>0.78</v>
      </c>
      <c r="C749">
        <v>0.43</v>
      </c>
    </row>
    <row r="750" spans="1:3" x14ac:dyDescent="0.25">
      <c r="A750" t="s">
        <v>10</v>
      </c>
      <c r="B750">
        <v>0.71</v>
      </c>
      <c r="C750">
        <v>0.06</v>
      </c>
    </row>
    <row r="751" spans="1:3" x14ac:dyDescent="0.25">
      <c r="A751" t="s">
        <v>12</v>
      </c>
      <c r="B751">
        <v>7.0000000000000007E-2</v>
      </c>
      <c r="C751">
        <v>0.42</v>
      </c>
    </row>
    <row r="752" spans="1:3" x14ac:dyDescent="0.25">
      <c r="A752" t="s">
        <v>8</v>
      </c>
      <c r="B752">
        <v>0.38</v>
      </c>
      <c r="C752">
        <v>0.06</v>
      </c>
    </row>
    <row r="753" spans="1:3" x14ac:dyDescent="0.25">
      <c r="A753" t="s">
        <v>24</v>
      </c>
      <c r="B753">
        <v>0.25</v>
      </c>
      <c r="C753">
        <v>0.48</v>
      </c>
    </row>
    <row r="754" spans="1:3" x14ac:dyDescent="0.25">
      <c r="A754" t="s">
        <v>12</v>
      </c>
      <c r="B754">
        <v>0.68</v>
      </c>
      <c r="C754">
        <v>0.09</v>
      </c>
    </row>
    <row r="755" spans="1:3" x14ac:dyDescent="0.25">
      <c r="A755" t="s">
        <v>10</v>
      </c>
      <c r="B755">
        <v>0.68</v>
      </c>
      <c r="C755">
        <v>0.19</v>
      </c>
    </row>
    <row r="756" spans="1:3" x14ac:dyDescent="0.25">
      <c r="A756" t="s">
        <v>24</v>
      </c>
      <c r="B756">
        <v>0.14000000000000001</v>
      </c>
      <c r="C756">
        <v>0.8</v>
      </c>
    </row>
    <row r="757" spans="1:3" x14ac:dyDescent="0.25">
      <c r="A757" t="s">
        <v>12</v>
      </c>
      <c r="B757">
        <v>0.84</v>
      </c>
      <c r="C757">
        <v>0.75</v>
      </c>
    </row>
    <row r="758" spans="1:3" x14ac:dyDescent="0.25">
      <c r="A758" t="s">
        <v>12</v>
      </c>
      <c r="B758">
        <v>0.56999999999999995</v>
      </c>
      <c r="C758">
        <v>0.49</v>
      </c>
    </row>
    <row r="759" spans="1:3" x14ac:dyDescent="0.25">
      <c r="A759" t="s">
        <v>8</v>
      </c>
      <c r="B759">
        <v>0.38</v>
      </c>
      <c r="C759">
        <v>0.16</v>
      </c>
    </row>
    <row r="760" spans="1:3" x14ac:dyDescent="0.25">
      <c r="A760" t="s">
        <v>12</v>
      </c>
      <c r="B760">
        <v>0.7</v>
      </c>
      <c r="C760">
        <v>0.28000000000000003</v>
      </c>
    </row>
    <row r="761" spans="1:3" x14ac:dyDescent="0.25">
      <c r="A761" t="s">
        <v>24</v>
      </c>
      <c r="B761">
        <v>0.25</v>
      </c>
      <c r="C761">
        <v>0.16</v>
      </c>
    </row>
    <row r="762" spans="1:3" x14ac:dyDescent="0.25">
      <c r="A762" t="s">
        <v>24</v>
      </c>
      <c r="B762">
        <v>0.97</v>
      </c>
      <c r="C762">
        <v>0.88</v>
      </c>
    </row>
    <row r="763" spans="1:3" x14ac:dyDescent="0.25">
      <c r="A763" t="s">
        <v>24</v>
      </c>
      <c r="B763">
        <v>0.56000000000000005</v>
      </c>
      <c r="C763">
        <v>0.68</v>
      </c>
    </row>
    <row r="764" spans="1:3" x14ac:dyDescent="0.25">
      <c r="A764" t="s">
        <v>8</v>
      </c>
      <c r="B764">
        <v>0.69</v>
      </c>
      <c r="C764">
        <v>0.79</v>
      </c>
    </row>
    <row r="765" spans="1:3" x14ac:dyDescent="0.25">
      <c r="A765" t="s">
        <v>10</v>
      </c>
      <c r="B765">
        <v>0.22</v>
      </c>
      <c r="C765">
        <v>0.37</v>
      </c>
    </row>
    <row r="766" spans="1:3" x14ac:dyDescent="0.25">
      <c r="A766" t="s">
        <v>24</v>
      </c>
      <c r="B766">
        <v>0.56000000000000005</v>
      </c>
      <c r="C766">
        <v>0.09</v>
      </c>
    </row>
    <row r="767" spans="1:3" x14ac:dyDescent="0.25">
      <c r="A767" t="s">
        <v>24</v>
      </c>
      <c r="B767">
        <v>0.59</v>
      </c>
      <c r="C767">
        <v>0.82</v>
      </c>
    </row>
    <row r="768" spans="1:3" x14ac:dyDescent="0.25">
      <c r="A768" t="s">
        <v>10</v>
      </c>
      <c r="B768">
        <v>0.96</v>
      </c>
      <c r="C768">
        <v>0.28000000000000003</v>
      </c>
    </row>
    <row r="769" spans="1:3" x14ac:dyDescent="0.25">
      <c r="A769" t="s">
        <v>8</v>
      </c>
      <c r="B769">
        <v>0.17</v>
      </c>
      <c r="C769">
        <v>0.46</v>
      </c>
    </row>
    <row r="770" spans="1:3" x14ac:dyDescent="0.25">
      <c r="A770" t="s">
        <v>24</v>
      </c>
      <c r="B770">
        <v>0.78</v>
      </c>
      <c r="C770">
        <v>0.56000000000000005</v>
      </c>
    </row>
    <row r="771" spans="1:3" x14ac:dyDescent="0.25">
      <c r="A771" t="s">
        <v>10</v>
      </c>
      <c r="B771">
        <v>0.95</v>
      </c>
      <c r="C771">
        <v>0.22</v>
      </c>
    </row>
    <row r="772" spans="1:3" x14ac:dyDescent="0.25">
      <c r="A772" t="s">
        <v>10</v>
      </c>
      <c r="B772">
        <v>0.56999999999999995</v>
      </c>
      <c r="C772">
        <v>0.86</v>
      </c>
    </row>
    <row r="773" spans="1:3" x14ac:dyDescent="0.25">
      <c r="A773" t="s">
        <v>8</v>
      </c>
      <c r="B773">
        <v>0.49</v>
      </c>
      <c r="C773">
        <v>0.34</v>
      </c>
    </row>
    <row r="774" spans="1:3" x14ac:dyDescent="0.25">
      <c r="A774" t="s">
        <v>10</v>
      </c>
      <c r="B774">
        <v>0.82</v>
      </c>
      <c r="C774">
        <v>0.75</v>
      </c>
    </row>
    <row r="775" spans="1:3" x14ac:dyDescent="0.25">
      <c r="A775" t="s">
        <v>10</v>
      </c>
      <c r="B775">
        <v>0.96</v>
      </c>
      <c r="C775">
        <v>0.16</v>
      </c>
    </row>
    <row r="776" spans="1:3" x14ac:dyDescent="0.25">
      <c r="A776" t="s">
        <v>12</v>
      </c>
      <c r="B776">
        <v>0.84</v>
      </c>
      <c r="C776">
        <v>0.51</v>
      </c>
    </row>
    <row r="777" spans="1:3" x14ac:dyDescent="0.25">
      <c r="A777" t="s">
        <v>24</v>
      </c>
      <c r="B777">
        <v>0.65</v>
      </c>
      <c r="C777">
        <v>0.36</v>
      </c>
    </row>
    <row r="778" spans="1:3" x14ac:dyDescent="0.25">
      <c r="A778" t="s">
        <v>12</v>
      </c>
      <c r="B778">
        <v>0.97</v>
      </c>
      <c r="C778">
        <v>0.3</v>
      </c>
    </row>
    <row r="779" spans="1:3" x14ac:dyDescent="0.25">
      <c r="A779" t="s">
        <v>10</v>
      </c>
      <c r="B779">
        <v>0.19</v>
      </c>
      <c r="C779">
        <v>0.38</v>
      </c>
    </row>
    <row r="780" spans="1:3" x14ac:dyDescent="0.25">
      <c r="A780" t="s">
        <v>8</v>
      </c>
      <c r="B780">
        <v>1</v>
      </c>
      <c r="C780">
        <v>0.61</v>
      </c>
    </row>
    <row r="781" spans="1:3" x14ac:dyDescent="0.25">
      <c r="A781" t="s">
        <v>10</v>
      </c>
      <c r="B781">
        <v>0.35</v>
      </c>
      <c r="C781">
        <v>0.37</v>
      </c>
    </row>
    <row r="782" spans="1:3" x14ac:dyDescent="0.25">
      <c r="A782" t="s">
        <v>24</v>
      </c>
      <c r="B782">
        <v>0.74</v>
      </c>
      <c r="C782">
        <v>0.84</v>
      </c>
    </row>
    <row r="783" spans="1:3" x14ac:dyDescent="0.25">
      <c r="A783" t="s">
        <v>10</v>
      </c>
      <c r="B783">
        <v>0.61</v>
      </c>
      <c r="C783">
        <v>0.49</v>
      </c>
    </row>
    <row r="784" spans="1:3" x14ac:dyDescent="0.25">
      <c r="A784" t="s">
        <v>12</v>
      </c>
      <c r="B784">
        <v>0.95</v>
      </c>
      <c r="C784">
        <v>0.27</v>
      </c>
    </row>
    <row r="785" spans="1:3" x14ac:dyDescent="0.25">
      <c r="A785" t="s">
        <v>8</v>
      </c>
      <c r="B785">
        <v>0.95</v>
      </c>
      <c r="C785">
        <v>0.71</v>
      </c>
    </row>
    <row r="786" spans="1:3" x14ac:dyDescent="0.25">
      <c r="A786" t="s">
        <v>12</v>
      </c>
      <c r="B786">
        <v>0.73</v>
      </c>
      <c r="C786">
        <v>0.28999999999999998</v>
      </c>
    </row>
    <row r="787" spans="1:3" x14ac:dyDescent="0.25">
      <c r="A787" t="s">
        <v>10</v>
      </c>
      <c r="B787">
        <v>0.39</v>
      </c>
      <c r="C787">
        <v>0.09</v>
      </c>
    </row>
    <row r="788" spans="1:3" x14ac:dyDescent="0.25">
      <c r="A788" t="s">
        <v>24</v>
      </c>
      <c r="B788">
        <v>0.09</v>
      </c>
      <c r="C788">
        <v>0.9</v>
      </c>
    </row>
    <row r="789" spans="1:3" x14ac:dyDescent="0.25">
      <c r="A789" t="s">
        <v>8</v>
      </c>
      <c r="B789">
        <v>0.53</v>
      </c>
      <c r="C789">
        <v>0.77</v>
      </c>
    </row>
    <row r="790" spans="1:3" x14ac:dyDescent="0.25">
      <c r="A790" t="s">
        <v>24</v>
      </c>
      <c r="B790">
        <v>0.65</v>
      </c>
      <c r="C790">
        <v>0.62</v>
      </c>
    </row>
    <row r="791" spans="1:3" x14ac:dyDescent="0.25">
      <c r="A791" t="s">
        <v>24</v>
      </c>
      <c r="B791">
        <v>0.36</v>
      </c>
      <c r="C791">
        <v>0.34</v>
      </c>
    </row>
    <row r="792" spans="1:3" x14ac:dyDescent="0.25">
      <c r="A792" t="s">
        <v>24</v>
      </c>
      <c r="B792">
        <v>0.53</v>
      </c>
      <c r="C792">
        <v>0.16</v>
      </c>
    </row>
    <row r="793" spans="1:3" x14ac:dyDescent="0.25">
      <c r="A793" t="s">
        <v>8</v>
      </c>
      <c r="B793">
        <v>0.28999999999999998</v>
      </c>
      <c r="C793">
        <v>0.56999999999999995</v>
      </c>
    </row>
    <row r="794" spans="1:3" x14ac:dyDescent="0.25">
      <c r="A794" t="s">
        <v>8</v>
      </c>
      <c r="B794">
        <v>0.67</v>
      </c>
      <c r="C794">
        <v>0.44</v>
      </c>
    </row>
    <row r="795" spans="1:3" x14ac:dyDescent="0.25">
      <c r="A795" t="s">
        <v>8</v>
      </c>
      <c r="B795">
        <v>0.67</v>
      </c>
      <c r="C795">
        <v>0.78</v>
      </c>
    </row>
    <row r="796" spans="1:3" x14ac:dyDescent="0.25">
      <c r="A796" t="s">
        <v>12</v>
      </c>
      <c r="B796">
        <v>0.56000000000000005</v>
      </c>
      <c r="C796">
        <v>0.79</v>
      </c>
    </row>
    <row r="797" spans="1:3" x14ac:dyDescent="0.25">
      <c r="A797" t="s">
        <v>8</v>
      </c>
      <c r="B797">
        <v>0.92</v>
      </c>
      <c r="C797">
        <v>0.6</v>
      </c>
    </row>
    <row r="798" spans="1:3" x14ac:dyDescent="0.25">
      <c r="A798" t="s">
        <v>8</v>
      </c>
      <c r="B798">
        <v>0.82</v>
      </c>
      <c r="C798">
        <v>0.3</v>
      </c>
    </row>
    <row r="799" spans="1:3" x14ac:dyDescent="0.25">
      <c r="A799" t="s">
        <v>8</v>
      </c>
      <c r="B799">
        <v>0.06</v>
      </c>
      <c r="C799">
        <v>0.47</v>
      </c>
    </row>
    <row r="800" spans="1:3" x14ac:dyDescent="0.25">
      <c r="A800" t="s">
        <v>10</v>
      </c>
      <c r="B800">
        <v>0.39</v>
      </c>
      <c r="C800">
        <v>0.56000000000000005</v>
      </c>
    </row>
    <row r="801" spans="1:3" x14ac:dyDescent="0.25">
      <c r="A801" t="s">
        <v>8</v>
      </c>
      <c r="B801">
        <v>0.67</v>
      </c>
      <c r="C801">
        <v>0.13</v>
      </c>
    </row>
    <row r="802" spans="1:3" x14ac:dyDescent="0.25">
      <c r="A802" t="s">
        <v>24</v>
      </c>
      <c r="B802">
        <v>0.9</v>
      </c>
      <c r="C802">
        <v>0.41</v>
      </c>
    </row>
    <row r="803" spans="1:3" x14ac:dyDescent="0.25">
      <c r="A803" t="s">
        <v>12</v>
      </c>
      <c r="B803">
        <v>0.56000000000000005</v>
      </c>
      <c r="C803">
        <v>0.36</v>
      </c>
    </row>
    <row r="804" spans="1:3" x14ac:dyDescent="0.25">
      <c r="A804" t="s">
        <v>8</v>
      </c>
      <c r="B804">
        <v>0.95</v>
      </c>
      <c r="C804">
        <v>0.48</v>
      </c>
    </row>
    <row r="805" spans="1:3" x14ac:dyDescent="0.25">
      <c r="A805" t="s">
        <v>10</v>
      </c>
      <c r="B805">
        <v>0.43</v>
      </c>
      <c r="C805">
        <v>0.52</v>
      </c>
    </row>
    <row r="806" spans="1:3" x14ac:dyDescent="0.25">
      <c r="A806" t="s">
        <v>24</v>
      </c>
      <c r="B806">
        <v>0.94</v>
      </c>
      <c r="C806">
        <v>0.85</v>
      </c>
    </row>
    <row r="807" spans="1:3" x14ac:dyDescent="0.25">
      <c r="A807" t="s">
        <v>12</v>
      </c>
      <c r="B807">
        <v>0.84</v>
      </c>
      <c r="C807">
        <v>0.63</v>
      </c>
    </row>
    <row r="808" spans="1:3" x14ac:dyDescent="0.25">
      <c r="A808" t="s">
        <v>12</v>
      </c>
      <c r="B808">
        <v>0.38</v>
      </c>
      <c r="C808">
        <v>0.45</v>
      </c>
    </row>
    <row r="809" spans="1:3" x14ac:dyDescent="0.25">
      <c r="A809" t="s">
        <v>8</v>
      </c>
      <c r="B809">
        <v>0.11</v>
      </c>
      <c r="C809">
        <v>0.89</v>
      </c>
    </row>
    <row r="810" spans="1:3" x14ac:dyDescent="0.25">
      <c r="A810" t="s">
        <v>24</v>
      </c>
      <c r="B810">
        <v>0.93</v>
      </c>
      <c r="C810">
        <v>0.25</v>
      </c>
    </row>
    <row r="811" spans="1:3" x14ac:dyDescent="0.25">
      <c r="A811" t="s">
        <v>8</v>
      </c>
      <c r="B811">
        <v>0.28000000000000003</v>
      </c>
      <c r="C811">
        <v>0.71</v>
      </c>
    </row>
    <row r="812" spans="1:3" x14ac:dyDescent="0.25">
      <c r="A812" t="s">
        <v>8</v>
      </c>
      <c r="B812">
        <v>0.32</v>
      </c>
      <c r="C812">
        <v>0.74</v>
      </c>
    </row>
    <row r="813" spans="1:3" x14ac:dyDescent="0.25">
      <c r="A813" t="s">
        <v>12</v>
      </c>
      <c r="B813">
        <v>7.0000000000000007E-2</v>
      </c>
      <c r="C813">
        <v>0.47</v>
      </c>
    </row>
    <row r="814" spans="1:3" x14ac:dyDescent="0.25">
      <c r="A814" t="s">
        <v>8</v>
      </c>
      <c r="B814">
        <v>0.1</v>
      </c>
      <c r="C814">
        <v>0.05</v>
      </c>
    </row>
    <row r="815" spans="1:3" x14ac:dyDescent="0.25">
      <c r="A815" t="s">
        <v>24</v>
      </c>
      <c r="B815">
        <v>0.12</v>
      </c>
      <c r="C815">
        <v>0.94</v>
      </c>
    </row>
    <row r="816" spans="1:3" x14ac:dyDescent="0.25">
      <c r="A816" t="s">
        <v>8</v>
      </c>
      <c r="B816">
        <v>0.65</v>
      </c>
      <c r="C816">
        <v>0.11</v>
      </c>
    </row>
    <row r="817" spans="1:3" x14ac:dyDescent="0.25">
      <c r="A817" t="s">
        <v>24</v>
      </c>
      <c r="B817">
        <v>0.85</v>
      </c>
      <c r="C817">
        <v>0.91</v>
      </c>
    </row>
    <row r="818" spans="1:3" x14ac:dyDescent="0.25">
      <c r="A818" t="s">
        <v>10</v>
      </c>
      <c r="B818">
        <v>7.0000000000000007E-2</v>
      </c>
      <c r="C818">
        <v>0.66</v>
      </c>
    </row>
    <row r="819" spans="1:3" x14ac:dyDescent="0.25">
      <c r="A819" t="s">
        <v>8</v>
      </c>
      <c r="B819">
        <v>0.49</v>
      </c>
      <c r="C819">
        <v>0.16</v>
      </c>
    </row>
    <row r="820" spans="1:3" x14ac:dyDescent="0.25">
      <c r="A820" t="s">
        <v>10</v>
      </c>
      <c r="B820">
        <v>0</v>
      </c>
      <c r="C820">
        <v>0.44</v>
      </c>
    </row>
    <row r="821" spans="1:3" x14ac:dyDescent="0.25">
      <c r="A821" t="s">
        <v>24</v>
      </c>
      <c r="B821">
        <v>0.37</v>
      </c>
      <c r="C821">
        <v>0.76</v>
      </c>
    </row>
    <row r="822" spans="1:3" x14ac:dyDescent="0.25">
      <c r="A822" t="s">
        <v>24</v>
      </c>
      <c r="B822">
        <v>0.74</v>
      </c>
      <c r="C822">
        <v>0.16</v>
      </c>
    </row>
    <row r="823" spans="1:3" x14ac:dyDescent="0.25">
      <c r="A823" t="s">
        <v>12</v>
      </c>
      <c r="B823">
        <v>0.46</v>
      </c>
      <c r="C823">
        <v>0.83</v>
      </c>
    </row>
    <row r="824" spans="1:3" x14ac:dyDescent="0.25">
      <c r="A824" t="s">
        <v>8</v>
      </c>
      <c r="B824">
        <v>0.59</v>
      </c>
      <c r="C824">
        <v>0.92</v>
      </c>
    </row>
    <row r="825" spans="1:3" x14ac:dyDescent="0.25">
      <c r="A825" t="s">
        <v>10</v>
      </c>
      <c r="B825">
        <v>0.5</v>
      </c>
      <c r="C825">
        <v>0.14000000000000001</v>
      </c>
    </row>
    <row r="826" spans="1:3" x14ac:dyDescent="0.25">
      <c r="A826" t="s">
        <v>8</v>
      </c>
      <c r="B826">
        <v>0.76</v>
      </c>
      <c r="C826">
        <v>0.36</v>
      </c>
    </row>
    <row r="827" spans="1:3" x14ac:dyDescent="0.25">
      <c r="A827" t="s">
        <v>12</v>
      </c>
      <c r="B827">
        <v>0.09</v>
      </c>
      <c r="C827">
        <v>0.64</v>
      </c>
    </row>
    <row r="828" spans="1:3" x14ac:dyDescent="0.25">
      <c r="A828" t="s">
        <v>10</v>
      </c>
      <c r="B828">
        <v>0.79</v>
      </c>
      <c r="C828">
        <v>0.53</v>
      </c>
    </row>
    <row r="829" spans="1:3" x14ac:dyDescent="0.25">
      <c r="A829" t="s">
        <v>10</v>
      </c>
      <c r="B829">
        <v>0.62</v>
      </c>
      <c r="C829">
        <v>0.46</v>
      </c>
    </row>
    <row r="830" spans="1:3" x14ac:dyDescent="0.25">
      <c r="A830" t="s">
        <v>24</v>
      </c>
      <c r="B830">
        <v>0.57999999999999996</v>
      </c>
      <c r="C830">
        <v>0.09</v>
      </c>
    </row>
    <row r="831" spans="1:3" x14ac:dyDescent="0.25">
      <c r="A831" t="s">
        <v>8</v>
      </c>
      <c r="B831">
        <v>0.36</v>
      </c>
      <c r="C831">
        <v>0.91</v>
      </c>
    </row>
    <row r="832" spans="1:3" x14ac:dyDescent="0.25">
      <c r="A832" t="s">
        <v>24</v>
      </c>
      <c r="B832">
        <v>0.22</v>
      </c>
      <c r="C832">
        <v>0.11</v>
      </c>
    </row>
    <row r="833" spans="1:3" x14ac:dyDescent="0.25">
      <c r="A833" t="s">
        <v>10</v>
      </c>
      <c r="B833">
        <v>0.93</v>
      </c>
      <c r="C833">
        <v>0.43</v>
      </c>
    </row>
    <row r="834" spans="1:3" x14ac:dyDescent="0.25">
      <c r="A834" t="s">
        <v>12</v>
      </c>
      <c r="B834">
        <v>1</v>
      </c>
      <c r="C834">
        <v>0.54</v>
      </c>
    </row>
    <row r="835" spans="1:3" x14ac:dyDescent="0.25">
      <c r="A835" t="s">
        <v>8</v>
      </c>
      <c r="B835">
        <v>0.86</v>
      </c>
      <c r="C835">
        <v>0.53</v>
      </c>
    </row>
    <row r="836" spans="1:3" x14ac:dyDescent="0.25">
      <c r="A836" t="s">
        <v>10</v>
      </c>
      <c r="B836">
        <v>0.71</v>
      </c>
      <c r="C836">
        <v>0.86</v>
      </c>
    </row>
    <row r="837" spans="1:3" x14ac:dyDescent="0.25">
      <c r="A837" t="s">
        <v>24</v>
      </c>
      <c r="B837">
        <v>0.11</v>
      </c>
      <c r="C837">
        <v>0.64</v>
      </c>
    </row>
    <row r="838" spans="1:3" x14ac:dyDescent="0.25">
      <c r="A838" t="s">
        <v>10</v>
      </c>
      <c r="B838">
        <v>0.25</v>
      </c>
      <c r="C838">
        <v>0.55000000000000004</v>
      </c>
    </row>
    <row r="839" spans="1:3" x14ac:dyDescent="0.25">
      <c r="A839" t="s">
        <v>10</v>
      </c>
      <c r="B839">
        <v>0.55000000000000004</v>
      </c>
      <c r="C839">
        <v>0.22</v>
      </c>
    </row>
    <row r="840" spans="1:3" x14ac:dyDescent="0.25">
      <c r="A840" t="s">
        <v>10</v>
      </c>
      <c r="B840">
        <v>0.01</v>
      </c>
      <c r="C840">
        <v>0.37</v>
      </c>
    </row>
    <row r="841" spans="1:3" x14ac:dyDescent="0.25">
      <c r="A841" t="s">
        <v>24</v>
      </c>
      <c r="B841">
        <v>0.11</v>
      </c>
      <c r="C841">
        <v>0.32</v>
      </c>
    </row>
    <row r="842" spans="1:3" x14ac:dyDescent="0.25">
      <c r="A842" t="s">
        <v>8</v>
      </c>
      <c r="B842">
        <v>0.31</v>
      </c>
      <c r="C842">
        <v>0.56000000000000005</v>
      </c>
    </row>
    <row r="843" spans="1:3" x14ac:dyDescent="0.25">
      <c r="A843" t="s">
        <v>10</v>
      </c>
      <c r="B843">
        <v>0.92</v>
      </c>
      <c r="C843">
        <v>0.34</v>
      </c>
    </row>
    <row r="844" spans="1:3" x14ac:dyDescent="0.25">
      <c r="A844" t="s">
        <v>24</v>
      </c>
      <c r="B844">
        <v>0.81</v>
      </c>
      <c r="C844">
        <v>0.69</v>
      </c>
    </row>
    <row r="845" spans="1:3" x14ac:dyDescent="0.25">
      <c r="A845" t="s">
        <v>8</v>
      </c>
      <c r="B845">
        <v>0.71</v>
      </c>
      <c r="C845">
        <v>0.2</v>
      </c>
    </row>
    <row r="846" spans="1:3" x14ac:dyDescent="0.25">
      <c r="A846" t="s">
        <v>8</v>
      </c>
      <c r="B846">
        <v>0.15</v>
      </c>
      <c r="C846">
        <v>0.41</v>
      </c>
    </row>
    <row r="847" spans="1:3" x14ac:dyDescent="0.25">
      <c r="A847" t="s">
        <v>12</v>
      </c>
      <c r="B847">
        <v>0.6</v>
      </c>
      <c r="C847">
        <v>0.16</v>
      </c>
    </row>
    <row r="848" spans="1:3" x14ac:dyDescent="0.25">
      <c r="A848" t="s">
        <v>8</v>
      </c>
      <c r="B848">
        <v>0.4</v>
      </c>
      <c r="C848">
        <v>0.7</v>
      </c>
    </row>
    <row r="849" spans="1:3" x14ac:dyDescent="0.25">
      <c r="A849" t="s">
        <v>10</v>
      </c>
      <c r="B849">
        <v>0.24</v>
      </c>
      <c r="C849">
        <v>0.56999999999999995</v>
      </c>
    </row>
    <row r="850" spans="1:3" x14ac:dyDescent="0.25">
      <c r="A850" t="s">
        <v>8</v>
      </c>
      <c r="B850">
        <v>0.69</v>
      </c>
      <c r="C850">
        <v>0.45</v>
      </c>
    </row>
    <row r="851" spans="1:3" x14ac:dyDescent="0.25">
      <c r="A851" t="s">
        <v>10</v>
      </c>
      <c r="B851">
        <v>0.1</v>
      </c>
      <c r="C851">
        <v>0.35</v>
      </c>
    </row>
    <row r="852" spans="1:3" x14ac:dyDescent="0.25">
      <c r="A852" t="s">
        <v>8</v>
      </c>
      <c r="B852">
        <v>0.16</v>
      </c>
      <c r="C852">
        <v>0.54</v>
      </c>
    </row>
    <row r="853" spans="1:3" x14ac:dyDescent="0.25">
      <c r="A853" t="s">
        <v>12</v>
      </c>
      <c r="B853">
        <v>0.43</v>
      </c>
      <c r="C853">
        <v>0.06</v>
      </c>
    </row>
    <row r="854" spans="1:3" x14ac:dyDescent="0.25">
      <c r="A854" t="s">
        <v>8</v>
      </c>
      <c r="B854">
        <v>0.02</v>
      </c>
      <c r="C854">
        <v>0.56999999999999995</v>
      </c>
    </row>
    <row r="855" spans="1:3" x14ac:dyDescent="0.25">
      <c r="A855" t="s">
        <v>12</v>
      </c>
      <c r="B855">
        <v>0.72</v>
      </c>
      <c r="C855">
        <v>0.08</v>
      </c>
    </row>
    <row r="856" spans="1:3" x14ac:dyDescent="0.25">
      <c r="A856" t="s">
        <v>24</v>
      </c>
      <c r="B856">
        <v>0.84</v>
      </c>
      <c r="C856">
        <v>0.72</v>
      </c>
    </row>
    <row r="857" spans="1:3" x14ac:dyDescent="0.25">
      <c r="A857" t="s">
        <v>8</v>
      </c>
      <c r="B857">
        <v>0.34</v>
      </c>
      <c r="C857">
        <v>0.19</v>
      </c>
    </row>
    <row r="858" spans="1:3" x14ac:dyDescent="0.25">
      <c r="A858" t="s">
        <v>10</v>
      </c>
      <c r="B858">
        <v>0.1</v>
      </c>
      <c r="C858">
        <v>0.69</v>
      </c>
    </row>
    <row r="859" spans="1:3" x14ac:dyDescent="0.25">
      <c r="A859" t="s">
        <v>10</v>
      </c>
      <c r="B859">
        <v>0.56000000000000005</v>
      </c>
      <c r="C859">
        <v>0.9</v>
      </c>
    </row>
    <row r="860" spans="1:3" x14ac:dyDescent="0.25">
      <c r="A860" t="s">
        <v>8</v>
      </c>
      <c r="B860">
        <v>0.96</v>
      </c>
      <c r="C860">
        <v>0.65</v>
      </c>
    </row>
    <row r="861" spans="1:3" x14ac:dyDescent="0.25">
      <c r="A861" t="s">
        <v>24</v>
      </c>
      <c r="B861">
        <v>0.44</v>
      </c>
      <c r="C861">
        <v>0.89</v>
      </c>
    </row>
    <row r="862" spans="1:3" x14ac:dyDescent="0.25">
      <c r="A862" t="s">
        <v>24</v>
      </c>
      <c r="B862">
        <v>0.03</v>
      </c>
      <c r="C862">
        <v>0.16</v>
      </c>
    </row>
    <row r="863" spans="1:3" x14ac:dyDescent="0.25">
      <c r="A863" t="s">
        <v>24</v>
      </c>
      <c r="B863">
        <v>0.35</v>
      </c>
      <c r="C863">
        <v>0.16</v>
      </c>
    </row>
    <row r="864" spans="1:3" x14ac:dyDescent="0.25">
      <c r="A864" t="s">
        <v>24</v>
      </c>
      <c r="B864">
        <v>0.8</v>
      </c>
      <c r="C864">
        <v>0.43</v>
      </c>
    </row>
    <row r="865" spans="1:3" x14ac:dyDescent="0.25">
      <c r="A865" t="s">
        <v>10</v>
      </c>
      <c r="B865">
        <v>0.21</v>
      </c>
      <c r="C865">
        <v>0.09</v>
      </c>
    </row>
    <row r="866" spans="1:3" x14ac:dyDescent="0.25">
      <c r="A866" t="s">
        <v>24</v>
      </c>
      <c r="B866">
        <v>0.78</v>
      </c>
      <c r="C866">
        <v>0.85</v>
      </c>
    </row>
    <row r="867" spans="1:3" x14ac:dyDescent="0.25">
      <c r="A867" t="s">
        <v>24</v>
      </c>
      <c r="B867">
        <v>0.35</v>
      </c>
      <c r="C867">
        <v>0.26</v>
      </c>
    </row>
    <row r="868" spans="1:3" x14ac:dyDescent="0.25">
      <c r="A868" t="s">
        <v>24</v>
      </c>
      <c r="B868">
        <v>0.92</v>
      </c>
      <c r="C868">
        <v>0.63</v>
      </c>
    </row>
    <row r="869" spans="1:3" x14ac:dyDescent="0.25">
      <c r="A869" t="s">
        <v>12</v>
      </c>
      <c r="B869">
        <v>0.97</v>
      </c>
      <c r="C869">
        <v>0.74</v>
      </c>
    </row>
    <row r="870" spans="1:3" x14ac:dyDescent="0.25">
      <c r="A870" t="s">
        <v>24</v>
      </c>
      <c r="B870">
        <v>0.86</v>
      </c>
      <c r="C870">
        <v>0.08</v>
      </c>
    </row>
    <row r="871" spans="1:3" x14ac:dyDescent="0.25">
      <c r="A871" t="s">
        <v>8</v>
      </c>
      <c r="B871">
        <v>0.26</v>
      </c>
      <c r="C871">
        <v>0.14000000000000001</v>
      </c>
    </row>
    <row r="872" spans="1:3" x14ac:dyDescent="0.25">
      <c r="A872" t="s">
        <v>8</v>
      </c>
      <c r="B872">
        <v>0.86</v>
      </c>
      <c r="C872">
        <v>0.34</v>
      </c>
    </row>
    <row r="873" spans="1:3" x14ac:dyDescent="0.25">
      <c r="A873" t="s">
        <v>24</v>
      </c>
      <c r="B873">
        <v>0.31</v>
      </c>
      <c r="C873">
        <v>0.83</v>
      </c>
    </row>
    <row r="874" spans="1:3" x14ac:dyDescent="0.25">
      <c r="A874" t="s">
        <v>24</v>
      </c>
      <c r="B874">
        <v>0.92</v>
      </c>
      <c r="C874">
        <v>0.67</v>
      </c>
    </row>
    <row r="875" spans="1:3" x14ac:dyDescent="0.25">
      <c r="A875" t="s">
        <v>12</v>
      </c>
      <c r="B875">
        <v>0.28999999999999998</v>
      </c>
      <c r="C875">
        <v>0.89</v>
      </c>
    </row>
    <row r="876" spans="1:3" x14ac:dyDescent="0.25">
      <c r="A876" t="s">
        <v>8</v>
      </c>
      <c r="B876">
        <v>0.1</v>
      </c>
      <c r="C876">
        <v>0.94</v>
      </c>
    </row>
    <row r="877" spans="1:3" x14ac:dyDescent="0.25">
      <c r="A877" t="s">
        <v>8</v>
      </c>
      <c r="B877">
        <v>0.35</v>
      </c>
      <c r="C877">
        <v>0.87</v>
      </c>
    </row>
    <row r="878" spans="1:3" x14ac:dyDescent="0.25">
      <c r="A878" t="s">
        <v>8</v>
      </c>
      <c r="B878">
        <v>0.57999999999999996</v>
      </c>
      <c r="C878">
        <v>0.86</v>
      </c>
    </row>
    <row r="879" spans="1:3" x14ac:dyDescent="0.25">
      <c r="A879" t="s">
        <v>12</v>
      </c>
      <c r="B879">
        <v>0.35</v>
      </c>
      <c r="C879">
        <v>0.94</v>
      </c>
    </row>
    <row r="880" spans="1:3" x14ac:dyDescent="0.25">
      <c r="A880" t="s">
        <v>24</v>
      </c>
      <c r="B880">
        <v>0.5</v>
      </c>
      <c r="C880">
        <v>0.17</v>
      </c>
    </row>
    <row r="881" spans="1:3" x14ac:dyDescent="0.25">
      <c r="A881" t="s">
        <v>8</v>
      </c>
      <c r="B881">
        <v>0.77</v>
      </c>
      <c r="C881">
        <v>0.64</v>
      </c>
    </row>
    <row r="882" spans="1:3" x14ac:dyDescent="0.25">
      <c r="A882" t="s">
        <v>12</v>
      </c>
      <c r="B882">
        <v>0.26</v>
      </c>
      <c r="C882">
        <v>0.48</v>
      </c>
    </row>
    <row r="883" spans="1:3" x14ac:dyDescent="0.25">
      <c r="A883" t="s">
        <v>12</v>
      </c>
      <c r="B883">
        <v>0.74</v>
      </c>
      <c r="C883">
        <v>0.12</v>
      </c>
    </row>
    <row r="884" spans="1:3" x14ac:dyDescent="0.25">
      <c r="A884" t="s">
        <v>24</v>
      </c>
      <c r="B884">
        <v>0.56999999999999995</v>
      </c>
      <c r="C884">
        <v>0.46</v>
      </c>
    </row>
    <row r="885" spans="1:3" x14ac:dyDescent="0.25">
      <c r="A885" t="s">
        <v>12</v>
      </c>
      <c r="B885">
        <v>0.56999999999999995</v>
      </c>
      <c r="C885">
        <v>0.52</v>
      </c>
    </row>
    <row r="886" spans="1:3" x14ac:dyDescent="0.25">
      <c r="A886" t="s">
        <v>10</v>
      </c>
      <c r="B886">
        <v>0.3</v>
      </c>
      <c r="C886">
        <v>0.35</v>
      </c>
    </row>
    <row r="887" spans="1:3" x14ac:dyDescent="0.25">
      <c r="A887" t="s">
        <v>10</v>
      </c>
      <c r="B887">
        <v>0.56999999999999995</v>
      </c>
      <c r="C887">
        <v>0.19</v>
      </c>
    </row>
    <row r="888" spans="1:3" x14ac:dyDescent="0.25">
      <c r="A888" t="s">
        <v>24</v>
      </c>
      <c r="B888">
        <v>0.35</v>
      </c>
      <c r="C888">
        <v>0.24</v>
      </c>
    </row>
    <row r="889" spans="1:3" x14ac:dyDescent="0.25">
      <c r="A889" t="s">
        <v>24</v>
      </c>
      <c r="B889">
        <v>0.39</v>
      </c>
      <c r="C889">
        <v>0.05</v>
      </c>
    </row>
    <row r="890" spans="1:3" x14ac:dyDescent="0.25">
      <c r="A890" t="s">
        <v>10</v>
      </c>
      <c r="B890">
        <v>0.92</v>
      </c>
      <c r="C890">
        <v>0.55000000000000004</v>
      </c>
    </row>
    <row r="891" spans="1:3" x14ac:dyDescent="0.25">
      <c r="A891" t="s">
        <v>24</v>
      </c>
      <c r="B891">
        <v>0.08</v>
      </c>
      <c r="C891">
        <v>0.14000000000000001</v>
      </c>
    </row>
    <row r="892" spans="1:3" x14ac:dyDescent="0.25">
      <c r="A892" t="s">
        <v>24</v>
      </c>
      <c r="B892">
        <v>0.9</v>
      </c>
      <c r="C892">
        <v>0.67</v>
      </c>
    </row>
    <row r="893" spans="1:3" x14ac:dyDescent="0.25">
      <c r="A893" t="s">
        <v>24</v>
      </c>
      <c r="B893">
        <v>0.54</v>
      </c>
      <c r="C893">
        <v>0.06</v>
      </c>
    </row>
    <row r="894" spans="1:3" x14ac:dyDescent="0.25">
      <c r="A894" t="s">
        <v>24</v>
      </c>
      <c r="B894">
        <v>0.42</v>
      </c>
      <c r="C894">
        <v>0.08</v>
      </c>
    </row>
    <row r="895" spans="1:3" x14ac:dyDescent="0.25">
      <c r="A895" t="s">
        <v>12</v>
      </c>
      <c r="B895">
        <v>0.67</v>
      </c>
      <c r="C895">
        <v>0.77</v>
      </c>
    </row>
    <row r="896" spans="1:3" x14ac:dyDescent="0.25">
      <c r="A896" t="s">
        <v>12</v>
      </c>
      <c r="B896">
        <v>0.1</v>
      </c>
      <c r="C896">
        <v>0.33</v>
      </c>
    </row>
    <row r="897" spans="1:3" x14ac:dyDescent="0.25">
      <c r="A897" t="s">
        <v>10</v>
      </c>
      <c r="B897">
        <v>0.09</v>
      </c>
      <c r="C897">
        <v>0.82</v>
      </c>
    </row>
    <row r="898" spans="1:3" x14ac:dyDescent="0.25">
      <c r="A898" t="s">
        <v>24</v>
      </c>
      <c r="B898">
        <v>0.9</v>
      </c>
      <c r="C898">
        <v>0.27</v>
      </c>
    </row>
    <row r="899" spans="1:3" x14ac:dyDescent="0.25">
      <c r="A899" t="s">
        <v>12</v>
      </c>
      <c r="B899">
        <v>0.86</v>
      </c>
      <c r="C899">
        <v>0.1</v>
      </c>
    </row>
    <row r="900" spans="1:3" x14ac:dyDescent="0.25">
      <c r="A900" t="s">
        <v>12</v>
      </c>
      <c r="B900">
        <v>0.22</v>
      </c>
      <c r="C900">
        <v>0.62</v>
      </c>
    </row>
    <row r="901" spans="1:3" x14ac:dyDescent="0.25">
      <c r="A901" t="s">
        <v>24</v>
      </c>
      <c r="B901">
        <v>0.57999999999999996</v>
      </c>
      <c r="C901">
        <v>0.32</v>
      </c>
    </row>
    <row r="902" spans="1:3" x14ac:dyDescent="0.25">
      <c r="A902" t="s">
        <v>24</v>
      </c>
      <c r="B902">
        <v>0.45</v>
      </c>
      <c r="C902">
        <v>0.91</v>
      </c>
    </row>
    <row r="903" spans="1:3" x14ac:dyDescent="0.25">
      <c r="A903" t="s">
        <v>12</v>
      </c>
      <c r="B903">
        <v>0.75</v>
      </c>
      <c r="C903">
        <v>0.88</v>
      </c>
    </row>
    <row r="904" spans="1:3" x14ac:dyDescent="0.25">
      <c r="A904" t="s">
        <v>10</v>
      </c>
      <c r="B904">
        <v>0.51</v>
      </c>
      <c r="C904">
        <v>0.59</v>
      </c>
    </row>
    <row r="905" spans="1:3" x14ac:dyDescent="0.25">
      <c r="A905" t="s">
        <v>24</v>
      </c>
      <c r="B905">
        <v>0.18</v>
      </c>
      <c r="C905">
        <v>0.48</v>
      </c>
    </row>
    <row r="906" spans="1:3" x14ac:dyDescent="0.25">
      <c r="A906" t="s">
        <v>12</v>
      </c>
      <c r="B906">
        <v>0.56000000000000005</v>
      </c>
      <c r="C906">
        <v>0.28000000000000003</v>
      </c>
    </row>
    <row r="907" spans="1:3" x14ac:dyDescent="0.25">
      <c r="A907" t="s">
        <v>10</v>
      </c>
      <c r="B907">
        <v>0.26</v>
      </c>
      <c r="C907">
        <v>0.39</v>
      </c>
    </row>
    <row r="908" spans="1:3" x14ac:dyDescent="0.25">
      <c r="A908" t="s">
        <v>12</v>
      </c>
      <c r="B908">
        <v>0.18</v>
      </c>
      <c r="C908">
        <v>0.06</v>
      </c>
    </row>
    <row r="909" spans="1:3" x14ac:dyDescent="0.25">
      <c r="A909" t="s">
        <v>8</v>
      </c>
      <c r="B909">
        <v>0.42</v>
      </c>
      <c r="C909">
        <v>0.6</v>
      </c>
    </row>
    <row r="910" spans="1:3" x14ac:dyDescent="0.25">
      <c r="A910" t="s">
        <v>12</v>
      </c>
      <c r="B910">
        <v>0.18</v>
      </c>
      <c r="C910">
        <v>0.6</v>
      </c>
    </row>
    <row r="911" spans="1:3" x14ac:dyDescent="0.25">
      <c r="A911" t="s">
        <v>8</v>
      </c>
      <c r="B911">
        <v>0.28999999999999998</v>
      </c>
      <c r="C911">
        <v>0.25</v>
      </c>
    </row>
    <row r="912" spans="1:3" x14ac:dyDescent="0.25">
      <c r="A912" t="s">
        <v>24</v>
      </c>
      <c r="B912">
        <v>0.16</v>
      </c>
      <c r="C912">
        <v>0.66</v>
      </c>
    </row>
    <row r="913" spans="1:3" x14ac:dyDescent="0.25">
      <c r="A913" t="s">
        <v>12</v>
      </c>
      <c r="B913">
        <v>0.2</v>
      </c>
      <c r="C913">
        <v>0.85</v>
      </c>
    </row>
    <row r="914" spans="1:3" x14ac:dyDescent="0.25">
      <c r="A914" t="s">
        <v>8</v>
      </c>
      <c r="B914">
        <v>0.63</v>
      </c>
      <c r="C914">
        <v>0.52</v>
      </c>
    </row>
    <row r="915" spans="1:3" x14ac:dyDescent="0.25">
      <c r="A915" t="s">
        <v>24</v>
      </c>
      <c r="B915">
        <v>0.15</v>
      </c>
      <c r="C915">
        <v>0.52</v>
      </c>
    </row>
    <row r="916" spans="1:3" x14ac:dyDescent="0.25">
      <c r="A916" t="s">
        <v>10</v>
      </c>
      <c r="B916">
        <v>0.93</v>
      </c>
      <c r="C916">
        <v>0.25</v>
      </c>
    </row>
    <row r="917" spans="1:3" x14ac:dyDescent="0.25">
      <c r="A917" t="s">
        <v>8</v>
      </c>
      <c r="B917">
        <v>0.53</v>
      </c>
      <c r="C917">
        <v>0.28000000000000003</v>
      </c>
    </row>
    <row r="918" spans="1:3" x14ac:dyDescent="0.25">
      <c r="A918" t="s">
        <v>10</v>
      </c>
      <c r="B918">
        <v>0.14000000000000001</v>
      </c>
      <c r="C918">
        <v>0.19</v>
      </c>
    </row>
    <row r="919" spans="1:3" x14ac:dyDescent="0.25">
      <c r="A919" t="s">
        <v>8</v>
      </c>
      <c r="B919">
        <v>0.15</v>
      </c>
      <c r="C919">
        <v>0.41</v>
      </c>
    </row>
    <row r="920" spans="1:3" x14ac:dyDescent="0.25">
      <c r="A920" t="s">
        <v>10</v>
      </c>
      <c r="B920">
        <v>0.38</v>
      </c>
      <c r="C920">
        <v>0.68</v>
      </c>
    </row>
    <row r="921" spans="1:3" x14ac:dyDescent="0.25">
      <c r="A921" t="s">
        <v>12</v>
      </c>
      <c r="B921">
        <v>0.82</v>
      </c>
      <c r="C921">
        <v>0.78</v>
      </c>
    </row>
    <row r="922" spans="1:3" x14ac:dyDescent="0.25">
      <c r="A922" t="s">
        <v>10</v>
      </c>
      <c r="B922">
        <v>0.31</v>
      </c>
      <c r="C922">
        <v>0.1</v>
      </c>
    </row>
    <row r="923" spans="1:3" x14ac:dyDescent="0.25">
      <c r="A923" t="s">
        <v>24</v>
      </c>
      <c r="B923">
        <v>1</v>
      </c>
      <c r="C923">
        <v>0.31</v>
      </c>
    </row>
    <row r="924" spans="1:3" x14ac:dyDescent="0.25">
      <c r="A924" t="s">
        <v>12</v>
      </c>
      <c r="B924">
        <v>0.32</v>
      </c>
      <c r="C924">
        <v>0.88</v>
      </c>
    </row>
    <row r="925" spans="1:3" x14ac:dyDescent="0.25">
      <c r="A925" t="s">
        <v>24</v>
      </c>
      <c r="B925">
        <v>0.01</v>
      </c>
      <c r="C925">
        <v>0.06</v>
      </c>
    </row>
    <row r="926" spans="1:3" x14ac:dyDescent="0.25">
      <c r="A926" t="s">
        <v>10</v>
      </c>
      <c r="B926">
        <v>0.02</v>
      </c>
      <c r="C926">
        <v>0.14000000000000001</v>
      </c>
    </row>
    <row r="927" spans="1:3" x14ac:dyDescent="0.25">
      <c r="A927" t="s">
        <v>12</v>
      </c>
      <c r="B927">
        <v>0.64</v>
      </c>
      <c r="C927">
        <v>0.52</v>
      </c>
    </row>
    <row r="928" spans="1:3" x14ac:dyDescent="0.25">
      <c r="A928" t="s">
        <v>8</v>
      </c>
      <c r="B928">
        <v>0.25</v>
      </c>
      <c r="C928">
        <v>0.14000000000000001</v>
      </c>
    </row>
    <row r="929" spans="1:3" x14ac:dyDescent="0.25">
      <c r="A929" t="s">
        <v>8</v>
      </c>
      <c r="B929">
        <v>0.84</v>
      </c>
      <c r="C929">
        <v>0.86</v>
      </c>
    </row>
    <row r="930" spans="1:3" x14ac:dyDescent="0.25">
      <c r="A930" t="s">
        <v>10</v>
      </c>
      <c r="B930">
        <v>0.03</v>
      </c>
      <c r="C930">
        <v>0.77</v>
      </c>
    </row>
    <row r="931" spans="1:3" x14ac:dyDescent="0.25">
      <c r="A931" t="s">
        <v>24</v>
      </c>
      <c r="B931">
        <v>0.86</v>
      </c>
      <c r="C931">
        <v>0.52</v>
      </c>
    </row>
    <row r="932" spans="1:3" x14ac:dyDescent="0.25">
      <c r="A932" t="s">
        <v>24</v>
      </c>
      <c r="B932">
        <v>0</v>
      </c>
      <c r="C932">
        <v>0.94</v>
      </c>
    </row>
    <row r="933" spans="1:3" x14ac:dyDescent="0.25">
      <c r="A933" t="s">
        <v>10</v>
      </c>
      <c r="B933">
        <v>0.46</v>
      </c>
      <c r="C933">
        <v>0.42</v>
      </c>
    </row>
    <row r="934" spans="1:3" x14ac:dyDescent="0.25">
      <c r="A934" t="s">
        <v>24</v>
      </c>
      <c r="B934">
        <v>0.44</v>
      </c>
      <c r="C934">
        <v>0.83</v>
      </c>
    </row>
    <row r="935" spans="1:3" x14ac:dyDescent="0.25">
      <c r="A935" t="s">
        <v>10</v>
      </c>
      <c r="B935">
        <v>0.56000000000000005</v>
      </c>
      <c r="C935">
        <v>0.38</v>
      </c>
    </row>
    <row r="936" spans="1:3" x14ac:dyDescent="0.25">
      <c r="A936" t="s">
        <v>24</v>
      </c>
      <c r="B936">
        <v>0.28000000000000003</v>
      </c>
      <c r="C936">
        <v>0.34</v>
      </c>
    </row>
    <row r="937" spans="1:3" x14ac:dyDescent="0.25">
      <c r="A937" t="s">
        <v>10</v>
      </c>
      <c r="B937">
        <v>0.06</v>
      </c>
      <c r="C937">
        <v>0.08</v>
      </c>
    </row>
    <row r="938" spans="1:3" x14ac:dyDescent="0.25">
      <c r="A938" t="s">
        <v>12</v>
      </c>
      <c r="B938">
        <v>0.69</v>
      </c>
      <c r="C938">
        <v>0.81</v>
      </c>
    </row>
    <row r="939" spans="1:3" x14ac:dyDescent="0.25">
      <c r="A939" t="s">
        <v>24</v>
      </c>
      <c r="B939">
        <v>0.19</v>
      </c>
      <c r="C939">
        <v>0.91</v>
      </c>
    </row>
    <row r="940" spans="1:3" x14ac:dyDescent="0.25">
      <c r="A940" t="s">
        <v>24</v>
      </c>
      <c r="B940">
        <v>0.51</v>
      </c>
      <c r="C940">
        <v>0.37</v>
      </c>
    </row>
    <row r="941" spans="1:3" x14ac:dyDescent="0.25">
      <c r="A941" t="s">
        <v>24</v>
      </c>
      <c r="B941">
        <v>0.17</v>
      </c>
      <c r="C941">
        <v>0.93</v>
      </c>
    </row>
    <row r="942" spans="1:3" x14ac:dyDescent="0.25">
      <c r="A942" t="s">
        <v>8</v>
      </c>
      <c r="B942">
        <v>0.23</v>
      </c>
      <c r="C942">
        <v>0.88</v>
      </c>
    </row>
    <row r="943" spans="1:3" x14ac:dyDescent="0.25">
      <c r="A943" t="s">
        <v>12</v>
      </c>
      <c r="B943">
        <v>0.96</v>
      </c>
      <c r="C943">
        <v>0.34</v>
      </c>
    </row>
    <row r="944" spans="1:3" x14ac:dyDescent="0.25">
      <c r="A944" t="s">
        <v>12</v>
      </c>
      <c r="B944">
        <v>0.28999999999999998</v>
      </c>
      <c r="C944">
        <v>0.12</v>
      </c>
    </row>
    <row r="945" spans="1:3" x14ac:dyDescent="0.25">
      <c r="A945" t="s">
        <v>8</v>
      </c>
      <c r="B945">
        <v>0.74</v>
      </c>
      <c r="C945">
        <v>0.64</v>
      </c>
    </row>
    <row r="946" spans="1:3" x14ac:dyDescent="0.25">
      <c r="A946" t="s">
        <v>10</v>
      </c>
      <c r="B946">
        <v>0.06</v>
      </c>
      <c r="C946">
        <v>0.76</v>
      </c>
    </row>
    <row r="947" spans="1:3" x14ac:dyDescent="0.25">
      <c r="A947" t="s">
        <v>24</v>
      </c>
      <c r="B947">
        <v>0.22</v>
      </c>
      <c r="C947">
        <v>0.59</v>
      </c>
    </row>
    <row r="948" spans="1:3" x14ac:dyDescent="0.25">
      <c r="A948" t="s">
        <v>10</v>
      </c>
      <c r="B948">
        <v>0.51</v>
      </c>
      <c r="C948">
        <v>0.81</v>
      </c>
    </row>
    <row r="949" spans="1:3" x14ac:dyDescent="0.25">
      <c r="A949" t="s">
        <v>12</v>
      </c>
      <c r="B949">
        <v>0.45</v>
      </c>
      <c r="C949">
        <v>0.71</v>
      </c>
    </row>
    <row r="950" spans="1:3" x14ac:dyDescent="0.25">
      <c r="A950" t="s">
        <v>8</v>
      </c>
      <c r="B950">
        <v>0.31</v>
      </c>
      <c r="C950">
        <v>0.14000000000000001</v>
      </c>
    </row>
    <row r="951" spans="1:3" x14ac:dyDescent="0.25">
      <c r="A951" t="s">
        <v>24</v>
      </c>
      <c r="B951">
        <v>0.26</v>
      </c>
      <c r="C951">
        <v>0.21</v>
      </c>
    </row>
    <row r="952" spans="1:3" x14ac:dyDescent="0.25">
      <c r="A952" t="s">
        <v>10</v>
      </c>
      <c r="B952">
        <v>0.65</v>
      </c>
      <c r="C952">
        <v>0.3</v>
      </c>
    </row>
    <row r="953" spans="1:3" x14ac:dyDescent="0.25">
      <c r="A953" t="s">
        <v>24</v>
      </c>
      <c r="B953">
        <v>0.34</v>
      </c>
      <c r="C953">
        <v>0.56000000000000005</v>
      </c>
    </row>
    <row r="954" spans="1:3" x14ac:dyDescent="0.25">
      <c r="A954" t="s">
        <v>12</v>
      </c>
      <c r="B954">
        <v>0.94</v>
      </c>
      <c r="C954">
        <v>0.52</v>
      </c>
    </row>
    <row r="955" spans="1:3" x14ac:dyDescent="0.25">
      <c r="A955" t="s">
        <v>12</v>
      </c>
      <c r="B955">
        <v>0.9</v>
      </c>
      <c r="C955">
        <v>0.94</v>
      </c>
    </row>
    <row r="956" spans="1:3" x14ac:dyDescent="0.25">
      <c r="A956" t="s">
        <v>24</v>
      </c>
      <c r="B956">
        <v>0.73</v>
      </c>
      <c r="C956">
        <v>0.88</v>
      </c>
    </row>
    <row r="957" spans="1:3" x14ac:dyDescent="0.25">
      <c r="A957" t="s">
        <v>24</v>
      </c>
      <c r="B957">
        <v>0.39</v>
      </c>
      <c r="C957">
        <v>0.77</v>
      </c>
    </row>
    <row r="958" spans="1:3" x14ac:dyDescent="0.25">
      <c r="A958" t="s">
        <v>10</v>
      </c>
      <c r="B958">
        <v>0.65</v>
      </c>
      <c r="C958">
        <v>0.4</v>
      </c>
    </row>
    <row r="959" spans="1:3" x14ac:dyDescent="0.25">
      <c r="A959" t="s">
        <v>12</v>
      </c>
      <c r="B959">
        <v>0.32</v>
      </c>
      <c r="C959">
        <v>0.38</v>
      </c>
    </row>
    <row r="960" spans="1:3" x14ac:dyDescent="0.25">
      <c r="A960" t="s">
        <v>10</v>
      </c>
      <c r="B960">
        <v>0.56999999999999995</v>
      </c>
      <c r="C960">
        <v>0.62</v>
      </c>
    </row>
    <row r="961" spans="1:3" x14ac:dyDescent="0.25">
      <c r="A961" t="s">
        <v>24</v>
      </c>
      <c r="B961">
        <v>0.66</v>
      </c>
      <c r="C961">
        <v>0.65</v>
      </c>
    </row>
    <row r="962" spans="1:3" x14ac:dyDescent="0.25">
      <c r="A962" t="s">
        <v>24</v>
      </c>
      <c r="B962">
        <v>0.67</v>
      </c>
      <c r="C962">
        <v>0.56999999999999995</v>
      </c>
    </row>
    <row r="963" spans="1:3" x14ac:dyDescent="0.25">
      <c r="A963" t="s">
        <v>8</v>
      </c>
      <c r="B963">
        <v>0.41</v>
      </c>
      <c r="C963">
        <v>0.08</v>
      </c>
    </row>
    <row r="964" spans="1:3" x14ac:dyDescent="0.25">
      <c r="A964" t="s">
        <v>24</v>
      </c>
      <c r="B964">
        <v>0.46</v>
      </c>
      <c r="C964">
        <v>0.79</v>
      </c>
    </row>
    <row r="965" spans="1:3" x14ac:dyDescent="0.25">
      <c r="A965" t="s">
        <v>12</v>
      </c>
      <c r="B965">
        <v>0.86</v>
      </c>
      <c r="C965">
        <v>0.44</v>
      </c>
    </row>
    <row r="966" spans="1:3" x14ac:dyDescent="0.25">
      <c r="A966" t="s">
        <v>10</v>
      </c>
      <c r="B966">
        <v>0.6</v>
      </c>
      <c r="C966">
        <v>0.8</v>
      </c>
    </row>
    <row r="967" spans="1:3" x14ac:dyDescent="0.25">
      <c r="A967" t="s">
        <v>10</v>
      </c>
      <c r="B967">
        <v>0.31</v>
      </c>
      <c r="C967">
        <v>0.69</v>
      </c>
    </row>
    <row r="968" spans="1:3" x14ac:dyDescent="0.25">
      <c r="A968" t="s">
        <v>10</v>
      </c>
      <c r="B968">
        <v>0.24</v>
      </c>
      <c r="C968">
        <v>0.67</v>
      </c>
    </row>
    <row r="969" spans="1:3" x14ac:dyDescent="0.25">
      <c r="A969" t="s">
        <v>10</v>
      </c>
      <c r="B969">
        <v>0.02</v>
      </c>
      <c r="C969">
        <v>0.14000000000000001</v>
      </c>
    </row>
    <row r="970" spans="1:3" x14ac:dyDescent="0.25">
      <c r="A970" t="s">
        <v>10</v>
      </c>
      <c r="B970">
        <v>0.02</v>
      </c>
      <c r="C970">
        <v>0.17</v>
      </c>
    </row>
    <row r="971" spans="1:3" x14ac:dyDescent="0.25">
      <c r="A971" t="s">
        <v>24</v>
      </c>
      <c r="B971">
        <v>0.14000000000000001</v>
      </c>
      <c r="C971">
        <v>0.87</v>
      </c>
    </row>
    <row r="972" spans="1:3" x14ac:dyDescent="0.25">
      <c r="A972" t="s">
        <v>24</v>
      </c>
      <c r="B972">
        <v>0.72</v>
      </c>
      <c r="C972">
        <v>0.51</v>
      </c>
    </row>
    <row r="973" spans="1:3" x14ac:dyDescent="0.25">
      <c r="A973" t="s">
        <v>10</v>
      </c>
      <c r="B973">
        <v>0.22</v>
      </c>
      <c r="C973">
        <v>0.31</v>
      </c>
    </row>
    <row r="974" spans="1:3" x14ac:dyDescent="0.25">
      <c r="A974" t="s">
        <v>10</v>
      </c>
      <c r="B974">
        <v>0.62</v>
      </c>
      <c r="C974">
        <v>0.55000000000000004</v>
      </c>
    </row>
    <row r="975" spans="1:3" x14ac:dyDescent="0.25">
      <c r="A975" t="s">
        <v>24</v>
      </c>
      <c r="B975">
        <v>0.49</v>
      </c>
      <c r="C975">
        <v>0.81</v>
      </c>
    </row>
    <row r="976" spans="1:3" x14ac:dyDescent="0.25">
      <c r="A976" t="s">
        <v>24</v>
      </c>
      <c r="B976">
        <v>0.43</v>
      </c>
      <c r="C976">
        <v>0.6</v>
      </c>
    </row>
    <row r="977" spans="1:3" x14ac:dyDescent="0.25">
      <c r="A977" t="s">
        <v>24</v>
      </c>
      <c r="B977">
        <v>0.21</v>
      </c>
      <c r="C977">
        <v>0.66</v>
      </c>
    </row>
    <row r="978" spans="1:3" x14ac:dyDescent="0.25">
      <c r="A978" t="s">
        <v>8</v>
      </c>
      <c r="B978">
        <v>0.93</v>
      </c>
      <c r="C978">
        <v>0.4</v>
      </c>
    </row>
    <row r="979" spans="1:3" x14ac:dyDescent="0.25">
      <c r="A979" t="s">
        <v>8</v>
      </c>
      <c r="B979">
        <v>0.32</v>
      </c>
      <c r="C979">
        <v>0.56999999999999995</v>
      </c>
    </row>
    <row r="980" spans="1:3" x14ac:dyDescent="0.25">
      <c r="A980" t="s">
        <v>24</v>
      </c>
      <c r="B980">
        <v>0.46</v>
      </c>
      <c r="C980">
        <v>0.49</v>
      </c>
    </row>
    <row r="981" spans="1:3" x14ac:dyDescent="0.25">
      <c r="A981" t="s">
        <v>12</v>
      </c>
      <c r="B981">
        <v>0.24</v>
      </c>
      <c r="C981">
        <v>0.13</v>
      </c>
    </row>
    <row r="982" spans="1:3" x14ac:dyDescent="0.25">
      <c r="A982" t="s">
        <v>10</v>
      </c>
      <c r="B982">
        <v>0.93</v>
      </c>
      <c r="C982">
        <v>0.32</v>
      </c>
    </row>
    <row r="983" spans="1:3" x14ac:dyDescent="0.25">
      <c r="A983" t="s">
        <v>12</v>
      </c>
      <c r="B983">
        <v>0.04</v>
      </c>
      <c r="C983">
        <v>0.46</v>
      </c>
    </row>
    <row r="984" spans="1:3" x14ac:dyDescent="0.25">
      <c r="A984" t="s">
        <v>10</v>
      </c>
      <c r="B984">
        <v>0.12</v>
      </c>
      <c r="C984">
        <v>0.28999999999999998</v>
      </c>
    </row>
    <row r="985" spans="1:3" x14ac:dyDescent="0.25">
      <c r="A985" t="s">
        <v>12</v>
      </c>
      <c r="B985">
        <v>0.82</v>
      </c>
      <c r="C985">
        <v>0.52</v>
      </c>
    </row>
    <row r="986" spans="1:3" x14ac:dyDescent="0.25">
      <c r="A986" t="s">
        <v>10</v>
      </c>
      <c r="B986">
        <v>0.73</v>
      </c>
      <c r="C986">
        <v>0.73</v>
      </c>
    </row>
    <row r="987" spans="1:3" x14ac:dyDescent="0.25">
      <c r="A987" t="s">
        <v>10</v>
      </c>
      <c r="B987">
        <v>0.51</v>
      </c>
      <c r="C987">
        <v>0.89</v>
      </c>
    </row>
    <row r="988" spans="1:3" x14ac:dyDescent="0.25">
      <c r="A988" t="s">
        <v>12</v>
      </c>
      <c r="B988">
        <v>0.65</v>
      </c>
      <c r="C988">
        <v>0.39</v>
      </c>
    </row>
    <row r="989" spans="1:3" x14ac:dyDescent="0.25">
      <c r="A989" t="s">
        <v>10</v>
      </c>
      <c r="B989">
        <v>0.46</v>
      </c>
      <c r="C989">
        <v>0.31</v>
      </c>
    </row>
    <row r="990" spans="1:3" x14ac:dyDescent="0.25">
      <c r="A990" t="s">
        <v>24</v>
      </c>
      <c r="B990">
        <v>0.1</v>
      </c>
      <c r="C990">
        <v>0.88</v>
      </c>
    </row>
    <row r="991" spans="1:3" x14ac:dyDescent="0.25">
      <c r="A991" t="s">
        <v>12</v>
      </c>
      <c r="B991">
        <v>0.52</v>
      </c>
      <c r="C991">
        <v>0.43</v>
      </c>
    </row>
    <row r="992" spans="1:3" x14ac:dyDescent="0.25">
      <c r="A992" t="s">
        <v>8</v>
      </c>
      <c r="B992">
        <v>0.74</v>
      </c>
      <c r="C992">
        <v>0.56000000000000005</v>
      </c>
    </row>
    <row r="993" spans="1:3" x14ac:dyDescent="0.25">
      <c r="A993" t="s">
        <v>12</v>
      </c>
      <c r="B993">
        <v>0.36</v>
      </c>
      <c r="C993">
        <v>0.6</v>
      </c>
    </row>
    <row r="994" spans="1:3" x14ac:dyDescent="0.25">
      <c r="A994" t="s">
        <v>12</v>
      </c>
      <c r="B994">
        <v>0.74</v>
      </c>
      <c r="C994">
        <v>0.45</v>
      </c>
    </row>
    <row r="995" spans="1:3" x14ac:dyDescent="0.25">
      <c r="A995" t="s">
        <v>8</v>
      </c>
      <c r="B995">
        <v>0.9</v>
      </c>
      <c r="C995">
        <v>0.89</v>
      </c>
    </row>
    <row r="996" spans="1:3" x14ac:dyDescent="0.25">
      <c r="A996" t="s">
        <v>8</v>
      </c>
      <c r="B996">
        <v>0.69</v>
      </c>
      <c r="C996">
        <v>0.26</v>
      </c>
    </row>
    <row r="997" spans="1:3" x14ac:dyDescent="0.25">
      <c r="A997" t="s">
        <v>8</v>
      </c>
      <c r="B997">
        <v>0.28999999999999998</v>
      </c>
      <c r="C997">
        <v>0.18</v>
      </c>
    </row>
    <row r="998" spans="1:3" x14ac:dyDescent="0.25">
      <c r="A998" t="s">
        <v>8</v>
      </c>
      <c r="B998">
        <v>0.69</v>
      </c>
      <c r="C998">
        <v>0.73</v>
      </c>
    </row>
    <row r="999" spans="1:3" x14ac:dyDescent="0.25">
      <c r="A999" t="s">
        <v>12</v>
      </c>
      <c r="B999">
        <v>0.16</v>
      </c>
      <c r="C999">
        <v>0.54</v>
      </c>
    </row>
    <row r="1000" spans="1:3" x14ac:dyDescent="0.25">
      <c r="A1000" t="s">
        <v>10</v>
      </c>
      <c r="B1000">
        <v>0.43</v>
      </c>
      <c r="C1000">
        <v>0.26</v>
      </c>
    </row>
    <row r="1001" spans="1:3" x14ac:dyDescent="0.25">
      <c r="A1001" t="s">
        <v>8</v>
      </c>
      <c r="B1001">
        <v>0.85</v>
      </c>
      <c r="C1001">
        <v>0.91</v>
      </c>
    </row>
    <row r="1002" spans="1:3" x14ac:dyDescent="0.25">
      <c r="A1002" t="s">
        <v>12</v>
      </c>
      <c r="B1002">
        <v>0.53</v>
      </c>
      <c r="C1002">
        <v>0.92</v>
      </c>
    </row>
    <row r="1003" spans="1:3" x14ac:dyDescent="0.25">
      <c r="A1003" t="s">
        <v>8</v>
      </c>
      <c r="B1003">
        <v>0.73</v>
      </c>
      <c r="C1003">
        <v>0.88</v>
      </c>
    </row>
    <row r="1004" spans="1:3" x14ac:dyDescent="0.25">
      <c r="A1004" t="s">
        <v>12</v>
      </c>
      <c r="B1004">
        <v>0.69</v>
      </c>
      <c r="C1004">
        <v>0.57999999999999996</v>
      </c>
    </row>
    <row r="1005" spans="1:3" x14ac:dyDescent="0.25">
      <c r="A1005" t="s">
        <v>24</v>
      </c>
      <c r="B1005">
        <v>0.19</v>
      </c>
      <c r="C1005">
        <v>0.41</v>
      </c>
    </row>
    <row r="1006" spans="1:3" x14ac:dyDescent="0.25">
      <c r="A1006" t="s">
        <v>24</v>
      </c>
      <c r="B1006">
        <v>0.69</v>
      </c>
      <c r="C1006">
        <v>0.56000000000000005</v>
      </c>
    </row>
    <row r="1007" spans="1:3" x14ac:dyDescent="0.25">
      <c r="A1007" t="s">
        <v>12</v>
      </c>
      <c r="B1007">
        <v>0.35</v>
      </c>
      <c r="C1007">
        <v>0.83</v>
      </c>
    </row>
    <row r="1008" spans="1:3" x14ac:dyDescent="0.25">
      <c r="A1008" t="s">
        <v>24</v>
      </c>
      <c r="B1008">
        <v>0.76</v>
      </c>
      <c r="C1008">
        <v>0.27</v>
      </c>
    </row>
    <row r="1009" spans="1:3" x14ac:dyDescent="0.25">
      <c r="A1009" t="s">
        <v>10</v>
      </c>
      <c r="B1009">
        <v>0.17</v>
      </c>
      <c r="C1009">
        <v>0.89</v>
      </c>
    </row>
    <row r="1010" spans="1:3" x14ac:dyDescent="0.25">
      <c r="A1010" t="s">
        <v>10</v>
      </c>
      <c r="B1010">
        <v>0.88</v>
      </c>
      <c r="C1010">
        <v>0.84</v>
      </c>
    </row>
    <row r="1011" spans="1:3" x14ac:dyDescent="0.25">
      <c r="A1011" t="s">
        <v>10</v>
      </c>
      <c r="B1011">
        <v>0.15</v>
      </c>
      <c r="C1011">
        <v>0.59</v>
      </c>
    </row>
    <row r="1012" spans="1:3" x14ac:dyDescent="0.25">
      <c r="A1012" t="s">
        <v>12</v>
      </c>
      <c r="B1012">
        <v>0.05</v>
      </c>
      <c r="C1012">
        <v>0.41</v>
      </c>
    </row>
    <row r="1013" spans="1:3" x14ac:dyDescent="0.25">
      <c r="A1013" t="s">
        <v>10</v>
      </c>
      <c r="B1013">
        <v>0.52</v>
      </c>
      <c r="C1013">
        <v>0.51</v>
      </c>
    </row>
    <row r="1014" spans="1:3" x14ac:dyDescent="0.25">
      <c r="A1014" t="s">
        <v>12</v>
      </c>
      <c r="B1014">
        <v>0.51</v>
      </c>
      <c r="C1014">
        <v>0.62</v>
      </c>
    </row>
    <row r="1015" spans="1:3" x14ac:dyDescent="0.25">
      <c r="A1015" t="s">
        <v>12</v>
      </c>
      <c r="B1015">
        <v>0.48</v>
      </c>
      <c r="C1015">
        <v>0.9</v>
      </c>
    </row>
    <row r="1016" spans="1:3" x14ac:dyDescent="0.25">
      <c r="A1016" t="s">
        <v>12</v>
      </c>
      <c r="B1016">
        <v>0.95</v>
      </c>
      <c r="C1016">
        <v>0.27</v>
      </c>
    </row>
    <row r="1017" spans="1:3" x14ac:dyDescent="0.25">
      <c r="A1017" t="s">
        <v>8</v>
      </c>
      <c r="B1017">
        <v>0.89</v>
      </c>
      <c r="C1017">
        <v>0.22</v>
      </c>
    </row>
    <row r="1018" spans="1:3" x14ac:dyDescent="0.25">
      <c r="A1018" t="s">
        <v>8</v>
      </c>
      <c r="B1018">
        <v>0.78</v>
      </c>
      <c r="C1018">
        <v>0.9</v>
      </c>
    </row>
    <row r="1019" spans="1:3" x14ac:dyDescent="0.25">
      <c r="A1019" t="s">
        <v>10</v>
      </c>
      <c r="B1019">
        <v>0.2</v>
      </c>
      <c r="C1019">
        <v>0.11</v>
      </c>
    </row>
    <row r="1020" spans="1:3" x14ac:dyDescent="0.25">
      <c r="A1020" t="s">
        <v>24</v>
      </c>
      <c r="B1020">
        <v>0.63</v>
      </c>
      <c r="C1020">
        <v>0.69</v>
      </c>
    </row>
    <row r="1021" spans="1:3" x14ac:dyDescent="0.25">
      <c r="A1021" t="s">
        <v>12</v>
      </c>
      <c r="B1021">
        <v>0.57999999999999996</v>
      </c>
      <c r="C1021">
        <v>0.45</v>
      </c>
    </row>
    <row r="1022" spans="1:3" x14ac:dyDescent="0.25">
      <c r="A1022" t="s">
        <v>12</v>
      </c>
      <c r="B1022">
        <v>0.13</v>
      </c>
      <c r="C1022">
        <v>0.77</v>
      </c>
    </row>
    <row r="1023" spans="1:3" x14ac:dyDescent="0.25">
      <c r="A1023" t="s">
        <v>10</v>
      </c>
      <c r="B1023">
        <v>0.08</v>
      </c>
      <c r="C1023">
        <v>0.95</v>
      </c>
    </row>
    <row r="1024" spans="1:3" x14ac:dyDescent="0.25">
      <c r="A1024" t="s">
        <v>10</v>
      </c>
      <c r="B1024">
        <v>0.3</v>
      </c>
      <c r="C1024">
        <v>0.67</v>
      </c>
    </row>
    <row r="1025" spans="1:3" x14ac:dyDescent="0.25">
      <c r="A1025" t="s">
        <v>24</v>
      </c>
      <c r="B1025">
        <v>0.09</v>
      </c>
      <c r="C1025">
        <v>0.83</v>
      </c>
    </row>
    <row r="1026" spans="1:3" x14ac:dyDescent="0.25">
      <c r="A1026" t="s">
        <v>8</v>
      </c>
      <c r="B1026">
        <v>0.04</v>
      </c>
      <c r="C1026">
        <v>0.62</v>
      </c>
    </row>
    <row r="1027" spans="1:3" x14ac:dyDescent="0.25">
      <c r="A1027" t="s">
        <v>10</v>
      </c>
      <c r="B1027">
        <v>0.95</v>
      </c>
      <c r="C1027">
        <v>0.87</v>
      </c>
    </row>
    <row r="1028" spans="1:3" x14ac:dyDescent="0.25">
      <c r="A1028" t="s">
        <v>10</v>
      </c>
      <c r="B1028">
        <v>0.92</v>
      </c>
      <c r="C1028">
        <v>0.59</v>
      </c>
    </row>
    <row r="1029" spans="1:3" x14ac:dyDescent="0.25">
      <c r="A1029" t="s">
        <v>24</v>
      </c>
      <c r="B1029">
        <v>0.54</v>
      </c>
      <c r="C1029">
        <v>0.27</v>
      </c>
    </row>
    <row r="1030" spans="1:3" x14ac:dyDescent="0.25">
      <c r="A1030" t="s">
        <v>24</v>
      </c>
      <c r="B1030">
        <v>0.24</v>
      </c>
      <c r="C1030">
        <v>0.69</v>
      </c>
    </row>
    <row r="1031" spans="1:3" x14ac:dyDescent="0.25">
      <c r="A1031" t="s">
        <v>24</v>
      </c>
      <c r="B1031">
        <v>0.91</v>
      </c>
      <c r="C1031">
        <v>0.4</v>
      </c>
    </row>
    <row r="1032" spans="1:3" x14ac:dyDescent="0.25">
      <c r="A1032" t="s">
        <v>12</v>
      </c>
      <c r="B1032">
        <v>0.87</v>
      </c>
      <c r="C1032">
        <v>0.39</v>
      </c>
    </row>
    <row r="1033" spans="1:3" x14ac:dyDescent="0.25">
      <c r="A1033" t="s">
        <v>24</v>
      </c>
      <c r="B1033">
        <v>0.69</v>
      </c>
      <c r="C1033">
        <v>0.68</v>
      </c>
    </row>
    <row r="1034" spans="1:3" x14ac:dyDescent="0.25">
      <c r="A1034" t="s">
        <v>24</v>
      </c>
      <c r="B1034">
        <v>0.94</v>
      </c>
      <c r="C1034">
        <v>0.88</v>
      </c>
    </row>
    <row r="1035" spans="1:3" x14ac:dyDescent="0.25">
      <c r="A1035" t="s">
        <v>10</v>
      </c>
      <c r="B1035">
        <v>0.64</v>
      </c>
      <c r="C1035">
        <v>0.56000000000000005</v>
      </c>
    </row>
    <row r="1036" spans="1:3" x14ac:dyDescent="0.25">
      <c r="A1036" t="s">
        <v>24</v>
      </c>
      <c r="B1036">
        <v>0.68</v>
      </c>
      <c r="C1036">
        <v>0.74</v>
      </c>
    </row>
    <row r="1037" spans="1:3" x14ac:dyDescent="0.25">
      <c r="A1037" t="s">
        <v>10</v>
      </c>
      <c r="B1037">
        <v>0.85</v>
      </c>
      <c r="C1037">
        <v>0.54</v>
      </c>
    </row>
    <row r="1038" spans="1:3" x14ac:dyDescent="0.25">
      <c r="A1038" t="s">
        <v>12</v>
      </c>
      <c r="B1038">
        <v>0.43</v>
      </c>
      <c r="C1038">
        <v>0.09</v>
      </c>
    </row>
    <row r="1039" spans="1:3" x14ac:dyDescent="0.25">
      <c r="A1039" t="s">
        <v>12</v>
      </c>
      <c r="B1039">
        <v>0.13</v>
      </c>
      <c r="C1039">
        <v>0.54</v>
      </c>
    </row>
    <row r="1040" spans="1:3" x14ac:dyDescent="0.25">
      <c r="A1040" t="s">
        <v>8</v>
      </c>
      <c r="B1040">
        <v>0.02</v>
      </c>
      <c r="C1040">
        <v>0.81</v>
      </c>
    </row>
    <row r="1041" spans="1:3" x14ac:dyDescent="0.25">
      <c r="A1041" t="s">
        <v>12</v>
      </c>
      <c r="B1041">
        <v>0.98</v>
      </c>
      <c r="C1041">
        <v>0.66</v>
      </c>
    </row>
    <row r="1042" spans="1:3" x14ac:dyDescent="0.25">
      <c r="A1042" t="s">
        <v>10</v>
      </c>
      <c r="B1042">
        <v>0.78</v>
      </c>
      <c r="C1042">
        <v>0.87</v>
      </c>
    </row>
    <row r="1043" spans="1:3" x14ac:dyDescent="0.25">
      <c r="A1043" t="s">
        <v>8</v>
      </c>
      <c r="B1043">
        <v>0.33</v>
      </c>
      <c r="C1043">
        <v>0.2</v>
      </c>
    </row>
    <row r="1044" spans="1:3" x14ac:dyDescent="0.25">
      <c r="A1044" t="s">
        <v>10</v>
      </c>
      <c r="B1044">
        <v>0.98</v>
      </c>
      <c r="C1044">
        <v>0.62</v>
      </c>
    </row>
    <row r="1045" spans="1:3" x14ac:dyDescent="0.25">
      <c r="A1045" t="s">
        <v>10</v>
      </c>
      <c r="B1045">
        <v>0.79</v>
      </c>
      <c r="C1045">
        <v>0.06</v>
      </c>
    </row>
    <row r="1046" spans="1:3" x14ac:dyDescent="0.25">
      <c r="A1046" t="s">
        <v>8</v>
      </c>
      <c r="B1046">
        <v>0.76</v>
      </c>
      <c r="C1046">
        <v>0.14000000000000001</v>
      </c>
    </row>
    <row r="1047" spans="1:3" x14ac:dyDescent="0.25">
      <c r="A1047" t="s">
        <v>10</v>
      </c>
      <c r="B1047">
        <v>0.57999999999999996</v>
      </c>
      <c r="C1047">
        <v>0.44</v>
      </c>
    </row>
    <row r="1048" spans="1:3" x14ac:dyDescent="0.25">
      <c r="A1048" t="s">
        <v>10</v>
      </c>
      <c r="B1048">
        <v>0.44</v>
      </c>
      <c r="C1048">
        <v>0.28999999999999998</v>
      </c>
    </row>
    <row r="1049" spans="1:3" x14ac:dyDescent="0.25">
      <c r="A1049" t="s">
        <v>24</v>
      </c>
      <c r="B1049">
        <v>0.56000000000000005</v>
      </c>
      <c r="C1049">
        <v>0.69</v>
      </c>
    </row>
    <row r="1050" spans="1:3" x14ac:dyDescent="0.25">
      <c r="A1050" t="s">
        <v>24</v>
      </c>
      <c r="B1050">
        <v>0.25</v>
      </c>
      <c r="C1050">
        <v>0.93</v>
      </c>
    </row>
    <row r="1051" spans="1:3" x14ac:dyDescent="0.25">
      <c r="A1051" t="s">
        <v>24</v>
      </c>
      <c r="B1051">
        <v>0.72</v>
      </c>
      <c r="C1051">
        <v>0.19</v>
      </c>
    </row>
    <row r="1052" spans="1:3" x14ac:dyDescent="0.25">
      <c r="A1052" t="s">
        <v>10</v>
      </c>
      <c r="B1052">
        <v>0.47</v>
      </c>
      <c r="C1052">
        <v>0.91</v>
      </c>
    </row>
    <row r="1053" spans="1:3" x14ac:dyDescent="0.25">
      <c r="A1053" t="s">
        <v>24</v>
      </c>
      <c r="B1053">
        <v>0.74</v>
      </c>
      <c r="C1053">
        <v>0.33</v>
      </c>
    </row>
    <row r="1054" spans="1:3" x14ac:dyDescent="0.25">
      <c r="A1054" t="s">
        <v>8</v>
      </c>
      <c r="B1054">
        <v>0.81</v>
      </c>
      <c r="C1054">
        <v>0.74</v>
      </c>
    </row>
    <row r="1055" spans="1:3" x14ac:dyDescent="0.25">
      <c r="A1055" t="s">
        <v>10</v>
      </c>
      <c r="B1055">
        <v>0.44</v>
      </c>
      <c r="C1055">
        <v>0.14000000000000001</v>
      </c>
    </row>
    <row r="1056" spans="1:3" x14ac:dyDescent="0.25">
      <c r="A1056" t="s">
        <v>10</v>
      </c>
      <c r="B1056">
        <v>0.93</v>
      </c>
      <c r="C1056">
        <v>0.56999999999999995</v>
      </c>
    </row>
    <row r="1057" spans="1:3" x14ac:dyDescent="0.25">
      <c r="A1057" t="s">
        <v>12</v>
      </c>
      <c r="B1057">
        <v>0.39</v>
      </c>
      <c r="C1057">
        <v>0.27</v>
      </c>
    </row>
    <row r="1058" spans="1:3" x14ac:dyDescent="0.25">
      <c r="A1058" t="s">
        <v>12</v>
      </c>
      <c r="B1058">
        <v>0.42</v>
      </c>
      <c r="C1058">
        <v>0.39</v>
      </c>
    </row>
    <row r="1059" spans="1:3" x14ac:dyDescent="0.25">
      <c r="A1059" t="s">
        <v>12</v>
      </c>
      <c r="B1059">
        <v>0.25</v>
      </c>
      <c r="C1059">
        <v>0.65</v>
      </c>
    </row>
    <row r="1060" spans="1:3" x14ac:dyDescent="0.25">
      <c r="A1060" t="s">
        <v>24</v>
      </c>
      <c r="B1060">
        <v>0.09</v>
      </c>
      <c r="C1060">
        <v>0.12</v>
      </c>
    </row>
    <row r="1061" spans="1:3" x14ac:dyDescent="0.25">
      <c r="A1061" t="s">
        <v>24</v>
      </c>
      <c r="B1061">
        <v>0.39</v>
      </c>
      <c r="C1061">
        <v>0.14000000000000001</v>
      </c>
    </row>
    <row r="1062" spans="1:3" x14ac:dyDescent="0.25">
      <c r="A1062" t="s">
        <v>24</v>
      </c>
      <c r="B1062">
        <v>0.33</v>
      </c>
      <c r="C1062">
        <v>0.4</v>
      </c>
    </row>
    <row r="1063" spans="1:3" x14ac:dyDescent="0.25">
      <c r="A1063" t="s">
        <v>8</v>
      </c>
      <c r="B1063">
        <v>0.23</v>
      </c>
      <c r="C1063">
        <v>0.51</v>
      </c>
    </row>
    <row r="1064" spans="1:3" x14ac:dyDescent="0.25">
      <c r="A1064" t="s">
        <v>24</v>
      </c>
      <c r="B1064">
        <v>0.95</v>
      </c>
      <c r="C1064">
        <v>0.88</v>
      </c>
    </row>
    <row r="1065" spans="1:3" x14ac:dyDescent="0.25">
      <c r="A1065" t="s">
        <v>12</v>
      </c>
      <c r="B1065">
        <v>0.33</v>
      </c>
      <c r="C1065">
        <v>0.9</v>
      </c>
    </row>
    <row r="1066" spans="1:3" x14ac:dyDescent="0.25">
      <c r="A1066" t="s">
        <v>12</v>
      </c>
      <c r="B1066">
        <v>0.25</v>
      </c>
      <c r="C1066">
        <v>0.6</v>
      </c>
    </row>
    <row r="1067" spans="1:3" x14ac:dyDescent="0.25">
      <c r="A1067" t="s">
        <v>24</v>
      </c>
      <c r="B1067">
        <v>0.55000000000000004</v>
      </c>
      <c r="C1067">
        <v>0.37</v>
      </c>
    </row>
    <row r="1068" spans="1:3" x14ac:dyDescent="0.25">
      <c r="A1068" t="s">
        <v>24</v>
      </c>
      <c r="B1068">
        <v>0.68</v>
      </c>
      <c r="C1068">
        <v>0.5</v>
      </c>
    </row>
    <row r="1069" spans="1:3" x14ac:dyDescent="0.25">
      <c r="A1069" t="s">
        <v>12</v>
      </c>
      <c r="B1069">
        <v>0.98</v>
      </c>
      <c r="C1069">
        <v>0.27</v>
      </c>
    </row>
    <row r="1070" spans="1:3" x14ac:dyDescent="0.25">
      <c r="A1070" t="s">
        <v>24</v>
      </c>
      <c r="B1070">
        <v>0.3</v>
      </c>
      <c r="C1070">
        <v>0.5</v>
      </c>
    </row>
    <row r="1071" spans="1:3" x14ac:dyDescent="0.25">
      <c r="A1071" t="s">
        <v>12</v>
      </c>
      <c r="B1071">
        <v>0.53</v>
      </c>
      <c r="C1071">
        <v>0.36</v>
      </c>
    </row>
    <row r="1072" spans="1:3" x14ac:dyDescent="0.25">
      <c r="A1072" t="s">
        <v>12</v>
      </c>
      <c r="B1072">
        <v>0.47</v>
      </c>
      <c r="C1072">
        <v>0.36</v>
      </c>
    </row>
    <row r="1073" spans="1:3" x14ac:dyDescent="0.25">
      <c r="A1073" t="s">
        <v>12</v>
      </c>
      <c r="B1073">
        <v>0.14000000000000001</v>
      </c>
      <c r="C1073">
        <v>0.93</v>
      </c>
    </row>
    <row r="1074" spans="1:3" x14ac:dyDescent="0.25">
      <c r="A1074" t="s">
        <v>12</v>
      </c>
      <c r="B1074">
        <v>0.38</v>
      </c>
      <c r="C1074">
        <v>0.11</v>
      </c>
    </row>
    <row r="1075" spans="1:3" x14ac:dyDescent="0.25">
      <c r="A1075" t="s">
        <v>8</v>
      </c>
      <c r="B1075">
        <v>0.3</v>
      </c>
      <c r="C1075">
        <v>0.56999999999999995</v>
      </c>
    </row>
    <row r="1076" spans="1:3" x14ac:dyDescent="0.25">
      <c r="A1076" t="s">
        <v>12</v>
      </c>
      <c r="B1076">
        <v>0.77</v>
      </c>
      <c r="C1076">
        <v>0.66</v>
      </c>
    </row>
    <row r="1077" spans="1:3" x14ac:dyDescent="0.25">
      <c r="A1077" t="s">
        <v>8</v>
      </c>
      <c r="B1077">
        <v>0.19</v>
      </c>
      <c r="C1077">
        <v>0.56000000000000005</v>
      </c>
    </row>
    <row r="1078" spans="1:3" x14ac:dyDescent="0.25">
      <c r="A1078" t="s">
        <v>24</v>
      </c>
      <c r="B1078">
        <v>0.27</v>
      </c>
      <c r="C1078">
        <v>0.23</v>
      </c>
    </row>
    <row r="1079" spans="1:3" x14ac:dyDescent="0.25">
      <c r="A1079" t="s">
        <v>10</v>
      </c>
      <c r="B1079">
        <v>0.95</v>
      </c>
      <c r="C1079">
        <v>0.83</v>
      </c>
    </row>
    <row r="1080" spans="1:3" x14ac:dyDescent="0.25">
      <c r="A1080" t="s">
        <v>12</v>
      </c>
      <c r="B1080">
        <v>0.38</v>
      </c>
      <c r="C1080">
        <v>0.45</v>
      </c>
    </row>
    <row r="1081" spans="1:3" x14ac:dyDescent="0.25">
      <c r="A1081" t="s">
        <v>24</v>
      </c>
      <c r="B1081">
        <v>0.17</v>
      </c>
      <c r="C1081">
        <v>0.51</v>
      </c>
    </row>
    <row r="1082" spans="1:3" x14ac:dyDescent="0.25">
      <c r="A1082" t="s">
        <v>12</v>
      </c>
      <c r="B1082">
        <v>0.78</v>
      </c>
      <c r="C1082">
        <v>0.84</v>
      </c>
    </row>
    <row r="1083" spans="1:3" x14ac:dyDescent="0.25">
      <c r="A1083" t="s">
        <v>8</v>
      </c>
      <c r="B1083">
        <v>0.55000000000000004</v>
      </c>
      <c r="C1083">
        <v>0.67</v>
      </c>
    </row>
    <row r="1084" spans="1:3" x14ac:dyDescent="0.25">
      <c r="A1084" t="s">
        <v>24</v>
      </c>
      <c r="B1084">
        <v>0.97</v>
      </c>
      <c r="C1084">
        <v>0.28999999999999998</v>
      </c>
    </row>
    <row r="1085" spans="1:3" x14ac:dyDescent="0.25">
      <c r="A1085" t="s">
        <v>10</v>
      </c>
      <c r="B1085">
        <v>0.98</v>
      </c>
      <c r="C1085">
        <v>0.7</v>
      </c>
    </row>
    <row r="1086" spans="1:3" x14ac:dyDescent="0.25">
      <c r="A1086" t="s">
        <v>12</v>
      </c>
      <c r="B1086">
        <v>0.33</v>
      </c>
      <c r="C1086">
        <v>0.78</v>
      </c>
    </row>
    <row r="1087" spans="1:3" x14ac:dyDescent="0.25">
      <c r="A1087" t="s">
        <v>12</v>
      </c>
      <c r="B1087">
        <v>0.3</v>
      </c>
      <c r="C1087">
        <v>0.55000000000000004</v>
      </c>
    </row>
    <row r="1088" spans="1:3" x14ac:dyDescent="0.25">
      <c r="A1088" t="s">
        <v>10</v>
      </c>
      <c r="B1088">
        <v>0.3</v>
      </c>
      <c r="C1088">
        <v>0.79</v>
      </c>
    </row>
    <row r="1089" spans="1:3" x14ac:dyDescent="0.25">
      <c r="A1089" t="s">
        <v>12</v>
      </c>
      <c r="B1089">
        <v>0.85</v>
      </c>
      <c r="C1089">
        <v>0.57999999999999996</v>
      </c>
    </row>
    <row r="1090" spans="1:3" x14ac:dyDescent="0.25">
      <c r="A1090" t="s">
        <v>24</v>
      </c>
      <c r="B1090">
        <v>0.43</v>
      </c>
      <c r="C1090">
        <v>0.13</v>
      </c>
    </row>
    <row r="1091" spans="1:3" x14ac:dyDescent="0.25">
      <c r="A1091" t="s">
        <v>8</v>
      </c>
      <c r="B1091">
        <v>0.37</v>
      </c>
      <c r="C1091">
        <v>0.92</v>
      </c>
    </row>
    <row r="1092" spans="1:3" x14ac:dyDescent="0.25">
      <c r="A1092" t="s">
        <v>10</v>
      </c>
      <c r="B1092">
        <v>0.77</v>
      </c>
      <c r="C1092">
        <v>0.81</v>
      </c>
    </row>
    <row r="1093" spans="1:3" x14ac:dyDescent="0.25">
      <c r="A1093" t="s">
        <v>24</v>
      </c>
      <c r="B1093">
        <v>0.45</v>
      </c>
      <c r="C1093">
        <v>0.87</v>
      </c>
    </row>
    <row r="1094" spans="1:3" x14ac:dyDescent="0.25">
      <c r="A1094" t="s">
        <v>8</v>
      </c>
      <c r="B1094">
        <v>0.99</v>
      </c>
      <c r="C1094">
        <v>0.12</v>
      </c>
    </row>
    <row r="1095" spans="1:3" x14ac:dyDescent="0.25">
      <c r="A1095" t="s">
        <v>12</v>
      </c>
      <c r="B1095">
        <v>0.93</v>
      </c>
      <c r="C1095">
        <v>0.57999999999999996</v>
      </c>
    </row>
    <row r="1096" spans="1:3" x14ac:dyDescent="0.25">
      <c r="A1096" t="s">
        <v>24</v>
      </c>
      <c r="B1096">
        <v>0.32</v>
      </c>
      <c r="C1096">
        <v>0.52</v>
      </c>
    </row>
    <row r="1097" spans="1:3" x14ac:dyDescent="0.25">
      <c r="A1097" t="s">
        <v>24</v>
      </c>
      <c r="B1097">
        <v>0.44</v>
      </c>
      <c r="C1097">
        <v>0.37</v>
      </c>
    </row>
    <row r="1098" spans="1:3" x14ac:dyDescent="0.25">
      <c r="A1098" t="s">
        <v>10</v>
      </c>
      <c r="B1098">
        <v>0.35</v>
      </c>
      <c r="C1098">
        <v>0.55000000000000004</v>
      </c>
    </row>
    <row r="1099" spans="1:3" x14ac:dyDescent="0.25">
      <c r="A1099" t="s">
        <v>12</v>
      </c>
      <c r="B1099">
        <v>0.87</v>
      </c>
      <c r="C1099">
        <v>0.79</v>
      </c>
    </row>
    <row r="1100" spans="1:3" x14ac:dyDescent="0.25">
      <c r="A1100" t="s">
        <v>8</v>
      </c>
      <c r="B1100">
        <v>0.95</v>
      </c>
      <c r="C1100">
        <v>0.1</v>
      </c>
    </row>
    <row r="1101" spans="1:3" x14ac:dyDescent="0.25">
      <c r="A1101" t="s">
        <v>12</v>
      </c>
      <c r="B1101">
        <v>0.38</v>
      </c>
      <c r="C1101">
        <v>0.9</v>
      </c>
    </row>
    <row r="1102" spans="1:3" x14ac:dyDescent="0.25">
      <c r="A1102" t="s">
        <v>10</v>
      </c>
      <c r="B1102">
        <v>0.88</v>
      </c>
      <c r="C1102">
        <v>0.45</v>
      </c>
    </row>
    <row r="1103" spans="1:3" x14ac:dyDescent="0.25">
      <c r="A1103" t="s">
        <v>24</v>
      </c>
      <c r="B1103">
        <v>0.54</v>
      </c>
      <c r="C1103">
        <v>0.44</v>
      </c>
    </row>
    <row r="1104" spans="1:3" x14ac:dyDescent="0.25">
      <c r="A1104" t="s">
        <v>24</v>
      </c>
      <c r="B1104">
        <v>0.89</v>
      </c>
      <c r="C1104">
        <v>0.86</v>
      </c>
    </row>
    <row r="1105" spans="1:3" x14ac:dyDescent="0.25">
      <c r="A1105" t="s">
        <v>24</v>
      </c>
      <c r="B1105">
        <v>0.81</v>
      </c>
      <c r="C1105">
        <v>0.7</v>
      </c>
    </row>
    <row r="1106" spans="1:3" x14ac:dyDescent="0.25">
      <c r="A1106" t="s">
        <v>24</v>
      </c>
      <c r="B1106">
        <v>0.79</v>
      </c>
      <c r="C1106">
        <v>0.1</v>
      </c>
    </row>
    <row r="1107" spans="1:3" x14ac:dyDescent="0.25">
      <c r="A1107" t="s">
        <v>10</v>
      </c>
      <c r="B1107">
        <v>0.94</v>
      </c>
      <c r="C1107">
        <v>0.24</v>
      </c>
    </row>
    <row r="1108" spans="1:3" x14ac:dyDescent="0.25">
      <c r="A1108" t="s">
        <v>8</v>
      </c>
      <c r="B1108">
        <v>0.2</v>
      </c>
      <c r="C1108">
        <v>0.17</v>
      </c>
    </row>
    <row r="1109" spans="1:3" x14ac:dyDescent="0.25">
      <c r="A1109" t="s">
        <v>10</v>
      </c>
      <c r="B1109">
        <v>0.66</v>
      </c>
      <c r="C1109">
        <v>0.08</v>
      </c>
    </row>
    <row r="1110" spans="1:3" x14ac:dyDescent="0.25">
      <c r="A1110" t="s">
        <v>24</v>
      </c>
      <c r="B1110">
        <v>0.08</v>
      </c>
      <c r="C1110">
        <v>0.85</v>
      </c>
    </row>
    <row r="1111" spans="1:3" x14ac:dyDescent="0.25">
      <c r="A1111" t="s">
        <v>10</v>
      </c>
      <c r="B1111">
        <v>0.11</v>
      </c>
      <c r="C1111">
        <v>0.06</v>
      </c>
    </row>
    <row r="1112" spans="1:3" x14ac:dyDescent="0.25">
      <c r="A1112" t="s">
        <v>10</v>
      </c>
      <c r="B1112">
        <v>0.54</v>
      </c>
      <c r="C1112">
        <v>0.48</v>
      </c>
    </row>
    <row r="1113" spans="1:3" x14ac:dyDescent="0.25">
      <c r="A1113" t="s">
        <v>10</v>
      </c>
      <c r="B1113">
        <v>0.37</v>
      </c>
      <c r="C1113">
        <v>0.35</v>
      </c>
    </row>
    <row r="1114" spans="1:3" x14ac:dyDescent="0.25">
      <c r="A1114" t="s">
        <v>8</v>
      </c>
      <c r="B1114">
        <v>0.42</v>
      </c>
      <c r="C1114">
        <v>0.19</v>
      </c>
    </row>
    <row r="1115" spans="1:3" x14ac:dyDescent="0.25">
      <c r="A1115" t="s">
        <v>8</v>
      </c>
      <c r="B1115">
        <v>0.81</v>
      </c>
      <c r="C1115">
        <v>0.82</v>
      </c>
    </row>
    <row r="1116" spans="1:3" x14ac:dyDescent="0.25">
      <c r="A1116" t="s">
        <v>8</v>
      </c>
      <c r="B1116">
        <v>0.4</v>
      </c>
      <c r="C1116">
        <v>0.51</v>
      </c>
    </row>
    <row r="1117" spans="1:3" x14ac:dyDescent="0.25">
      <c r="A1117" t="s">
        <v>24</v>
      </c>
      <c r="B1117">
        <v>0.6</v>
      </c>
      <c r="C1117">
        <v>0.42</v>
      </c>
    </row>
    <row r="1118" spans="1:3" x14ac:dyDescent="0.25">
      <c r="A1118" t="s">
        <v>12</v>
      </c>
      <c r="B1118">
        <v>0.5</v>
      </c>
      <c r="C1118">
        <v>0.33</v>
      </c>
    </row>
    <row r="1119" spans="1:3" x14ac:dyDescent="0.25">
      <c r="A1119" t="s">
        <v>10</v>
      </c>
      <c r="B1119">
        <v>0.6</v>
      </c>
      <c r="C1119">
        <v>0.31</v>
      </c>
    </row>
    <row r="1120" spans="1:3" x14ac:dyDescent="0.25">
      <c r="A1120" t="s">
        <v>12</v>
      </c>
      <c r="B1120">
        <v>0.39</v>
      </c>
      <c r="C1120">
        <v>0.89</v>
      </c>
    </row>
    <row r="1121" spans="1:3" x14ac:dyDescent="0.25">
      <c r="A1121" t="s">
        <v>12</v>
      </c>
      <c r="B1121">
        <v>0.92</v>
      </c>
      <c r="C1121">
        <v>0.82</v>
      </c>
    </row>
    <row r="1122" spans="1:3" x14ac:dyDescent="0.25">
      <c r="A1122" t="s">
        <v>24</v>
      </c>
      <c r="B1122">
        <v>0.67</v>
      </c>
      <c r="C1122">
        <v>0.35</v>
      </c>
    </row>
    <row r="1123" spans="1:3" x14ac:dyDescent="0.25">
      <c r="A1123" t="s">
        <v>8</v>
      </c>
      <c r="B1123">
        <v>0.37</v>
      </c>
      <c r="C1123">
        <v>0.76</v>
      </c>
    </row>
    <row r="1124" spans="1:3" x14ac:dyDescent="0.25">
      <c r="A1124" t="s">
        <v>8</v>
      </c>
      <c r="B1124">
        <v>0.65</v>
      </c>
      <c r="C1124">
        <v>0.76</v>
      </c>
    </row>
    <row r="1125" spans="1:3" x14ac:dyDescent="0.25">
      <c r="A1125" t="s">
        <v>10</v>
      </c>
      <c r="B1125">
        <v>0.13</v>
      </c>
      <c r="C1125">
        <v>0.17</v>
      </c>
    </row>
    <row r="1126" spans="1:3" x14ac:dyDescent="0.25">
      <c r="A1126" t="s">
        <v>8</v>
      </c>
      <c r="B1126">
        <v>0.61</v>
      </c>
      <c r="C1126">
        <v>0.14000000000000001</v>
      </c>
    </row>
    <row r="1127" spans="1:3" x14ac:dyDescent="0.25">
      <c r="A1127" t="s">
        <v>24</v>
      </c>
      <c r="B1127">
        <v>0.3</v>
      </c>
      <c r="C1127">
        <v>0.4</v>
      </c>
    </row>
    <row r="1128" spans="1:3" x14ac:dyDescent="0.25">
      <c r="A1128" t="s">
        <v>12</v>
      </c>
      <c r="B1128">
        <v>0.57999999999999996</v>
      </c>
      <c r="C1128">
        <v>0.13</v>
      </c>
    </row>
    <row r="1129" spans="1:3" x14ac:dyDescent="0.25">
      <c r="A1129" t="s">
        <v>24</v>
      </c>
      <c r="B1129">
        <v>0.14000000000000001</v>
      </c>
      <c r="C1129">
        <v>0.12</v>
      </c>
    </row>
    <row r="1130" spans="1:3" x14ac:dyDescent="0.25">
      <c r="A1130" t="s">
        <v>8</v>
      </c>
      <c r="B1130">
        <v>0.91</v>
      </c>
      <c r="C1130">
        <v>0.16</v>
      </c>
    </row>
    <row r="1131" spans="1:3" x14ac:dyDescent="0.25">
      <c r="A1131" t="s">
        <v>8</v>
      </c>
      <c r="B1131">
        <v>0.28999999999999998</v>
      </c>
      <c r="C1131">
        <v>0.17</v>
      </c>
    </row>
    <row r="1132" spans="1:3" x14ac:dyDescent="0.25">
      <c r="A1132" t="s">
        <v>8</v>
      </c>
      <c r="B1132">
        <v>0.53</v>
      </c>
      <c r="C1132">
        <v>0.36</v>
      </c>
    </row>
    <row r="1133" spans="1:3" x14ac:dyDescent="0.25">
      <c r="A1133" t="s">
        <v>8</v>
      </c>
      <c r="B1133">
        <v>0.03</v>
      </c>
      <c r="C1133">
        <v>0.85</v>
      </c>
    </row>
    <row r="1134" spans="1:3" x14ac:dyDescent="0.25">
      <c r="A1134" t="s">
        <v>24</v>
      </c>
      <c r="B1134">
        <v>0.28999999999999998</v>
      </c>
      <c r="C1134">
        <v>0.32</v>
      </c>
    </row>
    <row r="1135" spans="1:3" x14ac:dyDescent="0.25">
      <c r="A1135" t="s">
        <v>8</v>
      </c>
      <c r="B1135">
        <v>0.74</v>
      </c>
      <c r="C1135">
        <v>0.78</v>
      </c>
    </row>
    <row r="1136" spans="1:3" x14ac:dyDescent="0.25">
      <c r="A1136" t="s">
        <v>24</v>
      </c>
      <c r="B1136">
        <v>0.2</v>
      </c>
      <c r="C1136">
        <v>0.33</v>
      </c>
    </row>
    <row r="1137" spans="1:3" x14ac:dyDescent="0.25">
      <c r="A1137" t="s">
        <v>24</v>
      </c>
      <c r="B1137">
        <v>0.31</v>
      </c>
      <c r="C1137">
        <v>0.76</v>
      </c>
    </row>
    <row r="1138" spans="1:3" x14ac:dyDescent="0.25">
      <c r="A1138" t="s">
        <v>10</v>
      </c>
      <c r="B1138">
        <v>0.24</v>
      </c>
      <c r="C1138">
        <v>0.6</v>
      </c>
    </row>
    <row r="1139" spans="1:3" x14ac:dyDescent="0.25">
      <c r="A1139" t="s">
        <v>10</v>
      </c>
      <c r="B1139">
        <v>0.56999999999999995</v>
      </c>
      <c r="C1139">
        <v>0.24</v>
      </c>
    </row>
    <row r="1140" spans="1:3" x14ac:dyDescent="0.25">
      <c r="A1140" t="s">
        <v>10</v>
      </c>
      <c r="B1140">
        <v>0.04</v>
      </c>
      <c r="C1140">
        <v>0.15</v>
      </c>
    </row>
    <row r="1141" spans="1:3" x14ac:dyDescent="0.25">
      <c r="A1141" t="s">
        <v>12</v>
      </c>
      <c r="B1141">
        <v>0.81</v>
      </c>
      <c r="C1141">
        <v>0.57999999999999996</v>
      </c>
    </row>
    <row r="1142" spans="1:3" x14ac:dyDescent="0.25">
      <c r="A1142" t="s">
        <v>8</v>
      </c>
      <c r="B1142">
        <v>0.57999999999999996</v>
      </c>
      <c r="C1142">
        <v>0.34</v>
      </c>
    </row>
    <row r="1143" spans="1:3" x14ac:dyDescent="0.25">
      <c r="A1143" t="s">
        <v>8</v>
      </c>
      <c r="B1143">
        <v>0.62</v>
      </c>
      <c r="C1143">
        <v>0.91</v>
      </c>
    </row>
    <row r="1144" spans="1:3" x14ac:dyDescent="0.25">
      <c r="A1144" t="s">
        <v>12</v>
      </c>
      <c r="B1144">
        <v>7.0000000000000007E-2</v>
      </c>
      <c r="C1144">
        <v>0.72</v>
      </c>
    </row>
    <row r="1145" spans="1:3" x14ac:dyDescent="0.25">
      <c r="A1145" t="s">
        <v>8</v>
      </c>
      <c r="B1145">
        <v>0.56000000000000005</v>
      </c>
      <c r="C1145">
        <v>0.76</v>
      </c>
    </row>
    <row r="1146" spans="1:3" x14ac:dyDescent="0.25">
      <c r="A1146" t="s">
        <v>12</v>
      </c>
      <c r="B1146">
        <v>0.88</v>
      </c>
      <c r="C1146">
        <v>0.82</v>
      </c>
    </row>
    <row r="1147" spans="1:3" x14ac:dyDescent="0.25">
      <c r="A1147" t="s">
        <v>10</v>
      </c>
      <c r="B1147">
        <v>0.05</v>
      </c>
      <c r="C1147">
        <v>0.46</v>
      </c>
    </row>
    <row r="1148" spans="1:3" x14ac:dyDescent="0.25">
      <c r="A1148" t="s">
        <v>24</v>
      </c>
      <c r="B1148">
        <v>0.91</v>
      </c>
      <c r="C1148">
        <v>0.57999999999999996</v>
      </c>
    </row>
    <row r="1149" spans="1:3" x14ac:dyDescent="0.25">
      <c r="A1149" t="s">
        <v>24</v>
      </c>
      <c r="B1149">
        <v>0.31</v>
      </c>
      <c r="C1149">
        <v>0.47</v>
      </c>
    </row>
    <row r="1150" spans="1:3" x14ac:dyDescent="0.25">
      <c r="A1150" t="s">
        <v>10</v>
      </c>
      <c r="B1150">
        <v>0.16</v>
      </c>
      <c r="C1150">
        <v>0.93</v>
      </c>
    </row>
    <row r="1151" spans="1:3" x14ac:dyDescent="0.25">
      <c r="A1151" t="s">
        <v>12</v>
      </c>
      <c r="B1151">
        <v>0.82</v>
      </c>
      <c r="C1151">
        <v>0.11</v>
      </c>
    </row>
    <row r="1152" spans="1:3" x14ac:dyDescent="0.25">
      <c r="A1152" t="s">
        <v>10</v>
      </c>
      <c r="B1152">
        <v>0.25</v>
      </c>
      <c r="C1152">
        <v>0.48</v>
      </c>
    </row>
    <row r="1153" spans="1:3" x14ac:dyDescent="0.25">
      <c r="A1153" t="s">
        <v>10</v>
      </c>
      <c r="B1153">
        <v>0.99</v>
      </c>
      <c r="C1153">
        <v>0.93</v>
      </c>
    </row>
    <row r="1154" spans="1:3" x14ac:dyDescent="0.25">
      <c r="A1154" t="s">
        <v>10</v>
      </c>
      <c r="B1154">
        <v>0.26</v>
      </c>
      <c r="C1154">
        <v>0.46</v>
      </c>
    </row>
    <row r="1155" spans="1:3" x14ac:dyDescent="0.25">
      <c r="A1155" t="s">
        <v>10</v>
      </c>
      <c r="B1155">
        <v>0.62</v>
      </c>
      <c r="C1155">
        <v>0.74</v>
      </c>
    </row>
    <row r="1156" spans="1:3" x14ac:dyDescent="0.25">
      <c r="A1156" t="s">
        <v>12</v>
      </c>
      <c r="B1156">
        <v>0.28999999999999998</v>
      </c>
      <c r="C1156">
        <v>0.57999999999999996</v>
      </c>
    </row>
    <row r="1157" spans="1:3" x14ac:dyDescent="0.25">
      <c r="A1157" t="s">
        <v>12</v>
      </c>
      <c r="B1157">
        <v>0.32</v>
      </c>
      <c r="C1157">
        <v>0.46</v>
      </c>
    </row>
    <row r="1158" spans="1:3" x14ac:dyDescent="0.25">
      <c r="A1158" t="s">
        <v>10</v>
      </c>
      <c r="B1158">
        <v>0.66</v>
      </c>
      <c r="C1158">
        <v>0.47</v>
      </c>
    </row>
    <row r="1159" spans="1:3" x14ac:dyDescent="0.25">
      <c r="A1159" t="s">
        <v>12</v>
      </c>
      <c r="B1159">
        <v>0.53</v>
      </c>
      <c r="C1159">
        <v>0.55000000000000004</v>
      </c>
    </row>
    <row r="1160" spans="1:3" x14ac:dyDescent="0.25">
      <c r="A1160" t="s">
        <v>10</v>
      </c>
      <c r="B1160">
        <v>0.2</v>
      </c>
      <c r="C1160">
        <v>0.26</v>
      </c>
    </row>
    <row r="1161" spans="1:3" x14ac:dyDescent="0.25">
      <c r="A1161" t="s">
        <v>10</v>
      </c>
      <c r="B1161">
        <v>0.59</v>
      </c>
      <c r="C1161">
        <v>0.09</v>
      </c>
    </row>
    <row r="1162" spans="1:3" x14ac:dyDescent="0.25">
      <c r="A1162" t="s">
        <v>12</v>
      </c>
      <c r="B1162">
        <v>0.95</v>
      </c>
      <c r="C1162">
        <v>0.75</v>
      </c>
    </row>
    <row r="1163" spans="1:3" x14ac:dyDescent="0.25">
      <c r="A1163" t="s">
        <v>24</v>
      </c>
      <c r="B1163">
        <v>0.1</v>
      </c>
      <c r="C1163">
        <v>0.42</v>
      </c>
    </row>
    <row r="1164" spans="1:3" x14ac:dyDescent="0.25">
      <c r="A1164" t="s">
        <v>8</v>
      </c>
      <c r="B1164">
        <v>0.18</v>
      </c>
      <c r="C1164">
        <v>0.8</v>
      </c>
    </row>
    <row r="1165" spans="1:3" x14ac:dyDescent="0.25">
      <c r="A1165" t="s">
        <v>24</v>
      </c>
      <c r="B1165">
        <v>0.03</v>
      </c>
      <c r="C1165">
        <v>0.6</v>
      </c>
    </row>
    <row r="1166" spans="1:3" x14ac:dyDescent="0.25">
      <c r="A1166" t="s">
        <v>12</v>
      </c>
      <c r="B1166">
        <v>0.76</v>
      </c>
      <c r="C1166">
        <v>0.76</v>
      </c>
    </row>
    <row r="1167" spans="1:3" x14ac:dyDescent="0.25">
      <c r="A1167" t="s">
        <v>24</v>
      </c>
      <c r="B1167">
        <v>0.14000000000000001</v>
      </c>
      <c r="C1167">
        <v>0.49</v>
      </c>
    </row>
    <row r="1168" spans="1:3" x14ac:dyDescent="0.25">
      <c r="A1168" t="s">
        <v>12</v>
      </c>
      <c r="B1168">
        <v>0.87</v>
      </c>
      <c r="C1168">
        <v>0.79</v>
      </c>
    </row>
    <row r="1169" spans="1:3" x14ac:dyDescent="0.25">
      <c r="A1169" t="s">
        <v>8</v>
      </c>
      <c r="B1169">
        <v>0.75</v>
      </c>
      <c r="C1169">
        <v>0.17</v>
      </c>
    </row>
    <row r="1170" spans="1:3" x14ac:dyDescent="0.25">
      <c r="A1170" t="s">
        <v>10</v>
      </c>
      <c r="B1170">
        <v>0.59</v>
      </c>
      <c r="C1170">
        <v>0.68</v>
      </c>
    </row>
    <row r="1171" spans="1:3" x14ac:dyDescent="0.25">
      <c r="A1171" t="s">
        <v>12</v>
      </c>
      <c r="B1171">
        <v>0.16</v>
      </c>
      <c r="C1171">
        <v>0.63</v>
      </c>
    </row>
    <row r="1172" spans="1:3" x14ac:dyDescent="0.25">
      <c r="A1172" t="s">
        <v>10</v>
      </c>
      <c r="B1172">
        <v>0.59</v>
      </c>
      <c r="C1172">
        <v>0.43</v>
      </c>
    </row>
    <row r="1173" spans="1:3" x14ac:dyDescent="0.25">
      <c r="A1173" t="s">
        <v>10</v>
      </c>
      <c r="B1173">
        <v>0.84</v>
      </c>
      <c r="C1173">
        <v>0.92</v>
      </c>
    </row>
    <row r="1174" spans="1:3" x14ac:dyDescent="0.25">
      <c r="A1174" t="s">
        <v>12</v>
      </c>
      <c r="B1174">
        <v>7.0000000000000007E-2</v>
      </c>
      <c r="C1174">
        <v>0.94</v>
      </c>
    </row>
    <row r="1175" spans="1:3" x14ac:dyDescent="0.25">
      <c r="A1175" t="s">
        <v>24</v>
      </c>
      <c r="B1175">
        <v>0.06</v>
      </c>
      <c r="C1175">
        <v>0.84</v>
      </c>
    </row>
    <row r="1176" spans="1:3" x14ac:dyDescent="0.25">
      <c r="A1176" t="s">
        <v>8</v>
      </c>
      <c r="B1176">
        <v>0.24</v>
      </c>
      <c r="C1176">
        <v>0.08</v>
      </c>
    </row>
    <row r="1177" spans="1:3" x14ac:dyDescent="0.25">
      <c r="A1177" t="s">
        <v>8</v>
      </c>
      <c r="B1177">
        <v>0.63</v>
      </c>
      <c r="C1177">
        <v>0.91</v>
      </c>
    </row>
    <row r="1178" spans="1:3" x14ac:dyDescent="0.25">
      <c r="A1178" t="s">
        <v>8</v>
      </c>
      <c r="B1178">
        <v>0.53</v>
      </c>
      <c r="C1178">
        <v>0.18</v>
      </c>
    </row>
    <row r="1179" spans="1:3" x14ac:dyDescent="0.25">
      <c r="A1179" t="s">
        <v>12</v>
      </c>
      <c r="B1179">
        <v>0.19</v>
      </c>
      <c r="C1179">
        <v>0.08</v>
      </c>
    </row>
    <row r="1180" spans="1:3" x14ac:dyDescent="0.25">
      <c r="A1180" t="s">
        <v>24</v>
      </c>
      <c r="B1180">
        <v>0.22</v>
      </c>
      <c r="C1180">
        <v>0.42</v>
      </c>
    </row>
    <row r="1181" spans="1:3" x14ac:dyDescent="0.25">
      <c r="A1181" t="s">
        <v>12</v>
      </c>
      <c r="B1181">
        <v>0.85</v>
      </c>
      <c r="C1181">
        <v>0.56000000000000005</v>
      </c>
    </row>
    <row r="1182" spans="1:3" x14ac:dyDescent="0.25">
      <c r="A1182" t="s">
        <v>24</v>
      </c>
      <c r="B1182">
        <v>0.68</v>
      </c>
      <c r="C1182">
        <v>0.1</v>
      </c>
    </row>
    <row r="1183" spans="1:3" x14ac:dyDescent="0.25">
      <c r="A1183" t="s">
        <v>8</v>
      </c>
      <c r="B1183">
        <v>0.18</v>
      </c>
      <c r="C1183">
        <v>0.32</v>
      </c>
    </row>
    <row r="1184" spans="1:3" x14ac:dyDescent="0.25">
      <c r="A1184" t="s">
        <v>24</v>
      </c>
      <c r="B1184">
        <v>0.15</v>
      </c>
      <c r="C1184">
        <v>0.5</v>
      </c>
    </row>
    <row r="1185" spans="1:3" x14ac:dyDescent="0.25">
      <c r="A1185" t="s">
        <v>10</v>
      </c>
      <c r="B1185">
        <v>0.5</v>
      </c>
      <c r="C1185">
        <v>0.68</v>
      </c>
    </row>
    <row r="1186" spans="1:3" x14ac:dyDescent="0.25">
      <c r="A1186" t="s">
        <v>24</v>
      </c>
      <c r="B1186">
        <v>0.22</v>
      </c>
      <c r="C1186">
        <v>0.6</v>
      </c>
    </row>
    <row r="1187" spans="1:3" x14ac:dyDescent="0.25">
      <c r="A1187" t="s">
        <v>8</v>
      </c>
      <c r="B1187">
        <v>1</v>
      </c>
      <c r="C1187">
        <v>0.55000000000000004</v>
      </c>
    </row>
    <row r="1188" spans="1:3" x14ac:dyDescent="0.25">
      <c r="A1188" t="s">
        <v>8</v>
      </c>
      <c r="B1188">
        <v>0.3</v>
      </c>
      <c r="C1188">
        <v>0.52</v>
      </c>
    </row>
    <row r="1189" spans="1:3" x14ac:dyDescent="0.25">
      <c r="A1189" t="s">
        <v>10</v>
      </c>
      <c r="B1189">
        <v>0.85</v>
      </c>
      <c r="C1189">
        <v>0.36</v>
      </c>
    </row>
    <row r="1190" spans="1:3" x14ac:dyDescent="0.25">
      <c r="A1190" t="s">
        <v>10</v>
      </c>
      <c r="B1190">
        <v>0.96</v>
      </c>
      <c r="C1190">
        <v>0.12</v>
      </c>
    </row>
    <row r="1191" spans="1:3" x14ac:dyDescent="0.25">
      <c r="A1191" t="s">
        <v>8</v>
      </c>
      <c r="B1191">
        <v>0.79</v>
      </c>
      <c r="C1191">
        <v>0.84</v>
      </c>
    </row>
    <row r="1192" spans="1:3" x14ac:dyDescent="0.25">
      <c r="A1192" t="s">
        <v>12</v>
      </c>
      <c r="B1192">
        <v>0.79</v>
      </c>
      <c r="C1192">
        <v>0.75</v>
      </c>
    </row>
    <row r="1193" spans="1:3" x14ac:dyDescent="0.25">
      <c r="A1193" t="s">
        <v>24</v>
      </c>
      <c r="B1193">
        <v>0.43</v>
      </c>
      <c r="C1193">
        <v>0.51</v>
      </c>
    </row>
    <row r="1194" spans="1:3" x14ac:dyDescent="0.25">
      <c r="A1194" t="s">
        <v>10</v>
      </c>
      <c r="B1194">
        <v>0.86</v>
      </c>
      <c r="C1194">
        <v>0.21</v>
      </c>
    </row>
    <row r="1195" spans="1:3" x14ac:dyDescent="0.25">
      <c r="A1195" t="s">
        <v>12</v>
      </c>
      <c r="B1195">
        <v>0.28999999999999998</v>
      </c>
      <c r="C1195">
        <v>0.37</v>
      </c>
    </row>
    <row r="1196" spans="1:3" x14ac:dyDescent="0.25">
      <c r="A1196" t="s">
        <v>24</v>
      </c>
      <c r="B1196">
        <v>0.31</v>
      </c>
      <c r="C1196">
        <v>0.53</v>
      </c>
    </row>
    <row r="1197" spans="1:3" x14ac:dyDescent="0.25">
      <c r="A1197" t="s">
        <v>8</v>
      </c>
      <c r="B1197">
        <v>0.76</v>
      </c>
      <c r="C1197">
        <v>0.56000000000000005</v>
      </c>
    </row>
    <row r="1198" spans="1:3" x14ac:dyDescent="0.25">
      <c r="A1198" t="s">
        <v>24</v>
      </c>
      <c r="B1198">
        <v>0.12</v>
      </c>
      <c r="C1198">
        <v>7.0000000000000007E-2</v>
      </c>
    </row>
    <row r="1199" spans="1:3" x14ac:dyDescent="0.25">
      <c r="A1199" t="s">
        <v>12</v>
      </c>
      <c r="B1199">
        <v>0.85</v>
      </c>
      <c r="C1199">
        <v>0.6</v>
      </c>
    </row>
    <row r="1200" spans="1:3" x14ac:dyDescent="0.25">
      <c r="A1200" t="s">
        <v>8</v>
      </c>
      <c r="B1200">
        <v>0.99</v>
      </c>
      <c r="C1200">
        <v>0.31</v>
      </c>
    </row>
    <row r="1201" spans="1:3" x14ac:dyDescent="0.25">
      <c r="A1201" t="s">
        <v>24</v>
      </c>
      <c r="B1201">
        <v>0.67</v>
      </c>
      <c r="C1201">
        <v>0.66</v>
      </c>
    </row>
    <row r="1202" spans="1:3" x14ac:dyDescent="0.25">
      <c r="A1202" t="s">
        <v>12</v>
      </c>
      <c r="B1202">
        <v>0.59</v>
      </c>
      <c r="C1202">
        <v>0.81</v>
      </c>
    </row>
    <row r="1203" spans="1:3" x14ac:dyDescent="0.25">
      <c r="A1203" t="s">
        <v>10</v>
      </c>
      <c r="B1203">
        <v>0.36</v>
      </c>
      <c r="C1203">
        <v>0.65</v>
      </c>
    </row>
    <row r="1204" spans="1:3" x14ac:dyDescent="0.25">
      <c r="A1204" t="s">
        <v>10</v>
      </c>
      <c r="B1204">
        <v>0.66</v>
      </c>
      <c r="C1204">
        <v>0.38</v>
      </c>
    </row>
    <row r="1205" spans="1:3" x14ac:dyDescent="0.25">
      <c r="A1205" t="s">
        <v>10</v>
      </c>
      <c r="B1205">
        <v>0.92</v>
      </c>
      <c r="C1205">
        <v>0.41</v>
      </c>
    </row>
    <row r="1206" spans="1:3" x14ac:dyDescent="0.25">
      <c r="A1206" t="s">
        <v>12</v>
      </c>
      <c r="B1206">
        <v>0.52</v>
      </c>
      <c r="C1206">
        <v>0.31</v>
      </c>
    </row>
    <row r="1207" spans="1:3" x14ac:dyDescent="0.25">
      <c r="A1207" t="s">
        <v>10</v>
      </c>
      <c r="B1207">
        <v>0.97</v>
      </c>
      <c r="C1207">
        <v>0.17</v>
      </c>
    </row>
    <row r="1208" spans="1:3" x14ac:dyDescent="0.25">
      <c r="A1208" t="s">
        <v>8</v>
      </c>
      <c r="B1208">
        <v>0.24</v>
      </c>
      <c r="C1208">
        <v>0.49</v>
      </c>
    </row>
    <row r="1209" spans="1:3" x14ac:dyDescent="0.25">
      <c r="A1209" t="s">
        <v>8</v>
      </c>
      <c r="B1209">
        <v>0.35</v>
      </c>
      <c r="C1209">
        <v>0.64</v>
      </c>
    </row>
    <row r="1210" spans="1:3" x14ac:dyDescent="0.25">
      <c r="A1210" t="s">
        <v>10</v>
      </c>
      <c r="B1210">
        <v>0.65</v>
      </c>
      <c r="C1210">
        <v>0.43</v>
      </c>
    </row>
    <row r="1211" spans="1:3" x14ac:dyDescent="0.25">
      <c r="A1211" t="s">
        <v>24</v>
      </c>
      <c r="B1211">
        <v>0.82</v>
      </c>
      <c r="C1211">
        <v>0.34</v>
      </c>
    </row>
    <row r="1212" spans="1:3" x14ac:dyDescent="0.25">
      <c r="A1212" t="s">
        <v>24</v>
      </c>
      <c r="B1212">
        <v>0.33</v>
      </c>
      <c r="C1212">
        <v>0.54</v>
      </c>
    </row>
    <row r="1213" spans="1:3" x14ac:dyDescent="0.25">
      <c r="A1213" t="s">
        <v>12</v>
      </c>
      <c r="B1213">
        <v>0.72</v>
      </c>
      <c r="C1213">
        <v>0.86</v>
      </c>
    </row>
    <row r="1214" spans="1:3" x14ac:dyDescent="0.25">
      <c r="A1214" t="s">
        <v>8</v>
      </c>
      <c r="B1214">
        <v>0.2</v>
      </c>
      <c r="C1214">
        <v>0.83</v>
      </c>
    </row>
    <row r="1215" spans="1:3" x14ac:dyDescent="0.25">
      <c r="A1215" t="s">
        <v>8</v>
      </c>
      <c r="B1215">
        <v>0.55000000000000004</v>
      </c>
      <c r="C1215">
        <v>0.24</v>
      </c>
    </row>
    <row r="1216" spans="1:3" x14ac:dyDescent="0.25">
      <c r="A1216" t="s">
        <v>24</v>
      </c>
      <c r="B1216">
        <v>0.46</v>
      </c>
      <c r="C1216">
        <v>0.34</v>
      </c>
    </row>
    <row r="1217" spans="1:3" x14ac:dyDescent="0.25">
      <c r="A1217" t="s">
        <v>24</v>
      </c>
      <c r="B1217">
        <v>0.86</v>
      </c>
      <c r="C1217">
        <v>0.6</v>
      </c>
    </row>
    <row r="1218" spans="1:3" x14ac:dyDescent="0.25">
      <c r="A1218" t="s">
        <v>24</v>
      </c>
      <c r="B1218">
        <v>0.73</v>
      </c>
      <c r="C1218">
        <v>0.6</v>
      </c>
    </row>
    <row r="1219" spans="1:3" x14ac:dyDescent="0.25">
      <c r="A1219" t="s">
        <v>24</v>
      </c>
      <c r="B1219">
        <v>0.17</v>
      </c>
      <c r="C1219">
        <v>0.49</v>
      </c>
    </row>
    <row r="1220" spans="1:3" x14ac:dyDescent="0.25">
      <c r="A1220" t="s">
        <v>10</v>
      </c>
      <c r="B1220">
        <v>0.56000000000000005</v>
      </c>
      <c r="C1220">
        <v>0.62</v>
      </c>
    </row>
    <row r="1221" spans="1:3" x14ac:dyDescent="0.25">
      <c r="A1221" t="s">
        <v>12</v>
      </c>
      <c r="B1221">
        <v>0.51</v>
      </c>
      <c r="C1221">
        <v>0.7</v>
      </c>
    </row>
    <row r="1222" spans="1:3" x14ac:dyDescent="0.25">
      <c r="A1222" t="s">
        <v>24</v>
      </c>
      <c r="B1222">
        <v>0.9</v>
      </c>
      <c r="C1222">
        <v>0.22</v>
      </c>
    </row>
    <row r="1223" spans="1:3" x14ac:dyDescent="0.25">
      <c r="A1223" t="s">
        <v>24</v>
      </c>
      <c r="B1223">
        <v>0.76</v>
      </c>
      <c r="C1223">
        <v>0.28999999999999998</v>
      </c>
    </row>
    <row r="1224" spans="1:3" x14ac:dyDescent="0.25">
      <c r="A1224" t="s">
        <v>10</v>
      </c>
      <c r="B1224">
        <v>0.35</v>
      </c>
      <c r="C1224">
        <v>0.36</v>
      </c>
    </row>
    <row r="1225" spans="1:3" x14ac:dyDescent="0.25">
      <c r="A1225" t="s">
        <v>12</v>
      </c>
      <c r="B1225">
        <v>0.51</v>
      </c>
      <c r="C1225">
        <v>0.24</v>
      </c>
    </row>
    <row r="1226" spans="1:3" x14ac:dyDescent="0.25">
      <c r="A1226" t="s">
        <v>10</v>
      </c>
      <c r="B1226">
        <v>0.03</v>
      </c>
      <c r="C1226">
        <v>0.93</v>
      </c>
    </row>
    <row r="1227" spans="1:3" x14ac:dyDescent="0.25">
      <c r="A1227" t="s">
        <v>24</v>
      </c>
      <c r="B1227">
        <v>0.77</v>
      </c>
      <c r="C1227">
        <v>0.1</v>
      </c>
    </row>
    <row r="1228" spans="1:3" x14ac:dyDescent="0.25">
      <c r="A1228" t="s">
        <v>24</v>
      </c>
      <c r="B1228">
        <v>0.82</v>
      </c>
      <c r="C1228">
        <v>0.1</v>
      </c>
    </row>
    <row r="1229" spans="1:3" x14ac:dyDescent="0.25">
      <c r="A1229" t="s">
        <v>10</v>
      </c>
      <c r="B1229">
        <v>0.75</v>
      </c>
      <c r="C1229">
        <v>0.66</v>
      </c>
    </row>
    <row r="1230" spans="1:3" x14ac:dyDescent="0.25">
      <c r="A1230" t="s">
        <v>24</v>
      </c>
      <c r="B1230">
        <v>0.52</v>
      </c>
      <c r="C1230">
        <v>0.08</v>
      </c>
    </row>
    <row r="1231" spans="1:3" x14ac:dyDescent="0.25">
      <c r="A1231" t="s">
        <v>10</v>
      </c>
      <c r="B1231">
        <v>0.45</v>
      </c>
      <c r="C1231">
        <v>0.4</v>
      </c>
    </row>
    <row r="1232" spans="1:3" x14ac:dyDescent="0.25">
      <c r="A1232" t="s">
        <v>8</v>
      </c>
      <c r="B1232">
        <v>0.83</v>
      </c>
      <c r="C1232">
        <v>0.74</v>
      </c>
    </row>
    <row r="1233" spans="1:3" x14ac:dyDescent="0.25">
      <c r="A1233" t="s">
        <v>10</v>
      </c>
      <c r="B1233">
        <v>0.9</v>
      </c>
      <c r="C1233">
        <v>0.45</v>
      </c>
    </row>
    <row r="1234" spans="1:3" x14ac:dyDescent="0.25">
      <c r="A1234" t="s">
        <v>10</v>
      </c>
      <c r="B1234">
        <v>0.72</v>
      </c>
      <c r="C1234">
        <v>0.41</v>
      </c>
    </row>
    <row r="1235" spans="1:3" x14ac:dyDescent="0.25">
      <c r="A1235" t="s">
        <v>12</v>
      </c>
      <c r="B1235">
        <v>0.44</v>
      </c>
      <c r="C1235">
        <v>0.82</v>
      </c>
    </row>
    <row r="1236" spans="1:3" x14ac:dyDescent="0.25">
      <c r="A1236" t="s">
        <v>12</v>
      </c>
      <c r="B1236">
        <v>0.74</v>
      </c>
      <c r="C1236">
        <v>0.43</v>
      </c>
    </row>
    <row r="1237" spans="1:3" x14ac:dyDescent="0.25">
      <c r="A1237" t="s">
        <v>24</v>
      </c>
      <c r="B1237">
        <v>0.64</v>
      </c>
      <c r="C1237">
        <v>0.35</v>
      </c>
    </row>
    <row r="1238" spans="1:3" x14ac:dyDescent="0.25">
      <c r="A1238" t="s">
        <v>24</v>
      </c>
      <c r="B1238">
        <v>0.24</v>
      </c>
      <c r="C1238">
        <v>0.92</v>
      </c>
    </row>
    <row r="1239" spans="1:3" x14ac:dyDescent="0.25">
      <c r="A1239" t="s">
        <v>12</v>
      </c>
      <c r="B1239">
        <v>0.76</v>
      </c>
      <c r="C1239">
        <v>0.56999999999999995</v>
      </c>
    </row>
    <row r="1240" spans="1:3" x14ac:dyDescent="0.25">
      <c r="A1240" t="s">
        <v>10</v>
      </c>
      <c r="B1240">
        <v>0.4</v>
      </c>
      <c r="C1240">
        <v>0.86</v>
      </c>
    </row>
    <row r="1241" spans="1:3" x14ac:dyDescent="0.25">
      <c r="A1241" t="s">
        <v>24</v>
      </c>
      <c r="B1241">
        <v>1</v>
      </c>
      <c r="C1241">
        <v>0.71</v>
      </c>
    </row>
    <row r="1242" spans="1:3" x14ac:dyDescent="0.25">
      <c r="A1242" t="s">
        <v>24</v>
      </c>
      <c r="B1242">
        <v>0.78</v>
      </c>
      <c r="C1242">
        <v>0.48</v>
      </c>
    </row>
    <row r="1243" spans="1:3" x14ac:dyDescent="0.25">
      <c r="A1243" t="s">
        <v>10</v>
      </c>
      <c r="B1243">
        <v>0.64</v>
      </c>
      <c r="C1243">
        <v>0.14000000000000001</v>
      </c>
    </row>
    <row r="1244" spans="1:3" x14ac:dyDescent="0.25">
      <c r="A1244" t="s">
        <v>10</v>
      </c>
      <c r="B1244">
        <v>0.52</v>
      </c>
      <c r="C1244">
        <v>0.38</v>
      </c>
    </row>
    <row r="1245" spans="1:3" x14ac:dyDescent="0.25">
      <c r="A1245" t="s">
        <v>10</v>
      </c>
      <c r="B1245">
        <v>0.81</v>
      </c>
      <c r="C1245">
        <v>0.45</v>
      </c>
    </row>
    <row r="1246" spans="1:3" x14ac:dyDescent="0.25">
      <c r="A1246" t="s">
        <v>8</v>
      </c>
      <c r="B1246">
        <v>0.85</v>
      </c>
      <c r="C1246">
        <v>0.75</v>
      </c>
    </row>
    <row r="1247" spans="1:3" x14ac:dyDescent="0.25">
      <c r="A1247" t="s">
        <v>8</v>
      </c>
      <c r="B1247">
        <v>0.41</v>
      </c>
      <c r="C1247">
        <v>0.32</v>
      </c>
    </row>
    <row r="1248" spans="1:3" x14ac:dyDescent="0.25">
      <c r="A1248" t="s">
        <v>24</v>
      </c>
      <c r="B1248">
        <v>0.79</v>
      </c>
      <c r="C1248">
        <v>0.76</v>
      </c>
    </row>
    <row r="1249" spans="1:3" x14ac:dyDescent="0.25">
      <c r="A1249" t="s">
        <v>8</v>
      </c>
      <c r="B1249">
        <v>0.09</v>
      </c>
      <c r="C1249">
        <v>0.55000000000000004</v>
      </c>
    </row>
    <row r="1250" spans="1:3" x14ac:dyDescent="0.25">
      <c r="A1250" t="s">
        <v>8</v>
      </c>
      <c r="B1250">
        <v>0.83</v>
      </c>
      <c r="C1250">
        <v>0.51</v>
      </c>
    </row>
    <row r="1251" spans="1:3" x14ac:dyDescent="0.25">
      <c r="A1251" t="s">
        <v>8</v>
      </c>
      <c r="B1251">
        <v>0.05</v>
      </c>
      <c r="C1251">
        <v>0.08</v>
      </c>
    </row>
    <row r="1252" spans="1:3" x14ac:dyDescent="0.25">
      <c r="A1252" t="s">
        <v>10</v>
      </c>
      <c r="B1252">
        <v>0.87</v>
      </c>
      <c r="C1252">
        <v>0.67</v>
      </c>
    </row>
    <row r="1253" spans="1:3" x14ac:dyDescent="0.25">
      <c r="A1253" t="s">
        <v>8</v>
      </c>
      <c r="B1253">
        <v>0.85</v>
      </c>
      <c r="C1253">
        <v>0.57999999999999996</v>
      </c>
    </row>
    <row r="1254" spans="1:3" x14ac:dyDescent="0.25">
      <c r="A1254" t="s">
        <v>24</v>
      </c>
      <c r="B1254">
        <v>0.02</v>
      </c>
      <c r="C1254">
        <v>0.63</v>
      </c>
    </row>
    <row r="1255" spans="1:3" x14ac:dyDescent="0.25">
      <c r="A1255" t="s">
        <v>8</v>
      </c>
      <c r="B1255">
        <v>0.71</v>
      </c>
      <c r="C1255">
        <v>0.37</v>
      </c>
    </row>
    <row r="1256" spans="1:3" x14ac:dyDescent="0.25">
      <c r="A1256" t="s">
        <v>24</v>
      </c>
      <c r="B1256">
        <v>0.15</v>
      </c>
      <c r="C1256">
        <v>0.14000000000000001</v>
      </c>
    </row>
    <row r="1257" spans="1:3" x14ac:dyDescent="0.25">
      <c r="A1257" t="s">
        <v>12</v>
      </c>
      <c r="B1257">
        <v>0.99</v>
      </c>
      <c r="C1257">
        <v>0.15</v>
      </c>
    </row>
    <row r="1258" spans="1:3" x14ac:dyDescent="0.25">
      <c r="A1258" t="s">
        <v>8</v>
      </c>
      <c r="B1258">
        <v>0.68</v>
      </c>
      <c r="C1258">
        <v>0.62</v>
      </c>
    </row>
    <row r="1259" spans="1:3" x14ac:dyDescent="0.25">
      <c r="A1259" t="s">
        <v>24</v>
      </c>
      <c r="B1259">
        <v>0.59</v>
      </c>
      <c r="C1259">
        <v>0.74</v>
      </c>
    </row>
    <row r="1260" spans="1:3" x14ac:dyDescent="0.25">
      <c r="A1260" t="s">
        <v>12</v>
      </c>
      <c r="B1260">
        <v>0.64</v>
      </c>
      <c r="C1260">
        <v>0.9</v>
      </c>
    </row>
    <row r="1261" spans="1:3" x14ac:dyDescent="0.25">
      <c r="A1261" t="s">
        <v>10</v>
      </c>
      <c r="B1261">
        <v>0.86</v>
      </c>
      <c r="C1261">
        <v>0.42</v>
      </c>
    </row>
    <row r="1262" spans="1:3" x14ac:dyDescent="0.25">
      <c r="A1262" t="s">
        <v>8</v>
      </c>
      <c r="B1262">
        <v>0.17</v>
      </c>
      <c r="C1262">
        <v>0.84</v>
      </c>
    </row>
    <row r="1263" spans="1:3" x14ac:dyDescent="0.25">
      <c r="A1263" t="s">
        <v>24</v>
      </c>
      <c r="B1263">
        <v>0.41</v>
      </c>
      <c r="C1263">
        <v>0.56999999999999995</v>
      </c>
    </row>
    <row r="1264" spans="1:3" x14ac:dyDescent="0.25">
      <c r="A1264" t="s">
        <v>8</v>
      </c>
      <c r="B1264">
        <v>0.12</v>
      </c>
      <c r="C1264">
        <v>0.23</v>
      </c>
    </row>
    <row r="1265" spans="1:3" x14ac:dyDescent="0.25">
      <c r="A1265" t="s">
        <v>10</v>
      </c>
      <c r="B1265">
        <v>0.4</v>
      </c>
      <c r="C1265">
        <v>0.57999999999999996</v>
      </c>
    </row>
    <row r="1266" spans="1:3" x14ac:dyDescent="0.25">
      <c r="A1266" t="s">
        <v>8</v>
      </c>
      <c r="B1266">
        <v>0.43</v>
      </c>
      <c r="C1266">
        <v>0.11</v>
      </c>
    </row>
    <row r="1267" spans="1:3" x14ac:dyDescent="0.25">
      <c r="A1267" t="s">
        <v>10</v>
      </c>
      <c r="B1267">
        <v>0.45</v>
      </c>
      <c r="C1267">
        <v>0.43</v>
      </c>
    </row>
    <row r="1268" spans="1:3" x14ac:dyDescent="0.25">
      <c r="A1268" t="s">
        <v>24</v>
      </c>
      <c r="B1268">
        <v>0.88</v>
      </c>
      <c r="C1268">
        <v>0.33</v>
      </c>
    </row>
    <row r="1269" spans="1:3" x14ac:dyDescent="0.25">
      <c r="A1269" t="s">
        <v>24</v>
      </c>
      <c r="B1269">
        <v>0.11</v>
      </c>
      <c r="C1269">
        <v>0.39</v>
      </c>
    </row>
    <row r="1270" spans="1:3" x14ac:dyDescent="0.25">
      <c r="A1270" t="s">
        <v>8</v>
      </c>
      <c r="B1270">
        <v>0.79</v>
      </c>
      <c r="C1270">
        <v>0.64</v>
      </c>
    </row>
    <row r="1271" spans="1:3" x14ac:dyDescent="0.25">
      <c r="A1271" t="s">
        <v>12</v>
      </c>
      <c r="B1271">
        <v>0.61</v>
      </c>
      <c r="C1271">
        <v>0.72</v>
      </c>
    </row>
    <row r="1272" spans="1:3" x14ac:dyDescent="0.25">
      <c r="A1272" t="s">
        <v>24</v>
      </c>
      <c r="B1272">
        <v>0.08</v>
      </c>
      <c r="C1272">
        <v>0.51</v>
      </c>
    </row>
    <row r="1273" spans="1:3" x14ac:dyDescent="0.25">
      <c r="A1273" t="s">
        <v>24</v>
      </c>
      <c r="B1273">
        <v>0.28999999999999998</v>
      </c>
      <c r="C1273">
        <v>0.17</v>
      </c>
    </row>
    <row r="1274" spans="1:3" x14ac:dyDescent="0.25">
      <c r="A1274" t="s">
        <v>24</v>
      </c>
      <c r="B1274">
        <v>0.56999999999999995</v>
      </c>
      <c r="C1274">
        <v>0.8</v>
      </c>
    </row>
    <row r="1275" spans="1:3" x14ac:dyDescent="0.25">
      <c r="A1275" t="s">
        <v>12</v>
      </c>
      <c r="B1275">
        <v>0.12</v>
      </c>
      <c r="C1275">
        <v>0.67</v>
      </c>
    </row>
    <row r="1276" spans="1:3" x14ac:dyDescent="0.25">
      <c r="A1276" t="s">
        <v>12</v>
      </c>
      <c r="B1276">
        <v>0.77</v>
      </c>
      <c r="C1276">
        <v>0.43</v>
      </c>
    </row>
    <row r="1277" spans="1:3" x14ac:dyDescent="0.25">
      <c r="A1277" t="s">
        <v>12</v>
      </c>
      <c r="B1277">
        <v>0.77</v>
      </c>
      <c r="C1277">
        <v>0.59</v>
      </c>
    </row>
    <row r="1278" spans="1:3" x14ac:dyDescent="0.25">
      <c r="A1278" t="s">
        <v>10</v>
      </c>
      <c r="B1278">
        <v>0.6</v>
      </c>
      <c r="C1278">
        <v>0.56000000000000005</v>
      </c>
    </row>
    <row r="1279" spans="1:3" x14ac:dyDescent="0.25">
      <c r="A1279" t="s">
        <v>24</v>
      </c>
      <c r="B1279">
        <v>0.47</v>
      </c>
      <c r="C1279">
        <v>0.12</v>
      </c>
    </row>
    <row r="1280" spans="1:3" x14ac:dyDescent="0.25">
      <c r="A1280" t="s">
        <v>24</v>
      </c>
      <c r="B1280">
        <v>0.18</v>
      </c>
      <c r="C1280">
        <v>0.33</v>
      </c>
    </row>
    <row r="1281" spans="1:3" x14ac:dyDescent="0.25">
      <c r="A1281" t="s">
        <v>24</v>
      </c>
      <c r="B1281">
        <v>0.71</v>
      </c>
      <c r="C1281">
        <v>0.87</v>
      </c>
    </row>
    <row r="1282" spans="1:3" x14ac:dyDescent="0.25">
      <c r="A1282" t="s">
        <v>24</v>
      </c>
      <c r="B1282">
        <v>0.36</v>
      </c>
      <c r="C1282">
        <v>0.46</v>
      </c>
    </row>
    <row r="1283" spans="1:3" x14ac:dyDescent="0.25">
      <c r="A1283" t="s">
        <v>8</v>
      </c>
      <c r="B1283">
        <v>0.1</v>
      </c>
      <c r="C1283">
        <v>0.41</v>
      </c>
    </row>
    <row r="1284" spans="1:3" x14ac:dyDescent="0.25">
      <c r="A1284" t="s">
        <v>24</v>
      </c>
      <c r="B1284">
        <v>0.04</v>
      </c>
      <c r="C1284">
        <v>0.26</v>
      </c>
    </row>
    <row r="1285" spans="1:3" x14ac:dyDescent="0.25">
      <c r="A1285" t="s">
        <v>12</v>
      </c>
      <c r="B1285">
        <v>0.8</v>
      </c>
      <c r="C1285">
        <v>0.53</v>
      </c>
    </row>
    <row r="1286" spans="1:3" x14ac:dyDescent="0.25">
      <c r="A1286" t="s">
        <v>24</v>
      </c>
      <c r="B1286">
        <v>0.22</v>
      </c>
      <c r="C1286">
        <v>0.59</v>
      </c>
    </row>
    <row r="1287" spans="1:3" x14ac:dyDescent="0.25">
      <c r="A1287" t="s">
        <v>12</v>
      </c>
      <c r="B1287">
        <v>0.92</v>
      </c>
      <c r="C1287">
        <v>0.17</v>
      </c>
    </row>
    <row r="1288" spans="1:3" x14ac:dyDescent="0.25">
      <c r="A1288" t="s">
        <v>10</v>
      </c>
      <c r="B1288">
        <v>0.98</v>
      </c>
      <c r="C1288">
        <v>0.64</v>
      </c>
    </row>
    <row r="1289" spans="1:3" x14ac:dyDescent="0.25">
      <c r="A1289" t="s">
        <v>8</v>
      </c>
      <c r="B1289">
        <v>0.81</v>
      </c>
      <c r="C1289">
        <v>0.5</v>
      </c>
    </row>
    <row r="1290" spans="1:3" x14ac:dyDescent="0.25">
      <c r="A1290" t="s">
        <v>24</v>
      </c>
      <c r="B1290">
        <v>0.82</v>
      </c>
      <c r="C1290">
        <v>0.85</v>
      </c>
    </row>
    <row r="1291" spans="1:3" x14ac:dyDescent="0.25">
      <c r="A1291" t="s">
        <v>10</v>
      </c>
      <c r="B1291">
        <v>0.5</v>
      </c>
      <c r="C1291">
        <v>0.6</v>
      </c>
    </row>
    <row r="1292" spans="1:3" x14ac:dyDescent="0.25">
      <c r="A1292" t="s">
        <v>8</v>
      </c>
      <c r="B1292">
        <v>0.32</v>
      </c>
      <c r="C1292">
        <v>0.05</v>
      </c>
    </row>
    <row r="1293" spans="1:3" x14ac:dyDescent="0.25">
      <c r="A1293" t="s">
        <v>10</v>
      </c>
      <c r="B1293">
        <v>0.74</v>
      </c>
      <c r="C1293">
        <v>0.87</v>
      </c>
    </row>
    <row r="1294" spans="1:3" x14ac:dyDescent="0.25">
      <c r="A1294" t="s">
        <v>10</v>
      </c>
      <c r="B1294">
        <v>0.28000000000000003</v>
      </c>
      <c r="C1294">
        <v>0.56000000000000005</v>
      </c>
    </row>
    <row r="1295" spans="1:3" x14ac:dyDescent="0.25">
      <c r="A1295" t="s">
        <v>8</v>
      </c>
      <c r="B1295">
        <v>0.37</v>
      </c>
      <c r="C1295">
        <v>0.11</v>
      </c>
    </row>
    <row r="1296" spans="1:3" x14ac:dyDescent="0.25">
      <c r="A1296" t="s">
        <v>24</v>
      </c>
      <c r="B1296">
        <v>0.04</v>
      </c>
      <c r="C1296">
        <v>0.84</v>
      </c>
    </row>
    <row r="1297" spans="1:3" x14ac:dyDescent="0.25">
      <c r="A1297" t="s">
        <v>12</v>
      </c>
      <c r="B1297">
        <v>0.1</v>
      </c>
      <c r="C1297">
        <v>0.79</v>
      </c>
    </row>
    <row r="1298" spans="1:3" x14ac:dyDescent="0.25">
      <c r="A1298" t="s">
        <v>24</v>
      </c>
      <c r="B1298">
        <v>0.74</v>
      </c>
      <c r="C1298">
        <v>0.08</v>
      </c>
    </row>
    <row r="1299" spans="1:3" x14ac:dyDescent="0.25">
      <c r="A1299" t="s">
        <v>10</v>
      </c>
      <c r="B1299">
        <v>0.1</v>
      </c>
      <c r="C1299">
        <v>0.35</v>
      </c>
    </row>
    <row r="1300" spans="1:3" x14ac:dyDescent="0.25">
      <c r="A1300" t="s">
        <v>24</v>
      </c>
      <c r="B1300">
        <v>0.41</v>
      </c>
      <c r="C1300">
        <v>0.33</v>
      </c>
    </row>
    <row r="1301" spans="1:3" x14ac:dyDescent="0.25">
      <c r="A1301" t="s">
        <v>12</v>
      </c>
      <c r="B1301">
        <v>0.69</v>
      </c>
      <c r="C1301">
        <v>0.74</v>
      </c>
    </row>
    <row r="1302" spans="1:3" x14ac:dyDescent="0.25">
      <c r="A1302" t="s">
        <v>24</v>
      </c>
      <c r="B1302">
        <v>0.22</v>
      </c>
      <c r="C1302">
        <v>0.84</v>
      </c>
    </row>
    <row r="1303" spans="1:3" x14ac:dyDescent="0.25">
      <c r="A1303" t="s">
        <v>12</v>
      </c>
      <c r="B1303">
        <v>0.35</v>
      </c>
      <c r="C1303">
        <v>0.33</v>
      </c>
    </row>
    <row r="1304" spans="1:3" x14ac:dyDescent="0.25">
      <c r="A1304" t="s">
        <v>24</v>
      </c>
      <c r="B1304">
        <v>0.65</v>
      </c>
      <c r="C1304">
        <v>0.78</v>
      </c>
    </row>
    <row r="1305" spans="1:3" x14ac:dyDescent="0.25">
      <c r="A1305" t="s">
        <v>24</v>
      </c>
      <c r="B1305">
        <v>0.37</v>
      </c>
      <c r="C1305">
        <v>0.24</v>
      </c>
    </row>
    <row r="1306" spans="1:3" x14ac:dyDescent="0.25">
      <c r="A1306" t="s">
        <v>8</v>
      </c>
      <c r="B1306">
        <v>0.12</v>
      </c>
      <c r="C1306">
        <v>0.42</v>
      </c>
    </row>
    <row r="1307" spans="1:3" x14ac:dyDescent="0.25">
      <c r="A1307" t="s">
        <v>24</v>
      </c>
      <c r="B1307">
        <v>0.34</v>
      </c>
      <c r="C1307">
        <v>0.56999999999999995</v>
      </c>
    </row>
    <row r="1308" spans="1:3" x14ac:dyDescent="0.25">
      <c r="A1308" t="s">
        <v>12</v>
      </c>
      <c r="B1308">
        <v>0.14000000000000001</v>
      </c>
      <c r="C1308">
        <v>0.13</v>
      </c>
    </row>
    <row r="1309" spans="1:3" x14ac:dyDescent="0.25">
      <c r="A1309" t="s">
        <v>10</v>
      </c>
      <c r="B1309">
        <v>0.01</v>
      </c>
      <c r="C1309">
        <v>0.59</v>
      </c>
    </row>
    <row r="1310" spans="1:3" x14ac:dyDescent="0.25">
      <c r="A1310" t="s">
        <v>12</v>
      </c>
      <c r="B1310">
        <v>0.56999999999999995</v>
      </c>
      <c r="C1310">
        <v>0.85</v>
      </c>
    </row>
    <row r="1311" spans="1:3" x14ac:dyDescent="0.25">
      <c r="A1311" t="s">
        <v>8</v>
      </c>
      <c r="B1311">
        <v>0.91</v>
      </c>
      <c r="C1311">
        <v>0.91</v>
      </c>
    </row>
    <row r="1312" spans="1:3" x14ac:dyDescent="0.25">
      <c r="A1312" t="s">
        <v>12</v>
      </c>
      <c r="B1312">
        <v>0.13</v>
      </c>
      <c r="C1312">
        <v>0.24</v>
      </c>
    </row>
    <row r="1313" spans="1:3" x14ac:dyDescent="0.25">
      <c r="A1313" t="s">
        <v>8</v>
      </c>
      <c r="B1313">
        <v>0.24</v>
      </c>
      <c r="C1313">
        <v>0.36</v>
      </c>
    </row>
    <row r="1314" spans="1:3" x14ac:dyDescent="0.25">
      <c r="A1314" t="s">
        <v>24</v>
      </c>
      <c r="B1314">
        <v>0.66</v>
      </c>
      <c r="C1314">
        <v>0.82</v>
      </c>
    </row>
    <row r="1315" spans="1:3" x14ac:dyDescent="0.25">
      <c r="A1315" t="s">
        <v>12</v>
      </c>
      <c r="B1315">
        <v>0.6</v>
      </c>
      <c r="C1315">
        <v>0.61</v>
      </c>
    </row>
    <row r="1316" spans="1:3" x14ac:dyDescent="0.25">
      <c r="A1316" t="s">
        <v>12</v>
      </c>
      <c r="B1316">
        <v>0.18</v>
      </c>
      <c r="C1316">
        <v>0.61</v>
      </c>
    </row>
    <row r="1317" spans="1:3" x14ac:dyDescent="0.25">
      <c r="A1317" t="s">
        <v>8</v>
      </c>
      <c r="B1317">
        <v>0.68</v>
      </c>
      <c r="C1317">
        <v>0.59</v>
      </c>
    </row>
    <row r="1318" spans="1:3" x14ac:dyDescent="0.25">
      <c r="A1318" t="s">
        <v>24</v>
      </c>
      <c r="B1318">
        <v>0.82</v>
      </c>
      <c r="C1318">
        <v>0.23</v>
      </c>
    </row>
    <row r="1319" spans="1:3" x14ac:dyDescent="0.25">
      <c r="A1319" t="s">
        <v>8</v>
      </c>
      <c r="B1319">
        <v>0.52</v>
      </c>
      <c r="C1319">
        <v>0.32</v>
      </c>
    </row>
    <row r="1320" spans="1:3" x14ac:dyDescent="0.25">
      <c r="A1320" t="s">
        <v>12</v>
      </c>
      <c r="B1320">
        <v>0.5</v>
      </c>
      <c r="C1320">
        <v>0.43</v>
      </c>
    </row>
    <row r="1321" spans="1:3" x14ac:dyDescent="0.25">
      <c r="A1321" t="s">
        <v>24</v>
      </c>
      <c r="B1321">
        <v>0.11</v>
      </c>
      <c r="C1321">
        <v>0.56999999999999995</v>
      </c>
    </row>
    <row r="1322" spans="1:3" x14ac:dyDescent="0.25">
      <c r="A1322" t="s">
        <v>8</v>
      </c>
      <c r="B1322">
        <v>0.15</v>
      </c>
      <c r="C1322">
        <v>0.73</v>
      </c>
    </row>
    <row r="1323" spans="1:3" x14ac:dyDescent="0.25">
      <c r="A1323" t="s">
        <v>12</v>
      </c>
      <c r="B1323">
        <v>0.48</v>
      </c>
      <c r="C1323">
        <v>0.45</v>
      </c>
    </row>
    <row r="1324" spans="1:3" x14ac:dyDescent="0.25">
      <c r="A1324" t="s">
        <v>12</v>
      </c>
      <c r="B1324">
        <v>0.28000000000000003</v>
      </c>
      <c r="C1324">
        <v>0.78</v>
      </c>
    </row>
    <row r="1325" spans="1:3" x14ac:dyDescent="0.25">
      <c r="A1325" t="s">
        <v>8</v>
      </c>
      <c r="B1325">
        <v>0.28000000000000003</v>
      </c>
      <c r="C1325">
        <v>0.82</v>
      </c>
    </row>
    <row r="1326" spans="1:3" x14ac:dyDescent="0.25">
      <c r="A1326" t="s">
        <v>8</v>
      </c>
      <c r="B1326">
        <v>0.8</v>
      </c>
      <c r="C1326">
        <v>0.79</v>
      </c>
    </row>
    <row r="1327" spans="1:3" x14ac:dyDescent="0.25">
      <c r="A1327" t="s">
        <v>24</v>
      </c>
      <c r="B1327">
        <v>0.03</v>
      </c>
      <c r="C1327">
        <v>0.8</v>
      </c>
    </row>
    <row r="1328" spans="1:3" x14ac:dyDescent="0.25">
      <c r="A1328" t="s">
        <v>10</v>
      </c>
      <c r="B1328">
        <v>0.43</v>
      </c>
      <c r="C1328">
        <v>0.31</v>
      </c>
    </row>
    <row r="1329" spans="1:3" x14ac:dyDescent="0.25">
      <c r="A1329" t="s">
        <v>10</v>
      </c>
      <c r="B1329">
        <v>0.78</v>
      </c>
      <c r="C1329">
        <v>0.66</v>
      </c>
    </row>
    <row r="1330" spans="1:3" x14ac:dyDescent="0.25">
      <c r="A1330" t="s">
        <v>10</v>
      </c>
      <c r="B1330">
        <v>0.28000000000000003</v>
      </c>
      <c r="C1330">
        <v>0.61</v>
      </c>
    </row>
    <row r="1331" spans="1:3" x14ac:dyDescent="0.25">
      <c r="A1331" t="s">
        <v>24</v>
      </c>
      <c r="B1331">
        <v>0</v>
      </c>
      <c r="C1331">
        <v>0.11</v>
      </c>
    </row>
    <row r="1332" spans="1:3" x14ac:dyDescent="0.25">
      <c r="A1332" t="s">
        <v>24</v>
      </c>
      <c r="B1332">
        <v>0.09</v>
      </c>
      <c r="C1332">
        <v>0.14000000000000001</v>
      </c>
    </row>
    <row r="1333" spans="1:3" x14ac:dyDescent="0.25">
      <c r="A1333" t="s">
        <v>10</v>
      </c>
      <c r="B1333">
        <v>0.83</v>
      </c>
      <c r="C1333">
        <v>0.09</v>
      </c>
    </row>
    <row r="1334" spans="1:3" x14ac:dyDescent="0.25">
      <c r="A1334" t="s">
        <v>10</v>
      </c>
      <c r="B1334">
        <v>0.78</v>
      </c>
      <c r="C1334">
        <v>0.24</v>
      </c>
    </row>
    <row r="1335" spans="1:3" x14ac:dyDescent="0.25">
      <c r="A1335" t="s">
        <v>24</v>
      </c>
      <c r="B1335">
        <v>0.61</v>
      </c>
      <c r="C1335">
        <v>0.91</v>
      </c>
    </row>
    <row r="1336" spans="1:3" x14ac:dyDescent="0.25">
      <c r="A1336" t="s">
        <v>8</v>
      </c>
      <c r="B1336">
        <v>0.71</v>
      </c>
      <c r="C1336">
        <v>0.38</v>
      </c>
    </row>
    <row r="1337" spans="1:3" x14ac:dyDescent="0.25">
      <c r="A1337" t="s">
        <v>12</v>
      </c>
      <c r="B1337">
        <v>0.16</v>
      </c>
      <c r="C1337">
        <v>0.31</v>
      </c>
    </row>
    <row r="1338" spans="1:3" x14ac:dyDescent="0.25">
      <c r="A1338" t="s">
        <v>8</v>
      </c>
      <c r="B1338">
        <v>0.47</v>
      </c>
      <c r="C1338">
        <v>0.33</v>
      </c>
    </row>
    <row r="1339" spans="1:3" x14ac:dyDescent="0.25">
      <c r="A1339" t="s">
        <v>24</v>
      </c>
      <c r="B1339">
        <v>0.21</v>
      </c>
      <c r="C1339">
        <v>0.82</v>
      </c>
    </row>
    <row r="1340" spans="1:3" x14ac:dyDescent="0.25">
      <c r="A1340" t="s">
        <v>24</v>
      </c>
      <c r="B1340">
        <v>0.9</v>
      </c>
      <c r="C1340">
        <v>0.85</v>
      </c>
    </row>
    <row r="1341" spans="1:3" x14ac:dyDescent="0.25">
      <c r="A1341" t="s">
        <v>24</v>
      </c>
      <c r="B1341">
        <v>0.4</v>
      </c>
      <c r="C1341">
        <v>0.76</v>
      </c>
    </row>
    <row r="1342" spans="1:3" x14ac:dyDescent="0.25">
      <c r="A1342" t="s">
        <v>8</v>
      </c>
      <c r="B1342">
        <v>0.06</v>
      </c>
      <c r="C1342">
        <v>0.48</v>
      </c>
    </row>
    <row r="1343" spans="1:3" x14ac:dyDescent="0.25">
      <c r="A1343" t="s">
        <v>8</v>
      </c>
      <c r="B1343">
        <v>0.19</v>
      </c>
      <c r="C1343">
        <v>0.25</v>
      </c>
    </row>
    <row r="1344" spans="1:3" x14ac:dyDescent="0.25">
      <c r="A1344" t="s">
        <v>8</v>
      </c>
      <c r="B1344">
        <v>0.08</v>
      </c>
      <c r="C1344">
        <v>0.15</v>
      </c>
    </row>
    <row r="1345" spans="1:3" x14ac:dyDescent="0.25">
      <c r="A1345" t="s">
        <v>12</v>
      </c>
      <c r="B1345">
        <v>0.54</v>
      </c>
      <c r="C1345">
        <v>0.22</v>
      </c>
    </row>
    <row r="1346" spans="1:3" x14ac:dyDescent="0.25">
      <c r="A1346" t="s">
        <v>10</v>
      </c>
      <c r="B1346">
        <v>0.82</v>
      </c>
      <c r="C1346">
        <v>0.47</v>
      </c>
    </row>
    <row r="1347" spans="1:3" x14ac:dyDescent="0.25">
      <c r="A1347" t="s">
        <v>8</v>
      </c>
      <c r="B1347">
        <v>0.56999999999999995</v>
      </c>
      <c r="C1347">
        <v>0.84</v>
      </c>
    </row>
    <row r="1348" spans="1:3" x14ac:dyDescent="0.25">
      <c r="A1348" t="s">
        <v>12</v>
      </c>
      <c r="B1348">
        <v>0.9</v>
      </c>
      <c r="C1348">
        <v>0.26</v>
      </c>
    </row>
    <row r="1349" spans="1:3" x14ac:dyDescent="0.25">
      <c r="A1349" t="s">
        <v>12</v>
      </c>
      <c r="B1349">
        <v>0.24</v>
      </c>
      <c r="C1349">
        <v>0.1</v>
      </c>
    </row>
    <row r="1350" spans="1:3" x14ac:dyDescent="0.25">
      <c r="A1350" t="s">
        <v>24</v>
      </c>
      <c r="B1350">
        <v>0.17</v>
      </c>
      <c r="C1350">
        <v>0.1</v>
      </c>
    </row>
    <row r="1351" spans="1:3" x14ac:dyDescent="0.25">
      <c r="A1351" t="s">
        <v>12</v>
      </c>
      <c r="B1351">
        <v>0</v>
      </c>
      <c r="C1351">
        <v>0.26</v>
      </c>
    </row>
    <row r="1352" spans="1:3" x14ac:dyDescent="0.25">
      <c r="A1352" t="s">
        <v>24</v>
      </c>
      <c r="B1352">
        <v>0.53</v>
      </c>
      <c r="C1352">
        <v>0.71</v>
      </c>
    </row>
    <row r="1353" spans="1:3" x14ac:dyDescent="0.25">
      <c r="A1353" t="s">
        <v>12</v>
      </c>
      <c r="B1353">
        <v>0.68</v>
      </c>
      <c r="C1353">
        <v>0.36</v>
      </c>
    </row>
    <row r="1354" spans="1:3" x14ac:dyDescent="0.25">
      <c r="A1354" t="s">
        <v>24</v>
      </c>
      <c r="B1354">
        <v>0.92</v>
      </c>
      <c r="C1354">
        <v>0.38</v>
      </c>
    </row>
    <row r="1355" spans="1:3" x14ac:dyDescent="0.25">
      <c r="A1355" t="s">
        <v>12</v>
      </c>
      <c r="B1355">
        <v>0.05</v>
      </c>
      <c r="C1355">
        <v>0.14000000000000001</v>
      </c>
    </row>
    <row r="1356" spans="1:3" x14ac:dyDescent="0.25">
      <c r="A1356" t="s">
        <v>10</v>
      </c>
      <c r="B1356">
        <v>0.01</v>
      </c>
      <c r="C1356">
        <v>0.77</v>
      </c>
    </row>
    <row r="1357" spans="1:3" x14ac:dyDescent="0.25">
      <c r="A1357" t="s">
        <v>24</v>
      </c>
      <c r="B1357">
        <v>0.03</v>
      </c>
      <c r="C1357">
        <v>0.56000000000000005</v>
      </c>
    </row>
    <row r="1358" spans="1:3" x14ac:dyDescent="0.25">
      <c r="A1358" t="s">
        <v>12</v>
      </c>
      <c r="B1358">
        <v>0.44</v>
      </c>
      <c r="C1358">
        <v>0.56000000000000005</v>
      </c>
    </row>
    <row r="1359" spans="1:3" x14ac:dyDescent="0.25">
      <c r="A1359" t="s">
        <v>10</v>
      </c>
      <c r="B1359">
        <v>0.9</v>
      </c>
      <c r="C1359">
        <v>0.42</v>
      </c>
    </row>
    <row r="1360" spans="1:3" x14ac:dyDescent="0.25">
      <c r="A1360" t="s">
        <v>24</v>
      </c>
      <c r="B1360">
        <v>0.97</v>
      </c>
      <c r="C1360">
        <v>0.76</v>
      </c>
    </row>
    <row r="1361" spans="1:3" x14ac:dyDescent="0.25">
      <c r="A1361" t="s">
        <v>24</v>
      </c>
      <c r="B1361">
        <v>0.08</v>
      </c>
      <c r="C1361">
        <v>0.63</v>
      </c>
    </row>
    <row r="1362" spans="1:3" x14ac:dyDescent="0.25">
      <c r="A1362" t="s">
        <v>12</v>
      </c>
      <c r="B1362">
        <v>0.94</v>
      </c>
      <c r="C1362">
        <v>0.51</v>
      </c>
    </row>
    <row r="1363" spans="1:3" x14ac:dyDescent="0.25">
      <c r="A1363" t="s">
        <v>8</v>
      </c>
      <c r="B1363">
        <v>0.55000000000000004</v>
      </c>
      <c r="C1363">
        <v>0.88</v>
      </c>
    </row>
    <row r="1364" spans="1:3" x14ac:dyDescent="0.25">
      <c r="A1364" t="s">
        <v>10</v>
      </c>
      <c r="B1364">
        <v>0.6</v>
      </c>
      <c r="C1364">
        <v>0.13</v>
      </c>
    </row>
    <row r="1365" spans="1:3" x14ac:dyDescent="0.25">
      <c r="A1365" t="s">
        <v>12</v>
      </c>
      <c r="B1365">
        <v>0.46</v>
      </c>
      <c r="C1365">
        <v>0.16</v>
      </c>
    </row>
    <row r="1366" spans="1:3" x14ac:dyDescent="0.25">
      <c r="A1366" t="s">
        <v>8</v>
      </c>
      <c r="B1366">
        <v>0.52</v>
      </c>
      <c r="C1366">
        <v>0.59</v>
      </c>
    </row>
    <row r="1367" spans="1:3" x14ac:dyDescent="0.25">
      <c r="A1367" t="s">
        <v>10</v>
      </c>
      <c r="B1367">
        <v>0.8</v>
      </c>
      <c r="C1367">
        <v>0.31</v>
      </c>
    </row>
    <row r="1368" spans="1:3" x14ac:dyDescent="0.25">
      <c r="A1368" t="s">
        <v>8</v>
      </c>
      <c r="B1368">
        <v>0.9</v>
      </c>
      <c r="C1368">
        <v>0.46</v>
      </c>
    </row>
    <row r="1369" spans="1:3" x14ac:dyDescent="0.25">
      <c r="A1369" t="s">
        <v>24</v>
      </c>
      <c r="B1369">
        <v>0.87</v>
      </c>
      <c r="C1369">
        <v>0.31</v>
      </c>
    </row>
    <row r="1370" spans="1:3" x14ac:dyDescent="0.25">
      <c r="A1370" t="s">
        <v>12</v>
      </c>
      <c r="B1370">
        <v>0.66</v>
      </c>
      <c r="C1370">
        <v>0.59</v>
      </c>
    </row>
    <row r="1371" spans="1:3" x14ac:dyDescent="0.25">
      <c r="A1371" t="s">
        <v>24</v>
      </c>
      <c r="B1371">
        <v>0.68</v>
      </c>
      <c r="C1371">
        <v>0.56999999999999995</v>
      </c>
    </row>
    <row r="1372" spans="1:3" x14ac:dyDescent="0.25">
      <c r="A1372" t="s">
        <v>10</v>
      </c>
      <c r="B1372">
        <v>0.83</v>
      </c>
      <c r="C1372">
        <v>0.16</v>
      </c>
    </row>
    <row r="1373" spans="1:3" x14ac:dyDescent="0.25">
      <c r="A1373" t="s">
        <v>12</v>
      </c>
      <c r="B1373">
        <v>0.87</v>
      </c>
      <c r="C1373">
        <v>0.6</v>
      </c>
    </row>
    <row r="1374" spans="1:3" x14ac:dyDescent="0.25">
      <c r="A1374" t="s">
        <v>12</v>
      </c>
      <c r="B1374">
        <v>1</v>
      </c>
      <c r="C1374">
        <v>0.59</v>
      </c>
    </row>
    <row r="1375" spans="1:3" x14ac:dyDescent="0.25">
      <c r="A1375" t="s">
        <v>24</v>
      </c>
      <c r="B1375">
        <v>0.01</v>
      </c>
      <c r="C1375">
        <v>0.69</v>
      </c>
    </row>
    <row r="1376" spans="1:3" x14ac:dyDescent="0.25">
      <c r="A1376" t="s">
        <v>8</v>
      </c>
      <c r="B1376">
        <v>0.09</v>
      </c>
      <c r="C1376">
        <v>0.54</v>
      </c>
    </row>
    <row r="1377" spans="1:3" x14ac:dyDescent="0.25">
      <c r="A1377" t="s">
        <v>24</v>
      </c>
      <c r="B1377">
        <v>0.41</v>
      </c>
      <c r="C1377">
        <v>0.83</v>
      </c>
    </row>
    <row r="1378" spans="1:3" x14ac:dyDescent="0.25">
      <c r="A1378" t="s">
        <v>12</v>
      </c>
      <c r="B1378">
        <v>0.17</v>
      </c>
      <c r="C1378">
        <v>0.77</v>
      </c>
    </row>
    <row r="1379" spans="1:3" x14ac:dyDescent="0.25">
      <c r="A1379" t="s">
        <v>24</v>
      </c>
      <c r="B1379">
        <v>0.72</v>
      </c>
      <c r="C1379">
        <v>0.18</v>
      </c>
    </row>
    <row r="1380" spans="1:3" x14ac:dyDescent="0.25">
      <c r="A1380" t="s">
        <v>12</v>
      </c>
      <c r="B1380">
        <v>0.51</v>
      </c>
      <c r="C1380">
        <v>0.48</v>
      </c>
    </row>
    <row r="1381" spans="1:3" x14ac:dyDescent="0.25">
      <c r="A1381" t="s">
        <v>8</v>
      </c>
      <c r="B1381">
        <v>0.5</v>
      </c>
      <c r="C1381">
        <v>0.88</v>
      </c>
    </row>
    <row r="1382" spans="1:3" x14ac:dyDescent="0.25">
      <c r="A1382" t="s">
        <v>8</v>
      </c>
      <c r="B1382">
        <v>0.28000000000000003</v>
      </c>
      <c r="C1382">
        <v>0.37</v>
      </c>
    </row>
    <row r="1383" spans="1:3" x14ac:dyDescent="0.25">
      <c r="A1383" t="s">
        <v>24</v>
      </c>
      <c r="B1383">
        <v>1</v>
      </c>
      <c r="C1383">
        <v>0.54</v>
      </c>
    </row>
    <row r="1384" spans="1:3" x14ac:dyDescent="0.25">
      <c r="A1384" t="s">
        <v>12</v>
      </c>
      <c r="B1384">
        <v>0.19</v>
      </c>
      <c r="C1384">
        <v>0.62</v>
      </c>
    </row>
    <row r="1385" spans="1:3" x14ac:dyDescent="0.25">
      <c r="A1385" t="s">
        <v>8</v>
      </c>
      <c r="B1385">
        <v>0.06</v>
      </c>
      <c r="C1385">
        <v>0.43</v>
      </c>
    </row>
    <row r="1386" spans="1:3" x14ac:dyDescent="0.25">
      <c r="A1386" t="s">
        <v>24</v>
      </c>
      <c r="B1386">
        <v>0.03</v>
      </c>
      <c r="C1386">
        <v>0.52</v>
      </c>
    </row>
    <row r="1387" spans="1:3" x14ac:dyDescent="0.25">
      <c r="A1387" t="s">
        <v>10</v>
      </c>
      <c r="B1387">
        <v>0.59</v>
      </c>
      <c r="C1387">
        <v>0.56000000000000005</v>
      </c>
    </row>
    <row r="1388" spans="1:3" x14ac:dyDescent="0.25">
      <c r="A1388" t="s">
        <v>10</v>
      </c>
      <c r="B1388">
        <v>0.65</v>
      </c>
      <c r="C1388">
        <v>0.43</v>
      </c>
    </row>
    <row r="1389" spans="1:3" x14ac:dyDescent="0.25">
      <c r="A1389" t="s">
        <v>24</v>
      </c>
      <c r="B1389">
        <v>0.01</v>
      </c>
      <c r="C1389">
        <v>0.55000000000000004</v>
      </c>
    </row>
    <row r="1390" spans="1:3" x14ac:dyDescent="0.25">
      <c r="A1390" t="s">
        <v>12</v>
      </c>
      <c r="B1390">
        <v>0.77</v>
      </c>
      <c r="C1390">
        <v>0.71</v>
      </c>
    </row>
    <row r="1391" spans="1:3" x14ac:dyDescent="0.25">
      <c r="A1391" t="s">
        <v>12</v>
      </c>
      <c r="B1391">
        <v>0</v>
      </c>
      <c r="C1391">
        <v>0.14000000000000001</v>
      </c>
    </row>
    <row r="1392" spans="1:3" x14ac:dyDescent="0.25">
      <c r="A1392" t="s">
        <v>24</v>
      </c>
      <c r="B1392">
        <v>0.66</v>
      </c>
      <c r="C1392">
        <v>0.28999999999999998</v>
      </c>
    </row>
    <row r="1393" spans="1:3" x14ac:dyDescent="0.25">
      <c r="A1393" t="s">
        <v>8</v>
      </c>
      <c r="B1393">
        <v>0.98</v>
      </c>
      <c r="C1393">
        <v>0.81</v>
      </c>
    </row>
    <row r="1394" spans="1:3" x14ac:dyDescent="0.25">
      <c r="A1394" t="s">
        <v>24</v>
      </c>
      <c r="B1394">
        <v>0.19</v>
      </c>
      <c r="C1394">
        <v>0.43</v>
      </c>
    </row>
    <row r="1395" spans="1:3" x14ac:dyDescent="0.25">
      <c r="A1395" t="s">
        <v>24</v>
      </c>
      <c r="B1395">
        <v>0.2</v>
      </c>
      <c r="C1395">
        <v>0.52</v>
      </c>
    </row>
    <row r="1396" spans="1:3" x14ac:dyDescent="0.25">
      <c r="A1396" t="s">
        <v>10</v>
      </c>
      <c r="B1396">
        <v>0.75</v>
      </c>
      <c r="C1396">
        <v>0.85</v>
      </c>
    </row>
    <row r="1397" spans="1:3" x14ac:dyDescent="0.25">
      <c r="A1397" t="s">
        <v>24</v>
      </c>
      <c r="B1397">
        <v>0.69</v>
      </c>
      <c r="C1397">
        <v>0.15</v>
      </c>
    </row>
    <row r="1398" spans="1:3" x14ac:dyDescent="0.25">
      <c r="A1398" t="s">
        <v>10</v>
      </c>
      <c r="B1398">
        <v>0.53</v>
      </c>
      <c r="C1398">
        <v>0.22</v>
      </c>
    </row>
    <row r="1399" spans="1:3" x14ac:dyDescent="0.25">
      <c r="A1399" t="s">
        <v>12</v>
      </c>
      <c r="B1399">
        <v>0.45</v>
      </c>
      <c r="C1399">
        <v>0.92</v>
      </c>
    </row>
    <row r="1400" spans="1:3" x14ac:dyDescent="0.25">
      <c r="A1400" t="s">
        <v>10</v>
      </c>
      <c r="B1400">
        <v>0.87</v>
      </c>
      <c r="C1400">
        <v>0.87</v>
      </c>
    </row>
    <row r="1401" spans="1:3" x14ac:dyDescent="0.25">
      <c r="A1401" t="s">
        <v>8</v>
      </c>
      <c r="B1401">
        <v>0.1</v>
      </c>
      <c r="C1401">
        <v>0.81</v>
      </c>
    </row>
    <row r="1402" spans="1:3" x14ac:dyDescent="0.25">
      <c r="A1402" t="s">
        <v>8</v>
      </c>
      <c r="B1402">
        <v>0.26</v>
      </c>
      <c r="C1402">
        <v>0.56999999999999995</v>
      </c>
    </row>
    <row r="1403" spans="1:3" x14ac:dyDescent="0.25">
      <c r="A1403" t="s">
        <v>24</v>
      </c>
      <c r="B1403">
        <v>0.47</v>
      </c>
      <c r="C1403">
        <v>0.46</v>
      </c>
    </row>
    <row r="1404" spans="1:3" x14ac:dyDescent="0.25">
      <c r="A1404" t="s">
        <v>24</v>
      </c>
      <c r="B1404">
        <v>0.13</v>
      </c>
      <c r="C1404">
        <v>0.61</v>
      </c>
    </row>
    <row r="1405" spans="1:3" x14ac:dyDescent="0.25">
      <c r="A1405" t="s">
        <v>12</v>
      </c>
      <c r="B1405">
        <v>0.41</v>
      </c>
      <c r="C1405">
        <v>0.83</v>
      </c>
    </row>
    <row r="1406" spans="1:3" x14ac:dyDescent="0.25">
      <c r="A1406" t="s">
        <v>8</v>
      </c>
      <c r="B1406">
        <v>0.98</v>
      </c>
      <c r="C1406">
        <v>0.38</v>
      </c>
    </row>
    <row r="1407" spans="1:3" x14ac:dyDescent="0.25">
      <c r="A1407" t="s">
        <v>12</v>
      </c>
      <c r="B1407">
        <v>0.76</v>
      </c>
      <c r="C1407">
        <v>0.65</v>
      </c>
    </row>
    <row r="1408" spans="1:3" x14ac:dyDescent="0.25">
      <c r="A1408" t="s">
        <v>8</v>
      </c>
      <c r="B1408">
        <v>0.2</v>
      </c>
      <c r="C1408">
        <v>0.75</v>
      </c>
    </row>
    <row r="1409" spans="1:3" x14ac:dyDescent="0.25">
      <c r="A1409" t="s">
        <v>8</v>
      </c>
      <c r="B1409">
        <v>0.28999999999999998</v>
      </c>
      <c r="C1409">
        <v>0.1</v>
      </c>
    </row>
    <row r="1410" spans="1:3" x14ac:dyDescent="0.25">
      <c r="A1410" t="s">
        <v>24</v>
      </c>
      <c r="B1410">
        <v>7.0000000000000007E-2</v>
      </c>
      <c r="C1410">
        <v>0.47</v>
      </c>
    </row>
    <row r="1411" spans="1:3" x14ac:dyDescent="0.25">
      <c r="A1411" t="s">
        <v>10</v>
      </c>
      <c r="B1411">
        <v>0.39</v>
      </c>
      <c r="C1411">
        <v>0.67</v>
      </c>
    </row>
    <row r="1412" spans="1:3" x14ac:dyDescent="0.25">
      <c r="A1412" t="s">
        <v>10</v>
      </c>
      <c r="B1412">
        <v>0.89</v>
      </c>
      <c r="C1412">
        <v>0.84</v>
      </c>
    </row>
    <row r="1413" spans="1:3" x14ac:dyDescent="0.25">
      <c r="A1413" t="s">
        <v>8</v>
      </c>
      <c r="B1413">
        <v>0.2</v>
      </c>
      <c r="C1413">
        <v>0.43</v>
      </c>
    </row>
    <row r="1414" spans="1:3" x14ac:dyDescent="0.25">
      <c r="A1414" t="s">
        <v>10</v>
      </c>
      <c r="B1414">
        <v>0.08</v>
      </c>
      <c r="C1414">
        <v>0.81</v>
      </c>
    </row>
    <row r="1415" spans="1:3" x14ac:dyDescent="0.25">
      <c r="A1415" t="s">
        <v>10</v>
      </c>
      <c r="B1415">
        <v>0.16</v>
      </c>
      <c r="C1415">
        <v>0.67</v>
      </c>
    </row>
    <row r="1416" spans="1:3" x14ac:dyDescent="0.25">
      <c r="A1416" t="s">
        <v>12</v>
      </c>
      <c r="B1416">
        <v>0.19</v>
      </c>
      <c r="C1416">
        <v>0.5</v>
      </c>
    </row>
    <row r="1417" spans="1:3" x14ac:dyDescent="0.25">
      <c r="A1417" t="s">
        <v>8</v>
      </c>
      <c r="B1417">
        <v>0.32</v>
      </c>
      <c r="C1417">
        <v>7.0000000000000007E-2</v>
      </c>
    </row>
    <row r="1418" spans="1:3" x14ac:dyDescent="0.25">
      <c r="A1418" t="s">
        <v>12</v>
      </c>
      <c r="B1418">
        <v>0.92</v>
      </c>
      <c r="C1418">
        <v>0.85</v>
      </c>
    </row>
    <row r="1419" spans="1:3" x14ac:dyDescent="0.25">
      <c r="A1419" t="s">
        <v>10</v>
      </c>
      <c r="B1419">
        <v>0.1</v>
      </c>
      <c r="C1419">
        <v>0.19</v>
      </c>
    </row>
    <row r="1420" spans="1:3" x14ac:dyDescent="0.25">
      <c r="A1420" t="s">
        <v>12</v>
      </c>
      <c r="B1420">
        <v>0.7</v>
      </c>
      <c r="C1420">
        <v>0.54</v>
      </c>
    </row>
    <row r="1421" spans="1:3" x14ac:dyDescent="0.25">
      <c r="A1421" t="s">
        <v>10</v>
      </c>
      <c r="B1421">
        <v>0.55000000000000004</v>
      </c>
      <c r="C1421">
        <v>0.73</v>
      </c>
    </row>
    <row r="1422" spans="1:3" x14ac:dyDescent="0.25">
      <c r="A1422" t="s">
        <v>8</v>
      </c>
      <c r="B1422">
        <v>0.89</v>
      </c>
      <c r="C1422">
        <v>0.91</v>
      </c>
    </row>
    <row r="1423" spans="1:3" x14ac:dyDescent="0.25">
      <c r="A1423" t="s">
        <v>24</v>
      </c>
      <c r="B1423">
        <v>0.9</v>
      </c>
      <c r="C1423">
        <v>0.32</v>
      </c>
    </row>
    <row r="1424" spans="1:3" x14ac:dyDescent="0.25">
      <c r="A1424" t="s">
        <v>10</v>
      </c>
      <c r="B1424">
        <v>0.71</v>
      </c>
      <c r="C1424">
        <v>0.8</v>
      </c>
    </row>
    <row r="1425" spans="1:3" x14ac:dyDescent="0.25">
      <c r="A1425" t="s">
        <v>12</v>
      </c>
      <c r="B1425">
        <v>0.33</v>
      </c>
      <c r="C1425">
        <v>0.51</v>
      </c>
    </row>
    <row r="1426" spans="1:3" x14ac:dyDescent="0.25">
      <c r="A1426" t="s">
        <v>24</v>
      </c>
      <c r="B1426">
        <v>0.57999999999999996</v>
      </c>
      <c r="C1426">
        <v>0.27</v>
      </c>
    </row>
    <row r="1427" spans="1:3" x14ac:dyDescent="0.25">
      <c r="A1427" t="s">
        <v>10</v>
      </c>
      <c r="B1427">
        <v>0.04</v>
      </c>
      <c r="C1427">
        <v>0.53</v>
      </c>
    </row>
    <row r="1428" spans="1:3" x14ac:dyDescent="0.25">
      <c r="A1428" t="s">
        <v>8</v>
      </c>
      <c r="B1428">
        <v>0.92</v>
      </c>
      <c r="C1428">
        <v>0.42</v>
      </c>
    </row>
    <row r="1429" spans="1:3" x14ac:dyDescent="0.25">
      <c r="A1429" t="s">
        <v>12</v>
      </c>
      <c r="B1429">
        <v>0.79</v>
      </c>
      <c r="C1429">
        <v>0.22</v>
      </c>
    </row>
    <row r="1430" spans="1:3" x14ac:dyDescent="0.25">
      <c r="A1430" t="s">
        <v>12</v>
      </c>
      <c r="B1430">
        <v>7.0000000000000007E-2</v>
      </c>
      <c r="C1430">
        <v>0.32</v>
      </c>
    </row>
    <row r="1431" spans="1:3" x14ac:dyDescent="0.25">
      <c r="A1431" t="s">
        <v>24</v>
      </c>
      <c r="B1431">
        <v>0.77</v>
      </c>
      <c r="C1431">
        <v>0.63</v>
      </c>
    </row>
    <row r="1432" spans="1:3" x14ac:dyDescent="0.25">
      <c r="A1432" t="s">
        <v>12</v>
      </c>
      <c r="B1432">
        <v>0.41</v>
      </c>
      <c r="C1432">
        <v>0.35</v>
      </c>
    </row>
    <row r="1433" spans="1:3" x14ac:dyDescent="0.25">
      <c r="A1433" t="s">
        <v>8</v>
      </c>
      <c r="B1433">
        <v>0.91</v>
      </c>
      <c r="C1433">
        <v>0.94</v>
      </c>
    </row>
    <row r="1434" spans="1:3" x14ac:dyDescent="0.25">
      <c r="A1434" t="s">
        <v>8</v>
      </c>
      <c r="B1434">
        <v>0.89</v>
      </c>
      <c r="C1434">
        <v>0.4</v>
      </c>
    </row>
    <row r="1435" spans="1:3" x14ac:dyDescent="0.25">
      <c r="A1435" t="s">
        <v>8</v>
      </c>
      <c r="B1435">
        <v>0.64</v>
      </c>
      <c r="C1435">
        <v>0.83</v>
      </c>
    </row>
    <row r="1436" spans="1:3" x14ac:dyDescent="0.25">
      <c r="A1436" t="s">
        <v>12</v>
      </c>
      <c r="B1436">
        <v>0.04</v>
      </c>
      <c r="C1436">
        <v>0.66</v>
      </c>
    </row>
    <row r="1437" spans="1:3" x14ac:dyDescent="0.25">
      <c r="A1437" t="s">
        <v>8</v>
      </c>
      <c r="B1437">
        <v>0.53</v>
      </c>
      <c r="C1437">
        <v>0.49</v>
      </c>
    </row>
    <row r="1438" spans="1:3" x14ac:dyDescent="0.25">
      <c r="A1438" t="s">
        <v>10</v>
      </c>
      <c r="B1438">
        <v>0.28000000000000003</v>
      </c>
      <c r="C1438">
        <v>0.56999999999999995</v>
      </c>
    </row>
    <row r="1439" spans="1:3" x14ac:dyDescent="0.25">
      <c r="A1439" t="s">
        <v>12</v>
      </c>
      <c r="B1439">
        <v>0.98</v>
      </c>
      <c r="C1439">
        <v>0.64</v>
      </c>
    </row>
    <row r="1440" spans="1:3" x14ac:dyDescent="0.25">
      <c r="A1440" t="s">
        <v>12</v>
      </c>
      <c r="B1440">
        <v>0.77</v>
      </c>
      <c r="C1440">
        <v>0.05</v>
      </c>
    </row>
    <row r="1441" spans="1:3" x14ac:dyDescent="0.25">
      <c r="A1441" t="s">
        <v>8</v>
      </c>
      <c r="B1441">
        <v>0.23</v>
      </c>
      <c r="C1441">
        <v>0.45</v>
      </c>
    </row>
    <row r="1442" spans="1:3" x14ac:dyDescent="0.25">
      <c r="A1442" t="s">
        <v>24</v>
      </c>
      <c r="B1442">
        <v>0.87</v>
      </c>
      <c r="C1442">
        <v>0.28000000000000003</v>
      </c>
    </row>
    <row r="1443" spans="1:3" x14ac:dyDescent="0.25">
      <c r="A1443" t="s">
        <v>8</v>
      </c>
      <c r="B1443">
        <v>0.27</v>
      </c>
      <c r="C1443">
        <v>0.13</v>
      </c>
    </row>
    <row r="1444" spans="1:3" x14ac:dyDescent="0.25">
      <c r="A1444" t="s">
        <v>24</v>
      </c>
      <c r="B1444">
        <v>0.83</v>
      </c>
      <c r="C1444">
        <v>0.63</v>
      </c>
    </row>
    <row r="1445" spans="1:3" x14ac:dyDescent="0.25">
      <c r="A1445" t="s">
        <v>8</v>
      </c>
      <c r="B1445">
        <v>0.04</v>
      </c>
      <c r="C1445">
        <v>0.59</v>
      </c>
    </row>
    <row r="1446" spans="1:3" x14ac:dyDescent="0.25">
      <c r="A1446" t="s">
        <v>12</v>
      </c>
      <c r="B1446">
        <v>0.7</v>
      </c>
      <c r="C1446">
        <v>0.95</v>
      </c>
    </row>
    <row r="1447" spans="1:3" x14ac:dyDescent="0.25">
      <c r="A1447" t="s">
        <v>24</v>
      </c>
      <c r="B1447">
        <v>0.65</v>
      </c>
      <c r="C1447">
        <v>0.44</v>
      </c>
    </row>
    <row r="1448" spans="1:3" x14ac:dyDescent="0.25">
      <c r="A1448" t="s">
        <v>10</v>
      </c>
      <c r="B1448">
        <v>0.6</v>
      </c>
      <c r="C1448">
        <v>0.36</v>
      </c>
    </row>
    <row r="1449" spans="1:3" x14ac:dyDescent="0.25">
      <c r="A1449" t="s">
        <v>10</v>
      </c>
      <c r="B1449">
        <v>0.19</v>
      </c>
      <c r="C1449">
        <v>0.94</v>
      </c>
    </row>
    <row r="1450" spans="1:3" x14ac:dyDescent="0.25">
      <c r="A1450" t="s">
        <v>12</v>
      </c>
      <c r="B1450">
        <v>0.34</v>
      </c>
      <c r="C1450">
        <v>0.19</v>
      </c>
    </row>
    <row r="1451" spans="1:3" x14ac:dyDescent="0.25">
      <c r="A1451" t="s">
        <v>12</v>
      </c>
      <c r="B1451">
        <v>0.85</v>
      </c>
      <c r="C1451">
        <v>0.84</v>
      </c>
    </row>
    <row r="1452" spans="1:3" x14ac:dyDescent="0.25">
      <c r="A1452" t="s">
        <v>24</v>
      </c>
      <c r="B1452">
        <v>0.21</v>
      </c>
      <c r="C1452">
        <v>0.9</v>
      </c>
    </row>
    <row r="1453" spans="1:3" x14ac:dyDescent="0.25">
      <c r="A1453" t="s">
        <v>10</v>
      </c>
      <c r="B1453">
        <v>0.14000000000000001</v>
      </c>
      <c r="C1453">
        <v>0.49</v>
      </c>
    </row>
    <row r="1454" spans="1:3" x14ac:dyDescent="0.25">
      <c r="A1454" t="s">
        <v>10</v>
      </c>
      <c r="B1454">
        <v>0.86</v>
      </c>
      <c r="C1454">
        <v>0.56000000000000005</v>
      </c>
    </row>
    <row r="1455" spans="1:3" x14ac:dyDescent="0.25">
      <c r="A1455" t="s">
        <v>12</v>
      </c>
      <c r="B1455">
        <v>0.8</v>
      </c>
      <c r="C1455">
        <v>0.12</v>
      </c>
    </row>
    <row r="1456" spans="1:3" x14ac:dyDescent="0.25">
      <c r="A1456" t="s">
        <v>24</v>
      </c>
      <c r="B1456">
        <v>0.32</v>
      </c>
      <c r="C1456">
        <v>0.56000000000000005</v>
      </c>
    </row>
    <row r="1457" spans="1:3" x14ac:dyDescent="0.25">
      <c r="A1457" t="s">
        <v>8</v>
      </c>
      <c r="B1457">
        <v>0.93</v>
      </c>
      <c r="C1457">
        <v>0.91</v>
      </c>
    </row>
    <row r="1458" spans="1:3" x14ac:dyDescent="0.25">
      <c r="A1458" t="s">
        <v>24</v>
      </c>
      <c r="B1458">
        <v>0.1</v>
      </c>
      <c r="C1458">
        <v>0.25</v>
      </c>
    </row>
    <row r="1459" spans="1:3" x14ac:dyDescent="0.25">
      <c r="A1459" t="s">
        <v>12</v>
      </c>
      <c r="B1459">
        <v>0.7</v>
      </c>
      <c r="C1459">
        <v>0.08</v>
      </c>
    </row>
    <row r="1460" spans="1:3" x14ac:dyDescent="0.25">
      <c r="A1460" t="s">
        <v>10</v>
      </c>
      <c r="B1460">
        <v>0.87</v>
      </c>
      <c r="C1460">
        <v>0.26</v>
      </c>
    </row>
    <row r="1461" spans="1:3" x14ac:dyDescent="0.25">
      <c r="A1461" t="s">
        <v>10</v>
      </c>
      <c r="B1461">
        <v>0.53</v>
      </c>
      <c r="C1461">
        <v>0.35</v>
      </c>
    </row>
    <row r="1462" spans="1:3" x14ac:dyDescent="0.25">
      <c r="A1462" t="s">
        <v>24</v>
      </c>
      <c r="B1462">
        <v>0.53</v>
      </c>
      <c r="C1462">
        <v>0.05</v>
      </c>
    </row>
    <row r="1463" spans="1:3" x14ac:dyDescent="0.25">
      <c r="A1463" t="s">
        <v>24</v>
      </c>
      <c r="B1463">
        <v>0.19</v>
      </c>
      <c r="C1463">
        <v>0.14000000000000001</v>
      </c>
    </row>
    <row r="1464" spans="1:3" x14ac:dyDescent="0.25">
      <c r="A1464" t="s">
        <v>10</v>
      </c>
      <c r="B1464">
        <v>0.56000000000000005</v>
      </c>
      <c r="C1464">
        <v>0.2</v>
      </c>
    </row>
    <row r="1465" spans="1:3" x14ac:dyDescent="0.25">
      <c r="A1465" t="s">
        <v>8</v>
      </c>
      <c r="B1465">
        <v>0.51</v>
      </c>
      <c r="C1465">
        <v>0.09</v>
      </c>
    </row>
    <row r="1466" spans="1:3" x14ac:dyDescent="0.25">
      <c r="A1466" t="s">
        <v>8</v>
      </c>
      <c r="B1466">
        <v>0.41</v>
      </c>
      <c r="C1466">
        <v>0.65</v>
      </c>
    </row>
    <row r="1467" spans="1:3" x14ac:dyDescent="0.25">
      <c r="A1467" t="s">
        <v>10</v>
      </c>
      <c r="B1467">
        <v>0.94</v>
      </c>
      <c r="C1467">
        <v>0.93</v>
      </c>
    </row>
    <row r="1468" spans="1:3" x14ac:dyDescent="0.25">
      <c r="A1468" t="s">
        <v>12</v>
      </c>
      <c r="B1468">
        <v>0.08</v>
      </c>
      <c r="C1468">
        <v>0.28000000000000003</v>
      </c>
    </row>
    <row r="1469" spans="1:3" x14ac:dyDescent="0.25">
      <c r="A1469" t="s">
        <v>10</v>
      </c>
      <c r="B1469">
        <v>0.83</v>
      </c>
      <c r="C1469">
        <v>0.65</v>
      </c>
    </row>
    <row r="1470" spans="1:3" x14ac:dyDescent="0.25">
      <c r="A1470" t="s">
        <v>8</v>
      </c>
      <c r="B1470">
        <v>0.79</v>
      </c>
      <c r="C1470">
        <v>0.05</v>
      </c>
    </row>
    <row r="1471" spans="1:3" x14ac:dyDescent="0.25">
      <c r="A1471" t="s">
        <v>24</v>
      </c>
      <c r="B1471">
        <v>0.52</v>
      </c>
      <c r="C1471">
        <v>0.72</v>
      </c>
    </row>
    <row r="1472" spans="1:3" x14ac:dyDescent="0.25">
      <c r="A1472" t="s">
        <v>12</v>
      </c>
      <c r="B1472">
        <v>0.47</v>
      </c>
      <c r="C1472">
        <v>0.68</v>
      </c>
    </row>
    <row r="1473" spans="1:3" x14ac:dyDescent="0.25">
      <c r="A1473" t="s">
        <v>24</v>
      </c>
      <c r="B1473">
        <v>0.05</v>
      </c>
      <c r="C1473">
        <v>0.93</v>
      </c>
    </row>
    <row r="1474" spans="1:3" x14ac:dyDescent="0.25">
      <c r="A1474" t="s">
        <v>8</v>
      </c>
      <c r="B1474">
        <v>0.43</v>
      </c>
      <c r="C1474">
        <v>0.12</v>
      </c>
    </row>
    <row r="1475" spans="1:3" x14ac:dyDescent="0.25">
      <c r="A1475" t="s">
        <v>24</v>
      </c>
      <c r="B1475">
        <v>0</v>
      </c>
      <c r="C1475">
        <v>0.48</v>
      </c>
    </row>
    <row r="1476" spans="1:3" x14ac:dyDescent="0.25">
      <c r="A1476" t="s">
        <v>8</v>
      </c>
      <c r="B1476">
        <v>0.28999999999999998</v>
      </c>
      <c r="C1476">
        <v>0.7</v>
      </c>
    </row>
    <row r="1477" spans="1:3" x14ac:dyDescent="0.25">
      <c r="A1477" t="s">
        <v>12</v>
      </c>
      <c r="B1477">
        <v>0.54</v>
      </c>
      <c r="C1477">
        <v>0.37</v>
      </c>
    </row>
    <row r="1478" spans="1:3" x14ac:dyDescent="0.25">
      <c r="A1478" t="s">
        <v>12</v>
      </c>
      <c r="B1478">
        <v>0.99</v>
      </c>
      <c r="C1478">
        <v>0.19</v>
      </c>
    </row>
    <row r="1479" spans="1:3" x14ac:dyDescent="0.25">
      <c r="A1479" t="s">
        <v>12</v>
      </c>
      <c r="B1479">
        <v>0.3</v>
      </c>
      <c r="C1479">
        <v>0.46</v>
      </c>
    </row>
    <row r="1480" spans="1:3" x14ac:dyDescent="0.25">
      <c r="A1480" t="s">
        <v>24</v>
      </c>
      <c r="B1480">
        <v>0.18</v>
      </c>
      <c r="C1480">
        <v>0.5</v>
      </c>
    </row>
    <row r="1481" spans="1:3" x14ac:dyDescent="0.25">
      <c r="A1481" t="s">
        <v>24</v>
      </c>
      <c r="B1481">
        <v>0.35</v>
      </c>
      <c r="C1481">
        <v>0.34</v>
      </c>
    </row>
    <row r="1482" spans="1:3" x14ac:dyDescent="0.25">
      <c r="A1482" t="s">
        <v>24</v>
      </c>
      <c r="B1482">
        <v>0.12</v>
      </c>
      <c r="C1482">
        <v>0.63</v>
      </c>
    </row>
    <row r="1483" spans="1:3" x14ac:dyDescent="0.25">
      <c r="A1483" t="s">
        <v>8</v>
      </c>
      <c r="B1483">
        <v>0.85</v>
      </c>
      <c r="C1483">
        <v>0.13</v>
      </c>
    </row>
    <row r="1484" spans="1:3" x14ac:dyDescent="0.25">
      <c r="A1484" t="s">
        <v>24</v>
      </c>
      <c r="B1484">
        <v>0.96</v>
      </c>
      <c r="C1484">
        <v>0.8</v>
      </c>
    </row>
    <row r="1485" spans="1:3" x14ac:dyDescent="0.25">
      <c r="A1485" t="s">
        <v>12</v>
      </c>
      <c r="B1485">
        <v>0.68</v>
      </c>
      <c r="C1485">
        <v>0.82</v>
      </c>
    </row>
    <row r="1486" spans="1:3" x14ac:dyDescent="0.25">
      <c r="A1486" t="s">
        <v>12</v>
      </c>
      <c r="B1486">
        <v>0.3</v>
      </c>
      <c r="C1486">
        <v>0.47</v>
      </c>
    </row>
    <row r="1487" spans="1:3" x14ac:dyDescent="0.25">
      <c r="A1487" t="s">
        <v>8</v>
      </c>
      <c r="B1487">
        <v>7.0000000000000007E-2</v>
      </c>
      <c r="C1487">
        <v>0.31</v>
      </c>
    </row>
    <row r="1488" spans="1:3" x14ac:dyDescent="0.25">
      <c r="A1488" t="s">
        <v>12</v>
      </c>
      <c r="B1488">
        <v>0.89</v>
      </c>
      <c r="C1488">
        <v>0.15</v>
      </c>
    </row>
    <row r="1489" spans="1:3" x14ac:dyDescent="0.25">
      <c r="A1489" t="s">
        <v>24</v>
      </c>
      <c r="B1489">
        <v>0.38</v>
      </c>
      <c r="C1489">
        <v>0.17</v>
      </c>
    </row>
    <row r="1490" spans="1:3" x14ac:dyDescent="0.25">
      <c r="A1490" t="s">
        <v>8</v>
      </c>
      <c r="B1490">
        <v>0.83</v>
      </c>
      <c r="C1490">
        <v>0.63</v>
      </c>
    </row>
    <row r="1491" spans="1:3" x14ac:dyDescent="0.25">
      <c r="A1491" t="s">
        <v>10</v>
      </c>
      <c r="B1491">
        <v>0.99</v>
      </c>
      <c r="C1491">
        <v>0.63</v>
      </c>
    </row>
    <row r="1492" spans="1:3" x14ac:dyDescent="0.25">
      <c r="A1492" t="s">
        <v>24</v>
      </c>
      <c r="B1492">
        <v>0.97</v>
      </c>
      <c r="C1492">
        <v>0.28000000000000003</v>
      </c>
    </row>
    <row r="1493" spans="1:3" x14ac:dyDescent="0.25">
      <c r="A1493" t="s">
        <v>10</v>
      </c>
      <c r="B1493">
        <v>0.14000000000000001</v>
      </c>
      <c r="C1493">
        <v>0.84</v>
      </c>
    </row>
    <row r="1494" spans="1:3" x14ac:dyDescent="0.25">
      <c r="A1494" t="s">
        <v>24</v>
      </c>
      <c r="B1494">
        <v>0.6</v>
      </c>
      <c r="C1494">
        <v>0.83</v>
      </c>
    </row>
    <row r="1495" spans="1:3" x14ac:dyDescent="0.25">
      <c r="A1495" t="s">
        <v>24</v>
      </c>
      <c r="B1495">
        <v>0.9</v>
      </c>
      <c r="C1495">
        <v>0.93</v>
      </c>
    </row>
    <row r="1496" spans="1:3" x14ac:dyDescent="0.25">
      <c r="A1496" t="s">
        <v>8</v>
      </c>
      <c r="B1496">
        <v>0.78</v>
      </c>
      <c r="C1496">
        <v>0.88</v>
      </c>
    </row>
    <row r="1497" spans="1:3" x14ac:dyDescent="0.25">
      <c r="A1497" t="s">
        <v>8</v>
      </c>
      <c r="B1497">
        <v>0.98</v>
      </c>
      <c r="C1497">
        <v>0.89</v>
      </c>
    </row>
    <row r="1498" spans="1:3" x14ac:dyDescent="0.25">
      <c r="A1498" t="s">
        <v>8</v>
      </c>
      <c r="B1498">
        <v>0.15</v>
      </c>
      <c r="C1498">
        <v>0.92</v>
      </c>
    </row>
    <row r="1499" spans="1:3" x14ac:dyDescent="0.25">
      <c r="A1499" t="s">
        <v>24</v>
      </c>
      <c r="B1499">
        <v>0.26</v>
      </c>
      <c r="C1499">
        <v>0.94</v>
      </c>
    </row>
    <row r="1500" spans="1:3" x14ac:dyDescent="0.25">
      <c r="A1500" t="s">
        <v>24</v>
      </c>
      <c r="B1500">
        <v>0.66</v>
      </c>
      <c r="C1500">
        <v>0.55000000000000004</v>
      </c>
    </row>
    <row r="1501" spans="1:3" x14ac:dyDescent="0.25">
      <c r="A1501" t="s">
        <v>24</v>
      </c>
      <c r="B1501">
        <v>0.91</v>
      </c>
      <c r="C1501">
        <v>0.72</v>
      </c>
    </row>
    <row r="1502" spans="1:3" x14ac:dyDescent="0.25">
      <c r="A1502" t="s">
        <v>12</v>
      </c>
      <c r="B1502">
        <v>0.42</v>
      </c>
      <c r="C1502">
        <v>0.33</v>
      </c>
    </row>
    <row r="1503" spans="1:3" x14ac:dyDescent="0.25">
      <c r="A1503" t="s">
        <v>12</v>
      </c>
      <c r="B1503">
        <v>0.42</v>
      </c>
      <c r="C1503">
        <v>0.41</v>
      </c>
    </row>
    <row r="1504" spans="1:3" x14ac:dyDescent="0.25">
      <c r="A1504" t="s">
        <v>12</v>
      </c>
      <c r="B1504">
        <v>0.95</v>
      </c>
      <c r="C1504">
        <v>0.48</v>
      </c>
    </row>
    <row r="1505" spans="1:3" x14ac:dyDescent="0.25">
      <c r="A1505" t="s">
        <v>24</v>
      </c>
      <c r="B1505">
        <v>0.6</v>
      </c>
      <c r="C1505">
        <v>0.8</v>
      </c>
    </row>
    <row r="1506" spans="1:3" x14ac:dyDescent="0.25">
      <c r="A1506" t="s">
        <v>12</v>
      </c>
      <c r="B1506">
        <v>1</v>
      </c>
      <c r="C1506">
        <v>0.33</v>
      </c>
    </row>
    <row r="1507" spans="1:3" x14ac:dyDescent="0.25">
      <c r="A1507" t="s">
        <v>12</v>
      </c>
      <c r="B1507">
        <v>0.12</v>
      </c>
      <c r="C1507">
        <v>0.7</v>
      </c>
    </row>
    <row r="1508" spans="1:3" x14ac:dyDescent="0.25">
      <c r="A1508" t="s">
        <v>24</v>
      </c>
      <c r="B1508">
        <v>0.51</v>
      </c>
      <c r="C1508">
        <v>0.42</v>
      </c>
    </row>
    <row r="1509" spans="1:3" x14ac:dyDescent="0.25">
      <c r="A1509" t="s">
        <v>8</v>
      </c>
      <c r="B1509">
        <v>0.02</v>
      </c>
      <c r="C1509">
        <v>0.27</v>
      </c>
    </row>
    <row r="1510" spans="1:3" x14ac:dyDescent="0.25">
      <c r="A1510" t="s">
        <v>8</v>
      </c>
      <c r="B1510">
        <v>0.35</v>
      </c>
      <c r="C1510">
        <v>0.38</v>
      </c>
    </row>
    <row r="1511" spans="1:3" x14ac:dyDescent="0.25">
      <c r="A1511" t="s">
        <v>12</v>
      </c>
      <c r="B1511">
        <v>0.66</v>
      </c>
      <c r="C1511">
        <v>0.41</v>
      </c>
    </row>
    <row r="1512" spans="1:3" x14ac:dyDescent="0.25">
      <c r="A1512" t="s">
        <v>24</v>
      </c>
      <c r="B1512">
        <v>0.46</v>
      </c>
      <c r="C1512">
        <v>0.28000000000000003</v>
      </c>
    </row>
    <row r="1513" spans="1:3" x14ac:dyDescent="0.25">
      <c r="A1513" t="s">
        <v>24</v>
      </c>
      <c r="B1513">
        <v>0.17</v>
      </c>
      <c r="C1513">
        <v>0.62</v>
      </c>
    </row>
    <row r="1514" spans="1:3" x14ac:dyDescent="0.25">
      <c r="A1514" t="s">
        <v>8</v>
      </c>
      <c r="B1514">
        <v>0.7</v>
      </c>
      <c r="C1514">
        <v>0.72</v>
      </c>
    </row>
    <row r="1515" spans="1:3" x14ac:dyDescent="0.25">
      <c r="A1515" t="s">
        <v>24</v>
      </c>
      <c r="B1515">
        <v>0.78</v>
      </c>
      <c r="C1515">
        <v>0.44</v>
      </c>
    </row>
    <row r="1516" spans="1:3" x14ac:dyDescent="0.25">
      <c r="A1516" t="s">
        <v>12</v>
      </c>
      <c r="B1516">
        <v>0.41</v>
      </c>
      <c r="C1516">
        <v>0.63</v>
      </c>
    </row>
    <row r="1517" spans="1:3" x14ac:dyDescent="0.25">
      <c r="A1517" t="s">
        <v>12</v>
      </c>
      <c r="B1517">
        <v>0.61</v>
      </c>
      <c r="C1517">
        <v>0.6</v>
      </c>
    </row>
    <row r="1518" spans="1:3" x14ac:dyDescent="0.25">
      <c r="A1518" t="s">
        <v>10</v>
      </c>
      <c r="B1518">
        <v>0.9</v>
      </c>
      <c r="C1518">
        <v>0.66</v>
      </c>
    </row>
    <row r="1519" spans="1:3" x14ac:dyDescent="0.25">
      <c r="A1519" t="s">
        <v>8</v>
      </c>
      <c r="B1519">
        <v>0.63</v>
      </c>
      <c r="C1519">
        <v>0.53</v>
      </c>
    </row>
    <row r="1520" spans="1:3" x14ac:dyDescent="0.25">
      <c r="A1520" t="s">
        <v>24</v>
      </c>
      <c r="B1520">
        <v>0.15</v>
      </c>
      <c r="C1520">
        <v>0.8</v>
      </c>
    </row>
    <row r="1521" spans="1:3" x14ac:dyDescent="0.25">
      <c r="A1521" t="s">
        <v>12</v>
      </c>
      <c r="B1521">
        <v>0.28999999999999998</v>
      </c>
      <c r="C1521">
        <v>0.64</v>
      </c>
    </row>
    <row r="1522" spans="1:3" x14ac:dyDescent="0.25">
      <c r="A1522" t="s">
        <v>8</v>
      </c>
      <c r="B1522">
        <v>0.56999999999999995</v>
      </c>
      <c r="C1522">
        <v>0.8</v>
      </c>
    </row>
    <row r="1523" spans="1:3" x14ac:dyDescent="0.25">
      <c r="A1523" t="s">
        <v>10</v>
      </c>
      <c r="B1523">
        <v>0.01</v>
      </c>
      <c r="C1523">
        <v>0.23</v>
      </c>
    </row>
    <row r="1524" spans="1:3" x14ac:dyDescent="0.25">
      <c r="A1524" t="s">
        <v>8</v>
      </c>
      <c r="B1524">
        <v>0.33</v>
      </c>
      <c r="C1524">
        <v>0.88</v>
      </c>
    </row>
    <row r="1525" spans="1:3" x14ac:dyDescent="0.25">
      <c r="A1525" t="s">
        <v>10</v>
      </c>
      <c r="B1525">
        <v>0.78</v>
      </c>
      <c r="C1525">
        <v>0.75</v>
      </c>
    </row>
    <row r="1526" spans="1:3" x14ac:dyDescent="0.25">
      <c r="A1526" t="s">
        <v>10</v>
      </c>
      <c r="B1526">
        <v>0.19</v>
      </c>
      <c r="C1526">
        <v>7.0000000000000007E-2</v>
      </c>
    </row>
    <row r="1527" spans="1:3" x14ac:dyDescent="0.25">
      <c r="A1527" t="s">
        <v>24</v>
      </c>
      <c r="B1527">
        <v>0.83</v>
      </c>
      <c r="C1527">
        <v>0.31</v>
      </c>
    </row>
    <row r="1528" spans="1:3" x14ac:dyDescent="0.25">
      <c r="A1528" t="s">
        <v>10</v>
      </c>
      <c r="B1528">
        <v>0.37</v>
      </c>
      <c r="C1528">
        <v>0.47</v>
      </c>
    </row>
    <row r="1529" spans="1:3" x14ac:dyDescent="0.25">
      <c r="A1529" t="s">
        <v>8</v>
      </c>
      <c r="B1529">
        <v>0.2</v>
      </c>
      <c r="C1529">
        <v>0.88</v>
      </c>
    </row>
    <row r="1530" spans="1:3" x14ac:dyDescent="0.25">
      <c r="A1530" t="s">
        <v>10</v>
      </c>
      <c r="B1530">
        <v>0.69</v>
      </c>
      <c r="C1530">
        <v>0.67</v>
      </c>
    </row>
    <row r="1531" spans="1:3" x14ac:dyDescent="0.25">
      <c r="A1531" t="s">
        <v>12</v>
      </c>
      <c r="B1531">
        <v>0.37</v>
      </c>
      <c r="C1531">
        <v>0.63</v>
      </c>
    </row>
    <row r="1532" spans="1:3" x14ac:dyDescent="0.25">
      <c r="A1532" t="s">
        <v>10</v>
      </c>
      <c r="B1532">
        <v>0.11</v>
      </c>
      <c r="C1532">
        <v>7.0000000000000007E-2</v>
      </c>
    </row>
    <row r="1533" spans="1:3" x14ac:dyDescent="0.25">
      <c r="A1533" t="s">
        <v>12</v>
      </c>
      <c r="B1533">
        <v>0.04</v>
      </c>
      <c r="C1533">
        <v>0.63</v>
      </c>
    </row>
    <row r="1534" spans="1:3" x14ac:dyDescent="0.25">
      <c r="A1534" t="s">
        <v>8</v>
      </c>
      <c r="B1534">
        <v>0.36</v>
      </c>
      <c r="C1534">
        <v>0.11</v>
      </c>
    </row>
    <row r="1535" spans="1:3" x14ac:dyDescent="0.25">
      <c r="A1535" t="s">
        <v>10</v>
      </c>
      <c r="B1535">
        <v>0.62</v>
      </c>
      <c r="C1535">
        <v>0.39</v>
      </c>
    </row>
    <row r="1536" spans="1:3" x14ac:dyDescent="0.25">
      <c r="A1536" t="s">
        <v>8</v>
      </c>
      <c r="B1536">
        <v>0.09</v>
      </c>
      <c r="C1536">
        <v>0.21</v>
      </c>
    </row>
    <row r="1537" spans="1:3" x14ac:dyDescent="0.25">
      <c r="A1537" t="s">
        <v>8</v>
      </c>
      <c r="B1537">
        <v>0.55000000000000004</v>
      </c>
      <c r="C1537">
        <v>0.27</v>
      </c>
    </row>
    <row r="1538" spans="1:3" x14ac:dyDescent="0.25">
      <c r="A1538" t="s">
        <v>12</v>
      </c>
      <c r="B1538">
        <v>0.81</v>
      </c>
      <c r="C1538">
        <v>0.46</v>
      </c>
    </row>
    <row r="1539" spans="1:3" x14ac:dyDescent="0.25">
      <c r="A1539" t="s">
        <v>8</v>
      </c>
      <c r="B1539">
        <v>0.19</v>
      </c>
      <c r="C1539">
        <v>0.19</v>
      </c>
    </row>
    <row r="1540" spans="1:3" x14ac:dyDescent="0.25">
      <c r="A1540" t="s">
        <v>12</v>
      </c>
      <c r="B1540">
        <v>7.0000000000000007E-2</v>
      </c>
      <c r="C1540">
        <v>0.09</v>
      </c>
    </row>
    <row r="1541" spans="1:3" x14ac:dyDescent="0.25">
      <c r="A1541" t="s">
        <v>12</v>
      </c>
      <c r="B1541">
        <v>0.72</v>
      </c>
      <c r="C1541">
        <v>0.56999999999999995</v>
      </c>
    </row>
    <row r="1542" spans="1:3" x14ac:dyDescent="0.25">
      <c r="A1542" t="s">
        <v>24</v>
      </c>
      <c r="B1542">
        <v>0.77</v>
      </c>
      <c r="C1542">
        <v>0.26</v>
      </c>
    </row>
    <row r="1543" spans="1:3" x14ac:dyDescent="0.25">
      <c r="A1543" t="s">
        <v>12</v>
      </c>
      <c r="B1543">
        <v>0.47</v>
      </c>
      <c r="C1543">
        <v>0.32</v>
      </c>
    </row>
    <row r="1544" spans="1:3" x14ac:dyDescent="0.25">
      <c r="A1544" t="s">
        <v>12</v>
      </c>
      <c r="B1544">
        <v>0.74</v>
      </c>
      <c r="C1544">
        <v>0.45</v>
      </c>
    </row>
    <row r="1545" spans="1:3" x14ac:dyDescent="0.25">
      <c r="A1545" t="s">
        <v>10</v>
      </c>
      <c r="B1545">
        <v>0.75</v>
      </c>
      <c r="C1545">
        <v>0.42</v>
      </c>
    </row>
    <row r="1546" spans="1:3" x14ac:dyDescent="0.25">
      <c r="A1546" t="s">
        <v>24</v>
      </c>
      <c r="B1546">
        <v>0.52</v>
      </c>
      <c r="C1546">
        <v>0.43</v>
      </c>
    </row>
    <row r="1547" spans="1:3" x14ac:dyDescent="0.25">
      <c r="A1547" t="s">
        <v>10</v>
      </c>
      <c r="B1547">
        <v>0.97</v>
      </c>
      <c r="C1547">
        <v>0.48</v>
      </c>
    </row>
    <row r="1548" spans="1:3" x14ac:dyDescent="0.25">
      <c r="A1548" t="s">
        <v>10</v>
      </c>
      <c r="B1548">
        <v>0.44</v>
      </c>
      <c r="C1548">
        <v>0.4</v>
      </c>
    </row>
    <row r="1549" spans="1:3" x14ac:dyDescent="0.25">
      <c r="A1549" t="s">
        <v>10</v>
      </c>
      <c r="B1549">
        <v>0.39</v>
      </c>
      <c r="C1549">
        <v>0.44</v>
      </c>
    </row>
    <row r="1550" spans="1:3" x14ac:dyDescent="0.25">
      <c r="A1550" t="s">
        <v>8</v>
      </c>
      <c r="B1550">
        <v>0.34</v>
      </c>
      <c r="C1550">
        <v>0.62</v>
      </c>
    </row>
    <row r="1551" spans="1:3" x14ac:dyDescent="0.25">
      <c r="A1551" t="s">
        <v>24</v>
      </c>
      <c r="B1551">
        <v>0.81</v>
      </c>
      <c r="C1551">
        <v>0.61</v>
      </c>
    </row>
    <row r="1552" spans="1:3" x14ac:dyDescent="0.25">
      <c r="A1552" t="s">
        <v>8</v>
      </c>
      <c r="B1552">
        <v>0.34</v>
      </c>
      <c r="C1552">
        <v>0.26</v>
      </c>
    </row>
    <row r="1553" spans="1:3" x14ac:dyDescent="0.25">
      <c r="A1553" t="s">
        <v>10</v>
      </c>
      <c r="B1553">
        <v>0.48</v>
      </c>
      <c r="C1553">
        <v>0.31</v>
      </c>
    </row>
    <row r="1554" spans="1:3" x14ac:dyDescent="0.25">
      <c r="A1554" t="s">
        <v>10</v>
      </c>
      <c r="B1554">
        <v>0.05</v>
      </c>
      <c r="C1554">
        <v>0.19</v>
      </c>
    </row>
    <row r="1555" spans="1:3" x14ac:dyDescent="0.25">
      <c r="A1555" t="s">
        <v>10</v>
      </c>
      <c r="B1555">
        <v>0.1</v>
      </c>
      <c r="C1555">
        <v>0.12</v>
      </c>
    </row>
    <row r="1556" spans="1:3" x14ac:dyDescent="0.25">
      <c r="A1556" t="s">
        <v>12</v>
      </c>
      <c r="B1556">
        <v>0.02</v>
      </c>
      <c r="C1556">
        <v>0.2</v>
      </c>
    </row>
    <row r="1557" spans="1:3" x14ac:dyDescent="0.25">
      <c r="A1557" t="s">
        <v>8</v>
      </c>
      <c r="B1557">
        <v>0.34</v>
      </c>
      <c r="C1557">
        <v>0.21</v>
      </c>
    </row>
    <row r="1558" spans="1:3" x14ac:dyDescent="0.25">
      <c r="A1558" t="s">
        <v>10</v>
      </c>
      <c r="B1558">
        <v>0.43</v>
      </c>
      <c r="C1558">
        <v>0.51</v>
      </c>
    </row>
    <row r="1559" spans="1:3" x14ac:dyDescent="0.25">
      <c r="A1559" t="s">
        <v>8</v>
      </c>
      <c r="B1559">
        <v>0.46</v>
      </c>
      <c r="C1559">
        <v>0.48</v>
      </c>
    </row>
    <row r="1560" spans="1:3" x14ac:dyDescent="0.25">
      <c r="A1560" t="s">
        <v>8</v>
      </c>
      <c r="B1560">
        <v>0.73</v>
      </c>
      <c r="C1560">
        <v>0.89</v>
      </c>
    </row>
    <row r="1561" spans="1:3" x14ac:dyDescent="0.25">
      <c r="A1561" t="s">
        <v>10</v>
      </c>
      <c r="B1561">
        <v>0.72</v>
      </c>
      <c r="C1561">
        <v>0.7</v>
      </c>
    </row>
    <row r="1562" spans="1:3" x14ac:dyDescent="0.25">
      <c r="A1562" t="s">
        <v>10</v>
      </c>
      <c r="B1562">
        <v>0.69</v>
      </c>
      <c r="C1562">
        <v>0.67</v>
      </c>
    </row>
    <row r="1563" spans="1:3" x14ac:dyDescent="0.25">
      <c r="A1563" t="s">
        <v>12</v>
      </c>
      <c r="B1563">
        <v>0.7</v>
      </c>
      <c r="C1563">
        <v>7.0000000000000007E-2</v>
      </c>
    </row>
    <row r="1564" spans="1:3" x14ac:dyDescent="0.25">
      <c r="A1564" t="s">
        <v>12</v>
      </c>
      <c r="B1564">
        <v>0.97</v>
      </c>
      <c r="C1564">
        <v>0.86</v>
      </c>
    </row>
    <row r="1565" spans="1:3" x14ac:dyDescent="0.25">
      <c r="A1565" t="s">
        <v>10</v>
      </c>
      <c r="B1565">
        <v>0.92</v>
      </c>
      <c r="C1565">
        <v>0.16</v>
      </c>
    </row>
    <row r="1566" spans="1:3" x14ac:dyDescent="0.25">
      <c r="A1566" t="s">
        <v>24</v>
      </c>
      <c r="B1566">
        <v>0.76</v>
      </c>
      <c r="C1566">
        <v>0.82</v>
      </c>
    </row>
    <row r="1567" spans="1:3" x14ac:dyDescent="0.25">
      <c r="A1567" t="s">
        <v>10</v>
      </c>
      <c r="B1567">
        <v>0.37</v>
      </c>
      <c r="C1567">
        <v>0.62</v>
      </c>
    </row>
    <row r="1568" spans="1:3" x14ac:dyDescent="0.25">
      <c r="A1568" t="s">
        <v>24</v>
      </c>
      <c r="B1568">
        <v>0.8</v>
      </c>
      <c r="C1568">
        <v>0.32</v>
      </c>
    </row>
    <row r="1569" spans="1:3" x14ac:dyDescent="0.25">
      <c r="A1569" t="s">
        <v>8</v>
      </c>
      <c r="B1569">
        <v>0.71</v>
      </c>
      <c r="C1569">
        <v>0.59</v>
      </c>
    </row>
    <row r="1570" spans="1:3" x14ac:dyDescent="0.25">
      <c r="A1570" t="s">
        <v>24</v>
      </c>
      <c r="B1570">
        <v>0.28000000000000003</v>
      </c>
      <c r="C1570">
        <v>0.47</v>
      </c>
    </row>
    <row r="1571" spans="1:3" x14ac:dyDescent="0.25">
      <c r="A1571" t="s">
        <v>24</v>
      </c>
      <c r="B1571">
        <v>0.3</v>
      </c>
      <c r="C1571">
        <v>0.38</v>
      </c>
    </row>
    <row r="1572" spans="1:3" x14ac:dyDescent="0.25">
      <c r="A1572" t="s">
        <v>10</v>
      </c>
      <c r="B1572">
        <v>0.24</v>
      </c>
      <c r="C1572">
        <v>0.81</v>
      </c>
    </row>
    <row r="1573" spans="1:3" x14ac:dyDescent="0.25">
      <c r="A1573" t="s">
        <v>24</v>
      </c>
      <c r="B1573">
        <v>0.72</v>
      </c>
      <c r="C1573">
        <v>0.31</v>
      </c>
    </row>
    <row r="1574" spans="1:3" x14ac:dyDescent="0.25">
      <c r="A1574" t="s">
        <v>8</v>
      </c>
      <c r="B1574">
        <v>0.44</v>
      </c>
      <c r="C1574">
        <v>0.93</v>
      </c>
    </row>
    <row r="1575" spans="1:3" x14ac:dyDescent="0.25">
      <c r="A1575" t="s">
        <v>12</v>
      </c>
      <c r="B1575">
        <v>0.23</v>
      </c>
      <c r="C1575">
        <v>0.5</v>
      </c>
    </row>
    <row r="1576" spans="1:3" x14ac:dyDescent="0.25">
      <c r="A1576" t="s">
        <v>10</v>
      </c>
      <c r="B1576">
        <v>0.51</v>
      </c>
      <c r="C1576">
        <v>0.36</v>
      </c>
    </row>
    <row r="1577" spans="1:3" x14ac:dyDescent="0.25">
      <c r="A1577" t="s">
        <v>12</v>
      </c>
      <c r="B1577">
        <v>0.27</v>
      </c>
      <c r="C1577">
        <v>0.32</v>
      </c>
    </row>
    <row r="1578" spans="1:3" x14ac:dyDescent="0.25">
      <c r="A1578" t="s">
        <v>24</v>
      </c>
      <c r="B1578">
        <v>0.54</v>
      </c>
      <c r="C1578">
        <v>0.5</v>
      </c>
    </row>
    <row r="1579" spans="1:3" x14ac:dyDescent="0.25">
      <c r="A1579" t="s">
        <v>12</v>
      </c>
      <c r="B1579">
        <v>0.74</v>
      </c>
      <c r="C1579">
        <v>0.45</v>
      </c>
    </row>
    <row r="1580" spans="1:3" x14ac:dyDescent="0.25">
      <c r="A1580" t="s">
        <v>12</v>
      </c>
      <c r="B1580">
        <v>0.39</v>
      </c>
      <c r="C1580">
        <v>0.42</v>
      </c>
    </row>
    <row r="1581" spans="1:3" x14ac:dyDescent="0.25">
      <c r="A1581" t="s">
        <v>12</v>
      </c>
      <c r="B1581">
        <v>0.31</v>
      </c>
      <c r="C1581">
        <v>0.89</v>
      </c>
    </row>
    <row r="1582" spans="1:3" x14ac:dyDescent="0.25">
      <c r="A1582" t="s">
        <v>8</v>
      </c>
      <c r="B1582">
        <v>0.77</v>
      </c>
      <c r="C1582">
        <v>0.14000000000000001</v>
      </c>
    </row>
    <row r="1583" spans="1:3" x14ac:dyDescent="0.25">
      <c r="A1583" t="s">
        <v>8</v>
      </c>
      <c r="B1583">
        <v>0.18</v>
      </c>
      <c r="C1583">
        <v>0.77</v>
      </c>
    </row>
    <row r="1584" spans="1:3" x14ac:dyDescent="0.25">
      <c r="A1584" t="s">
        <v>8</v>
      </c>
      <c r="B1584">
        <v>0.57999999999999996</v>
      </c>
      <c r="C1584">
        <v>0.18</v>
      </c>
    </row>
    <row r="1585" spans="1:3" x14ac:dyDescent="0.25">
      <c r="A1585" t="s">
        <v>24</v>
      </c>
      <c r="B1585">
        <v>0.88</v>
      </c>
      <c r="C1585">
        <v>0.43</v>
      </c>
    </row>
    <row r="1586" spans="1:3" x14ac:dyDescent="0.25">
      <c r="A1586" t="s">
        <v>24</v>
      </c>
      <c r="B1586">
        <v>0.45</v>
      </c>
      <c r="C1586">
        <v>0.26</v>
      </c>
    </row>
    <row r="1587" spans="1:3" x14ac:dyDescent="0.25">
      <c r="A1587" t="s">
        <v>12</v>
      </c>
      <c r="B1587">
        <v>0.33</v>
      </c>
      <c r="C1587">
        <v>0.56000000000000005</v>
      </c>
    </row>
    <row r="1588" spans="1:3" x14ac:dyDescent="0.25">
      <c r="A1588" t="s">
        <v>8</v>
      </c>
      <c r="B1588">
        <v>0.65</v>
      </c>
      <c r="C1588">
        <v>0.76</v>
      </c>
    </row>
    <row r="1589" spans="1:3" x14ac:dyDescent="0.25">
      <c r="A1589" t="s">
        <v>12</v>
      </c>
      <c r="B1589">
        <v>0.63</v>
      </c>
      <c r="C1589">
        <v>0.35</v>
      </c>
    </row>
    <row r="1590" spans="1:3" x14ac:dyDescent="0.25">
      <c r="A1590" t="s">
        <v>10</v>
      </c>
      <c r="B1590">
        <v>0.67</v>
      </c>
      <c r="C1590">
        <v>0.46</v>
      </c>
    </row>
    <row r="1591" spans="1:3" x14ac:dyDescent="0.25">
      <c r="A1591" t="s">
        <v>10</v>
      </c>
      <c r="B1591">
        <v>0.09</v>
      </c>
      <c r="C1591">
        <v>0.12</v>
      </c>
    </row>
    <row r="1592" spans="1:3" x14ac:dyDescent="0.25">
      <c r="A1592" t="s">
        <v>12</v>
      </c>
      <c r="B1592">
        <v>7.0000000000000007E-2</v>
      </c>
      <c r="C1592">
        <v>0.49</v>
      </c>
    </row>
    <row r="1593" spans="1:3" x14ac:dyDescent="0.25">
      <c r="A1593" t="s">
        <v>12</v>
      </c>
      <c r="B1593">
        <v>0.04</v>
      </c>
      <c r="C1593">
        <v>0.7</v>
      </c>
    </row>
    <row r="1594" spans="1:3" x14ac:dyDescent="0.25">
      <c r="A1594" t="s">
        <v>12</v>
      </c>
      <c r="B1594">
        <v>0.86</v>
      </c>
      <c r="C1594">
        <v>0.4</v>
      </c>
    </row>
    <row r="1595" spans="1:3" x14ac:dyDescent="0.25">
      <c r="A1595" t="s">
        <v>12</v>
      </c>
      <c r="B1595">
        <v>0.08</v>
      </c>
      <c r="C1595">
        <v>0.9</v>
      </c>
    </row>
    <row r="1596" spans="1:3" x14ac:dyDescent="0.25">
      <c r="A1596" t="s">
        <v>24</v>
      </c>
      <c r="B1596">
        <v>0.64</v>
      </c>
      <c r="C1596">
        <v>0.31</v>
      </c>
    </row>
    <row r="1597" spans="1:3" x14ac:dyDescent="0.25">
      <c r="A1597" t="s">
        <v>10</v>
      </c>
      <c r="B1597">
        <v>0.73</v>
      </c>
      <c r="C1597">
        <v>0.13</v>
      </c>
    </row>
    <row r="1598" spans="1:3" x14ac:dyDescent="0.25">
      <c r="A1598" t="s">
        <v>8</v>
      </c>
      <c r="B1598">
        <v>0.28000000000000003</v>
      </c>
      <c r="C1598">
        <v>0.8</v>
      </c>
    </row>
    <row r="1599" spans="1:3" x14ac:dyDescent="0.25">
      <c r="A1599" t="s">
        <v>8</v>
      </c>
      <c r="B1599">
        <v>0.96</v>
      </c>
      <c r="C1599">
        <v>0.61</v>
      </c>
    </row>
    <row r="1600" spans="1:3" x14ac:dyDescent="0.25">
      <c r="A1600" t="s">
        <v>12</v>
      </c>
      <c r="B1600">
        <v>0.68</v>
      </c>
      <c r="C1600">
        <v>0.56999999999999995</v>
      </c>
    </row>
    <row r="1601" spans="1:3" x14ac:dyDescent="0.25">
      <c r="A1601" t="s">
        <v>24</v>
      </c>
      <c r="B1601">
        <v>0.87</v>
      </c>
      <c r="C1601">
        <v>0.47</v>
      </c>
    </row>
    <row r="1602" spans="1:3" x14ac:dyDescent="0.25">
      <c r="A1602" t="s">
        <v>8</v>
      </c>
      <c r="B1602">
        <v>0.67</v>
      </c>
      <c r="C1602">
        <v>0.37</v>
      </c>
    </row>
    <row r="1603" spans="1:3" x14ac:dyDescent="0.25">
      <c r="A1603" t="s">
        <v>10</v>
      </c>
      <c r="B1603">
        <v>0.46</v>
      </c>
      <c r="C1603">
        <v>0.12</v>
      </c>
    </row>
    <row r="1604" spans="1:3" x14ac:dyDescent="0.25">
      <c r="A1604" t="s">
        <v>8</v>
      </c>
      <c r="B1604">
        <v>0.61</v>
      </c>
      <c r="C1604">
        <v>0.78</v>
      </c>
    </row>
    <row r="1605" spans="1:3" x14ac:dyDescent="0.25">
      <c r="A1605" t="s">
        <v>10</v>
      </c>
      <c r="B1605">
        <v>0.66</v>
      </c>
      <c r="C1605">
        <v>0.44</v>
      </c>
    </row>
    <row r="1606" spans="1:3" x14ac:dyDescent="0.25">
      <c r="A1606" t="s">
        <v>8</v>
      </c>
      <c r="B1606">
        <v>0.89</v>
      </c>
      <c r="C1606">
        <v>0.19</v>
      </c>
    </row>
    <row r="1607" spans="1:3" x14ac:dyDescent="0.25">
      <c r="A1607" t="s">
        <v>12</v>
      </c>
      <c r="B1607">
        <v>0.34</v>
      </c>
      <c r="C1607">
        <v>0.49</v>
      </c>
    </row>
    <row r="1608" spans="1:3" x14ac:dyDescent="0.25">
      <c r="A1608" t="s">
        <v>10</v>
      </c>
      <c r="B1608">
        <v>0.5</v>
      </c>
      <c r="C1608">
        <v>0.82</v>
      </c>
    </row>
    <row r="1609" spans="1:3" x14ac:dyDescent="0.25">
      <c r="A1609" t="s">
        <v>10</v>
      </c>
      <c r="B1609">
        <v>0.31</v>
      </c>
      <c r="C1609">
        <v>0.5</v>
      </c>
    </row>
    <row r="1610" spans="1:3" x14ac:dyDescent="0.25">
      <c r="A1610" t="s">
        <v>10</v>
      </c>
      <c r="B1610">
        <v>0.27</v>
      </c>
      <c r="C1610">
        <v>0.28999999999999998</v>
      </c>
    </row>
    <row r="1611" spans="1:3" x14ac:dyDescent="0.25">
      <c r="A1611" t="s">
        <v>8</v>
      </c>
      <c r="B1611">
        <v>0.94</v>
      </c>
      <c r="C1611">
        <v>0.15</v>
      </c>
    </row>
    <row r="1612" spans="1:3" x14ac:dyDescent="0.25">
      <c r="A1612" t="s">
        <v>8</v>
      </c>
      <c r="B1612">
        <v>0.22</v>
      </c>
      <c r="C1612">
        <v>0.47</v>
      </c>
    </row>
    <row r="1613" spans="1:3" x14ac:dyDescent="0.25">
      <c r="A1613" t="s">
        <v>24</v>
      </c>
      <c r="B1613">
        <v>0.51</v>
      </c>
      <c r="C1613">
        <v>0.56999999999999995</v>
      </c>
    </row>
    <row r="1614" spans="1:3" x14ac:dyDescent="0.25">
      <c r="A1614" t="s">
        <v>10</v>
      </c>
      <c r="B1614">
        <v>0.77</v>
      </c>
      <c r="C1614">
        <v>0.56999999999999995</v>
      </c>
    </row>
    <row r="1615" spans="1:3" x14ac:dyDescent="0.25">
      <c r="A1615" t="s">
        <v>12</v>
      </c>
      <c r="B1615">
        <v>0.54</v>
      </c>
      <c r="C1615">
        <v>0.24</v>
      </c>
    </row>
    <row r="1616" spans="1:3" x14ac:dyDescent="0.25">
      <c r="A1616" t="s">
        <v>8</v>
      </c>
      <c r="B1616">
        <v>0.57999999999999996</v>
      </c>
      <c r="C1616">
        <v>0.53</v>
      </c>
    </row>
    <row r="1617" spans="1:3" x14ac:dyDescent="0.25">
      <c r="A1617" t="s">
        <v>8</v>
      </c>
      <c r="B1617">
        <v>0.09</v>
      </c>
      <c r="C1617">
        <v>0.2</v>
      </c>
    </row>
    <row r="1618" spans="1:3" x14ac:dyDescent="0.25">
      <c r="A1618" t="s">
        <v>10</v>
      </c>
      <c r="B1618">
        <v>0.46</v>
      </c>
      <c r="C1618">
        <v>0.88</v>
      </c>
    </row>
    <row r="1619" spans="1:3" x14ac:dyDescent="0.25">
      <c r="A1619" t="s">
        <v>10</v>
      </c>
      <c r="B1619">
        <v>0.16</v>
      </c>
      <c r="C1619">
        <v>0.66</v>
      </c>
    </row>
    <row r="1620" spans="1:3" x14ac:dyDescent="0.25">
      <c r="A1620" t="s">
        <v>12</v>
      </c>
      <c r="B1620">
        <v>0.08</v>
      </c>
      <c r="C1620">
        <v>0.47</v>
      </c>
    </row>
    <row r="1621" spans="1:3" x14ac:dyDescent="0.25">
      <c r="A1621" t="s">
        <v>24</v>
      </c>
      <c r="B1621">
        <v>0.78</v>
      </c>
      <c r="C1621">
        <v>0.57999999999999996</v>
      </c>
    </row>
    <row r="1622" spans="1:3" x14ac:dyDescent="0.25">
      <c r="A1622" t="s">
        <v>24</v>
      </c>
      <c r="B1622">
        <v>0.74</v>
      </c>
      <c r="C1622">
        <v>0.38</v>
      </c>
    </row>
    <row r="1623" spans="1:3" x14ac:dyDescent="0.25">
      <c r="A1623" t="s">
        <v>24</v>
      </c>
      <c r="B1623">
        <v>0.86</v>
      </c>
      <c r="C1623">
        <v>0.55000000000000004</v>
      </c>
    </row>
    <row r="1624" spans="1:3" x14ac:dyDescent="0.25">
      <c r="A1624" t="s">
        <v>10</v>
      </c>
      <c r="B1624">
        <v>0.6</v>
      </c>
      <c r="C1624">
        <v>0.49</v>
      </c>
    </row>
    <row r="1625" spans="1:3" x14ac:dyDescent="0.25">
      <c r="A1625" t="s">
        <v>24</v>
      </c>
      <c r="B1625">
        <v>0.63</v>
      </c>
      <c r="C1625">
        <v>0.34</v>
      </c>
    </row>
    <row r="1626" spans="1:3" x14ac:dyDescent="0.25">
      <c r="A1626" t="s">
        <v>24</v>
      </c>
      <c r="B1626">
        <v>0.54</v>
      </c>
      <c r="C1626">
        <v>0.17</v>
      </c>
    </row>
    <row r="1627" spans="1:3" x14ac:dyDescent="0.25">
      <c r="A1627" t="s">
        <v>8</v>
      </c>
      <c r="B1627">
        <v>0.09</v>
      </c>
      <c r="C1627">
        <v>0.77</v>
      </c>
    </row>
    <row r="1628" spans="1:3" x14ac:dyDescent="0.25">
      <c r="A1628" t="s">
        <v>8</v>
      </c>
      <c r="B1628">
        <v>0.63</v>
      </c>
      <c r="C1628">
        <v>0.8</v>
      </c>
    </row>
    <row r="1629" spans="1:3" x14ac:dyDescent="0.25">
      <c r="A1629" t="s">
        <v>12</v>
      </c>
      <c r="B1629">
        <v>0.12</v>
      </c>
      <c r="C1629">
        <v>0.73</v>
      </c>
    </row>
    <row r="1630" spans="1:3" x14ac:dyDescent="0.25">
      <c r="A1630" t="s">
        <v>24</v>
      </c>
      <c r="B1630">
        <v>0.99</v>
      </c>
      <c r="C1630">
        <v>0.09</v>
      </c>
    </row>
    <row r="1631" spans="1:3" x14ac:dyDescent="0.25">
      <c r="A1631" t="s">
        <v>12</v>
      </c>
      <c r="B1631">
        <v>0.6</v>
      </c>
      <c r="C1631">
        <v>0.68</v>
      </c>
    </row>
    <row r="1632" spans="1:3" x14ac:dyDescent="0.25">
      <c r="A1632" t="s">
        <v>10</v>
      </c>
      <c r="B1632">
        <v>0.5</v>
      </c>
      <c r="C1632">
        <v>0.33</v>
      </c>
    </row>
    <row r="1633" spans="1:3" x14ac:dyDescent="0.25">
      <c r="A1633" t="s">
        <v>12</v>
      </c>
      <c r="B1633">
        <v>0.64</v>
      </c>
      <c r="C1633">
        <v>0.64</v>
      </c>
    </row>
    <row r="1634" spans="1:3" x14ac:dyDescent="0.25">
      <c r="A1634" t="s">
        <v>8</v>
      </c>
      <c r="B1634">
        <v>0.28000000000000003</v>
      </c>
      <c r="C1634">
        <v>0.78</v>
      </c>
    </row>
    <row r="1635" spans="1:3" x14ac:dyDescent="0.25">
      <c r="A1635" t="s">
        <v>8</v>
      </c>
      <c r="B1635">
        <v>0.84</v>
      </c>
      <c r="C1635">
        <v>0.54</v>
      </c>
    </row>
    <row r="1636" spans="1:3" x14ac:dyDescent="0.25">
      <c r="A1636" t="s">
        <v>10</v>
      </c>
      <c r="B1636">
        <v>0.8</v>
      </c>
      <c r="C1636">
        <v>0.32</v>
      </c>
    </row>
    <row r="1637" spans="1:3" x14ac:dyDescent="0.25">
      <c r="A1637" t="s">
        <v>24</v>
      </c>
      <c r="B1637">
        <v>0.24</v>
      </c>
      <c r="C1637">
        <v>0.37</v>
      </c>
    </row>
    <row r="1638" spans="1:3" x14ac:dyDescent="0.25">
      <c r="A1638" t="s">
        <v>12</v>
      </c>
      <c r="B1638">
        <v>0.79</v>
      </c>
      <c r="C1638">
        <v>0.11</v>
      </c>
    </row>
    <row r="1639" spans="1:3" x14ac:dyDescent="0.25">
      <c r="A1639" t="s">
        <v>8</v>
      </c>
      <c r="B1639">
        <v>0.66</v>
      </c>
      <c r="C1639">
        <v>0.36</v>
      </c>
    </row>
    <row r="1640" spans="1:3" x14ac:dyDescent="0.25">
      <c r="A1640" t="s">
        <v>8</v>
      </c>
      <c r="B1640">
        <v>0.7</v>
      </c>
      <c r="C1640">
        <v>0.52</v>
      </c>
    </row>
    <row r="1641" spans="1:3" x14ac:dyDescent="0.25">
      <c r="A1641" t="s">
        <v>12</v>
      </c>
      <c r="B1641">
        <v>0.91</v>
      </c>
      <c r="C1641">
        <v>0.75</v>
      </c>
    </row>
    <row r="1642" spans="1:3" x14ac:dyDescent="0.25">
      <c r="A1642" t="s">
        <v>24</v>
      </c>
      <c r="B1642">
        <v>0.67</v>
      </c>
      <c r="C1642">
        <v>0.46</v>
      </c>
    </row>
    <row r="1643" spans="1:3" x14ac:dyDescent="0.25">
      <c r="A1643" t="s">
        <v>24</v>
      </c>
      <c r="B1643">
        <v>0.57999999999999996</v>
      </c>
      <c r="C1643">
        <v>0.79</v>
      </c>
    </row>
    <row r="1644" spans="1:3" x14ac:dyDescent="0.25">
      <c r="A1644" t="s">
        <v>24</v>
      </c>
      <c r="B1644">
        <v>0.45</v>
      </c>
      <c r="C1644">
        <v>0.87</v>
      </c>
    </row>
    <row r="1645" spans="1:3" x14ac:dyDescent="0.25">
      <c r="A1645" t="s">
        <v>12</v>
      </c>
      <c r="B1645">
        <v>0.86</v>
      </c>
      <c r="C1645">
        <v>0.28999999999999998</v>
      </c>
    </row>
    <row r="1646" spans="1:3" x14ac:dyDescent="0.25">
      <c r="A1646" t="s">
        <v>12</v>
      </c>
      <c r="B1646">
        <v>0.09</v>
      </c>
      <c r="C1646">
        <v>0.55000000000000004</v>
      </c>
    </row>
    <row r="1647" spans="1:3" x14ac:dyDescent="0.25">
      <c r="A1647" t="s">
        <v>8</v>
      </c>
      <c r="B1647">
        <v>0.26</v>
      </c>
      <c r="C1647">
        <v>0.83</v>
      </c>
    </row>
    <row r="1648" spans="1:3" x14ac:dyDescent="0.25">
      <c r="A1648" t="s">
        <v>24</v>
      </c>
      <c r="B1648">
        <v>0.85</v>
      </c>
      <c r="C1648">
        <v>0.17</v>
      </c>
    </row>
    <row r="1649" spans="1:3" x14ac:dyDescent="0.25">
      <c r="A1649" t="s">
        <v>12</v>
      </c>
      <c r="B1649">
        <v>0.63</v>
      </c>
      <c r="C1649">
        <v>0.41</v>
      </c>
    </row>
    <row r="1650" spans="1:3" x14ac:dyDescent="0.25">
      <c r="A1650" t="s">
        <v>8</v>
      </c>
      <c r="B1650">
        <v>0.18</v>
      </c>
      <c r="C1650">
        <v>0.85</v>
      </c>
    </row>
    <row r="1651" spans="1:3" x14ac:dyDescent="0.25">
      <c r="A1651" t="s">
        <v>12</v>
      </c>
      <c r="B1651">
        <v>0.34</v>
      </c>
      <c r="C1651">
        <v>0.32</v>
      </c>
    </row>
    <row r="1652" spans="1:3" x14ac:dyDescent="0.25">
      <c r="A1652" t="s">
        <v>24</v>
      </c>
      <c r="B1652">
        <v>0.01</v>
      </c>
      <c r="C1652">
        <v>0.73</v>
      </c>
    </row>
    <row r="1653" spans="1:3" x14ac:dyDescent="0.25">
      <c r="A1653" t="s">
        <v>12</v>
      </c>
      <c r="B1653">
        <v>0.43</v>
      </c>
      <c r="C1653">
        <v>0.36</v>
      </c>
    </row>
    <row r="1654" spans="1:3" x14ac:dyDescent="0.25">
      <c r="A1654" t="s">
        <v>24</v>
      </c>
      <c r="B1654">
        <v>0.66</v>
      </c>
      <c r="C1654">
        <v>0.5</v>
      </c>
    </row>
    <row r="1655" spans="1:3" x14ac:dyDescent="0.25">
      <c r="A1655" t="s">
        <v>10</v>
      </c>
      <c r="B1655">
        <v>7.0000000000000007E-2</v>
      </c>
      <c r="C1655">
        <v>0.11</v>
      </c>
    </row>
    <row r="1656" spans="1:3" x14ac:dyDescent="0.25">
      <c r="A1656" t="s">
        <v>24</v>
      </c>
      <c r="B1656">
        <v>0.55000000000000004</v>
      </c>
      <c r="C1656">
        <v>0.83</v>
      </c>
    </row>
    <row r="1657" spans="1:3" x14ac:dyDescent="0.25">
      <c r="A1657" t="s">
        <v>12</v>
      </c>
      <c r="B1657">
        <v>0.97</v>
      </c>
      <c r="C1657">
        <v>0.93</v>
      </c>
    </row>
    <row r="1658" spans="1:3" x14ac:dyDescent="0.25">
      <c r="A1658" t="s">
        <v>10</v>
      </c>
      <c r="B1658">
        <v>0.64</v>
      </c>
      <c r="C1658">
        <v>0.4</v>
      </c>
    </row>
    <row r="1659" spans="1:3" x14ac:dyDescent="0.25">
      <c r="A1659" t="s">
        <v>24</v>
      </c>
      <c r="B1659">
        <v>0.48</v>
      </c>
      <c r="C1659">
        <v>0.1</v>
      </c>
    </row>
    <row r="1660" spans="1:3" x14ac:dyDescent="0.25">
      <c r="A1660" t="s">
        <v>12</v>
      </c>
      <c r="B1660">
        <v>0.17</v>
      </c>
      <c r="C1660">
        <v>0.91</v>
      </c>
    </row>
    <row r="1661" spans="1:3" x14ac:dyDescent="0.25">
      <c r="A1661" t="s">
        <v>24</v>
      </c>
      <c r="B1661">
        <v>0.39</v>
      </c>
      <c r="C1661">
        <v>0.48</v>
      </c>
    </row>
    <row r="1662" spans="1:3" x14ac:dyDescent="0.25">
      <c r="A1662" t="s">
        <v>12</v>
      </c>
      <c r="B1662">
        <v>0.27</v>
      </c>
      <c r="C1662">
        <v>0.75</v>
      </c>
    </row>
    <row r="1663" spans="1:3" x14ac:dyDescent="0.25">
      <c r="A1663" t="s">
        <v>12</v>
      </c>
      <c r="B1663">
        <v>0.27</v>
      </c>
      <c r="C1663">
        <v>0.17</v>
      </c>
    </row>
    <row r="1664" spans="1:3" x14ac:dyDescent="0.25">
      <c r="A1664" t="s">
        <v>12</v>
      </c>
      <c r="B1664">
        <v>0.33</v>
      </c>
      <c r="C1664">
        <v>0.7</v>
      </c>
    </row>
    <row r="1665" spans="1:3" x14ac:dyDescent="0.25">
      <c r="A1665" t="s">
        <v>24</v>
      </c>
      <c r="B1665">
        <v>0.65</v>
      </c>
      <c r="C1665">
        <v>0.83</v>
      </c>
    </row>
    <row r="1666" spans="1:3" x14ac:dyDescent="0.25">
      <c r="A1666" t="s">
        <v>8</v>
      </c>
      <c r="B1666">
        <v>0.46</v>
      </c>
      <c r="C1666">
        <v>0.69</v>
      </c>
    </row>
    <row r="1667" spans="1:3" x14ac:dyDescent="0.25">
      <c r="A1667" t="s">
        <v>8</v>
      </c>
      <c r="B1667">
        <v>0.46</v>
      </c>
      <c r="C1667">
        <v>0.64</v>
      </c>
    </row>
    <row r="1668" spans="1:3" x14ac:dyDescent="0.25">
      <c r="A1668" t="s">
        <v>8</v>
      </c>
      <c r="B1668">
        <v>0.82</v>
      </c>
      <c r="C1668">
        <v>0.6</v>
      </c>
    </row>
    <row r="1669" spans="1:3" x14ac:dyDescent="0.25">
      <c r="A1669" t="s">
        <v>12</v>
      </c>
      <c r="B1669">
        <v>0.46</v>
      </c>
      <c r="C1669">
        <v>0.16</v>
      </c>
    </row>
    <row r="1670" spans="1:3" x14ac:dyDescent="0.25">
      <c r="A1670" t="s">
        <v>10</v>
      </c>
      <c r="B1670">
        <v>0.13</v>
      </c>
      <c r="C1670">
        <v>0.56999999999999995</v>
      </c>
    </row>
    <row r="1671" spans="1:3" x14ac:dyDescent="0.25">
      <c r="A1671" t="s">
        <v>24</v>
      </c>
      <c r="B1671">
        <v>0.53</v>
      </c>
      <c r="C1671">
        <v>0.78</v>
      </c>
    </row>
    <row r="1672" spans="1:3" x14ac:dyDescent="0.25">
      <c r="A1672" t="s">
        <v>12</v>
      </c>
      <c r="B1672">
        <v>0.43</v>
      </c>
      <c r="C1672">
        <v>0.75</v>
      </c>
    </row>
    <row r="1673" spans="1:3" x14ac:dyDescent="0.25">
      <c r="A1673" t="s">
        <v>8</v>
      </c>
      <c r="B1673">
        <v>0.73</v>
      </c>
      <c r="C1673">
        <v>7.0000000000000007E-2</v>
      </c>
    </row>
    <row r="1674" spans="1:3" x14ac:dyDescent="0.25">
      <c r="A1674" t="s">
        <v>10</v>
      </c>
      <c r="B1674">
        <v>0.56999999999999995</v>
      </c>
      <c r="C1674">
        <v>0.56000000000000005</v>
      </c>
    </row>
    <row r="1675" spans="1:3" x14ac:dyDescent="0.25">
      <c r="A1675" t="s">
        <v>12</v>
      </c>
      <c r="B1675">
        <v>0.64</v>
      </c>
      <c r="C1675">
        <v>0.52</v>
      </c>
    </row>
    <row r="1676" spans="1:3" x14ac:dyDescent="0.25">
      <c r="A1676" t="s">
        <v>10</v>
      </c>
      <c r="B1676">
        <v>7.0000000000000007E-2</v>
      </c>
      <c r="C1676">
        <v>0.28999999999999998</v>
      </c>
    </row>
    <row r="1677" spans="1:3" x14ac:dyDescent="0.25">
      <c r="A1677" t="s">
        <v>10</v>
      </c>
      <c r="B1677">
        <v>0.8</v>
      </c>
      <c r="C1677">
        <v>0.19</v>
      </c>
    </row>
    <row r="1678" spans="1:3" x14ac:dyDescent="0.25">
      <c r="A1678" t="s">
        <v>10</v>
      </c>
      <c r="B1678">
        <v>0.89</v>
      </c>
      <c r="C1678">
        <v>0.2</v>
      </c>
    </row>
    <row r="1679" spans="1:3" x14ac:dyDescent="0.25">
      <c r="A1679" t="s">
        <v>12</v>
      </c>
      <c r="B1679">
        <v>0.34</v>
      </c>
      <c r="C1679">
        <v>0.18</v>
      </c>
    </row>
    <row r="1680" spans="1:3" x14ac:dyDescent="0.25">
      <c r="A1680" t="s">
        <v>12</v>
      </c>
      <c r="B1680">
        <v>0.95</v>
      </c>
      <c r="C1680">
        <v>0.59</v>
      </c>
    </row>
    <row r="1681" spans="1:3" x14ac:dyDescent="0.25">
      <c r="A1681" t="s">
        <v>8</v>
      </c>
      <c r="B1681">
        <v>0.82</v>
      </c>
      <c r="C1681">
        <v>0.45</v>
      </c>
    </row>
    <row r="1682" spans="1:3" x14ac:dyDescent="0.25">
      <c r="A1682" t="s">
        <v>8</v>
      </c>
      <c r="B1682">
        <v>0.95</v>
      </c>
      <c r="C1682">
        <v>0.95</v>
      </c>
    </row>
    <row r="1683" spans="1:3" x14ac:dyDescent="0.25">
      <c r="A1683" t="s">
        <v>8</v>
      </c>
      <c r="B1683">
        <v>0.47</v>
      </c>
      <c r="C1683">
        <v>0.27</v>
      </c>
    </row>
    <row r="1684" spans="1:3" x14ac:dyDescent="0.25">
      <c r="A1684" t="s">
        <v>24</v>
      </c>
      <c r="B1684">
        <v>0.75</v>
      </c>
      <c r="C1684">
        <v>0.21</v>
      </c>
    </row>
    <row r="1685" spans="1:3" x14ac:dyDescent="0.25">
      <c r="A1685" t="s">
        <v>12</v>
      </c>
      <c r="B1685">
        <v>0.28999999999999998</v>
      </c>
      <c r="C1685">
        <v>0.65</v>
      </c>
    </row>
    <row r="1686" spans="1:3" x14ac:dyDescent="0.25">
      <c r="A1686" t="s">
        <v>10</v>
      </c>
      <c r="B1686">
        <v>0.5</v>
      </c>
      <c r="C1686">
        <v>0.55000000000000004</v>
      </c>
    </row>
    <row r="1687" spans="1:3" x14ac:dyDescent="0.25">
      <c r="A1687" t="s">
        <v>10</v>
      </c>
      <c r="B1687">
        <v>0.96</v>
      </c>
      <c r="C1687">
        <v>0.28999999999999998</v>
      </c>
    </row>
    <row r="1688" spans="1:3" x14ac:dyDescent="0.25">
      <c r="A1688" t="s">
        <v>8</v>
      </c>
      <c r="B1688">
        <v>0.1</v>
      </c>
      <c r="C1688">
        <v>0.1</v>
      </c>
    </row>
    <row r="1689" spans="1:3" x14ac:dyDescent="0.25">
      <c r="A1689" t="s">
        <v>12</v>
      </c>
      <c r="B1689">
        <v>0.55000000000000004</v>
      </c>
      <c r="C1689">
        <v>0.73</v>
      </c>
    </row>
    <row r="1690" spans="1:3" x14ac:dyDescent="0.25">
      <c r="A1690" t="s">
        <v>24</v>
      </c>
      <c r="B1690">
        <v>0.53</v>
      </c>
      <c r="C1690">
        <v>0.93</v>
      </c>
    </row>
    <row r="1691" spans="1:3" x14ac:dyDescent="0.25">
      <c r="A1691" t="s">
        <v>12</v>
      </c>
      <c r="B1691">
        <v>0.03</v>
      </c>
      <c r="C1691">
        <v>0.46</v>
      </c>
    </row>
    <row r="1692" spans="1:3" x14ac:dyDescent="0.25">
      <c r="A1692" t="s">
        <v>24</v>
      </c>
      <c r="B1692">
        <v>0.7</v>
      </c>
      <c r="C1692">
        <v>0.48</v>
      </c>
    </row>
    <row r="1693" spans="1:3" x14ac:dyDescent="0.25">
      <c r="A1693" t="s">
        <v>10</v>
      </c>
      <c r="B1693">
        <v>0.16</v>
      </c>
      <c r="C1693">
        <v>0.15</v>
      </c>
    </row>
    <row r="1694" spans="1:3" x14ac:dyDescent="0.25">
      <c r="A1694" t="s">
        <v>12</v>
      </c>
      <c r="B1694">
        <v>0.33</v>
      </c>
      <c r="C1694">
        <v>0.53</v>
      </c>
    </row>
    <row r="1695" spans="1:3" x14ac:dyDescent="0.25">
      <c r="A1695" t="s">
        <v>12</v>
      </c>
      <c r="B1695">
        <v>0.69</v>
      </c>
      <c r="C1695">
        <v>0.45</v>
      </c>
    </row>
    <row r="1696" spans="1:3" x14ac:dyDescent="0.25">
      <c r="A1696" t="s">
        <v>10</v>
      </c>
      <c r="B1696">
        <v>0.57999999999999996</v>
      </c>
      <c r="C1696">
        <v>0.39</v>
      </c>
    </row>
    <row r="1697" spans="1:3" x14ac:dyDescent="0.25">
      <c r="A1697" t="s">
        <v>8</v>
      </c>
      <c r="B1697">
        <v>0.19</v>
      </c>
      <c r="C1697">
        <v>0.85</v>
      </c>
    </row>
    <row r="1698" spans="1:3" x14ac:dyDescent="0.25">
      <c r="A1698" t="s">
        <v>24</v>
      </c>
      <c r="B1698">
        <v>0.81</v>
      </c>
      <c r="C1698">
        <v>0.45</v>
      </c>
    </row>
    <row r="1699" spans="1:3" x14ac:dyDescent="0.25">
      <c r="A1699" t="s">
        <v>10</v>
      </c>
      <c r="B1699">
        <v>0.02</v>
      </c>
      <c r="C1699">
        <v>0.8</v>
      </c>
    </row>
    <row r="1700" spans="1:3" x14ac:dyDescent="0.25">
      <c r="A1700" t="s">
        <v>12</v>
      </c>
      <c r="B1700">
        <v>0.73</v>
      </c>
      <c r="C1700">
        <v>0.52</v>
      </c>
    </row>
    <row r="1701" spans="1:3" x14ac:dyDescent="0.25">
      <c r="A1701" t="s">
        <v>24</v>
      </c>
      <c r="B1701">
        <v>0.47</v>
      </c>
      <c r="C1701">
        <v>0.43</v>
      </c>
    </row>
    <row r="1702" spans="1:3" x14ac:dyDescent="0.25">
      <c r="A1702" t="s">
        <v>12</v>
      </c>
      <c r="B1702">
        <v>0.33</v>
      </c>
      <c r="C1702">
        <v>0.82</v>
      </c>
    </row>
    <row r="1703" spans="1:3" x14ac:dyDescent="0.25">
      <c r="A1703" t="s">
        <v>24</v>
      </c>
      <c r="B1703">
        <v>7.0000000000000007E-2</v>
      </c>
      <c r="C1703">
        <v>0.26</v>
      </c>
    </row>
    <row r="1704" spans="1:3" x14ac:dyDescent="0.25">
      <c r="A1704" t="s">
        <v>24</v>
      </c>
      <c r="B1704">
        <v>0.63</v>
      </c>
      <c r="C1704">
        <v>0.49</v>
      </c>
    </row>
    <row r="1705" spans="1:3" x14ac:dyDescent="0.25">
      <c r="A1705" t="s">
        <v>10</v>
      </c>
      <c r="B1705">
        <v>0.78</v>
      </c>
      <c r="C1705">
        <v>0.16</v>
      </c>
    </row>
    <row r="1706" spans="1:3" x14ac:dyDescent="0.25">
      <c r="A1706" t="s">
        <v>24</v>
      </c>
      <c r="B1706">
        <v>0.66</v>
      </c>
      <c r="C1706">
        <v>0.63</v>
      </c>
    </row>
    <row r="1707" spans="1:3" x14ac:dyDescent="0.25">
      <c r="A1707" t="s">
        <v>24</v>
      </c>
      <c r="B1707">
        <v>0.61</v>
      </c>
      <c r="C1707">
        <v>0.42</v>
      </c>
    </row>
    <row r="1708" spans="1:3" x14ac:dyDescent="0.25">
      <c r="A1708" t="s">
        <v>24</v>
      </c>
      <c r="B1708">
        <v>0.47</v>
      </c>
      <c r="C1708">
        <v>0.28000000000000003</v>
      </c>
    </row>
    <row r="1709" spans="1:3" x14ac:dyDescent="0.25">
      <c r="A1709" t="s">
        <v>8</v>
      </c>
      <c r="B1709">
        <v>0.22</v>
      </c>
      <c r="C1709">
        <v>0.24</v>
      </c>
    </row>
    <row r="1710" spans="1:3" x14ac:dyDescent="0.25">
      <c r="A1710" t="s">
        <v>12</v>
      </c>
      <c r="B1710">
        <v>0.96</v>
      </c>
      <c r="C1710">
        <v>0.09</v>
      </c>
    </row>
    <row r="1711" spans="1:3" x14ac:dyDescent="0.25">
      <c r="A1711" t="s">
        <v>12</v>
      </c>
      <c r="B1711">
        <v>0.53</v>
      </c>
      <c r="C1711">
        <v>0.45</v>
      </c>
    </row>
    <row r="1712" spans="1:3" x14ac:dyDescent="0.25">
      <c r="A1712" t="s">
        <v>8</v>
      </c>
      <c r="B1712">
        <v>0.06</v>
      </c>
      <c r="C1712">
        <v>0.32</v>
      </c>
    </row>
    <row r="1713" spans="1:3" x14ac:dyDescent="0.25">
      <c r="A1713" t="s">
        <v>10</v>
      </c>
      <c r="B1713">
        <v>0.4</v>
      </c>
      <c r="C1713">
        <v>0.56000000000000005</v>
      </c>
    </row>
    <row r="1714" spans="1:3" x14ac:dyDescent="0.25">
      <c r="A1714" t="s">
        <v>24</v>
      </c>
      <c r="B1714">
        <v>0.12</v>
      </c>
      <c r="C1714">
        <v>0.47</v>
      </c>
    </row>
    <row r="1715" spans="1:3" x14ac:dyDescent="0.25">
      <c r="A1715" t="s">
        <v>8</v>
      </c>
      <c r="B1715">
        <v>0.56000000000000005</v>
      </c>
      <c r="C1715">
        <v>0.44</v>
      </c>
    </row>
    <row r="1716" spans="1:3" x14ac:dyDescent="0.25">
      <c r="A1716" t="s">
        <v>24</v>
      </c>
      <c r="B1716">
        <v>0.26</v>
      </c>
      <c r="C1716">
        <v>0.14000000000000001</v>
      </c>
    </row>
    <row r="1717" spans="1:3" x14ac:dyDescent="0.25">
      <c r="A1717" t="s">
        <v>12</v>
      </c>
      <c r="B1717">
        <v>0.87</v>
      </c>
      <c r="C1717">
        <v>0.67</v>
      </c>
    </row>
    <row r="1718" spans="1:3" x14ac:dyDescent="0.25">
      <c r="A1718" t="s">
        <v>12</v>
      </c>
      <c r="B1718">
        <v>0.85</v>
      </c>
      <c r="C1718">
        <v>0.42</v>
      </c>
    </row>
    <row r="1719" spans="1:3" x14ac:dyDescent="0.25">
      <c r="A1719" t="s">
        <v>8</v>
      </c>
      <c r="B1719">
        <v>0.49</v>
      </c>
      <c r="C1719">
        <v>0.79</v>
      </c>
    </row>
    <row r="1720" spans="1:3" x14ac:dyDescent="0.25">
      <c r="A1720" t="s">
        <v>10</v>
      </c>
      <c r="B1720">
        <v>0.44</v>
      </c>
      <c r="C1720">
        <v>0.9</v>
      </c>
    </row>
    <row r="1721" spans="1:3" x14ac:dyDescent="0.25">
      <c r="A1721" t="s">
        <v>8</v>
      </c>
      <c r="B1721">
        <v>0.08</v>
      </c>
      <c r="C1721">
        <v>0.69</v>
      </c>
    </row>
    <row r="1722" spans="1:3" x14ac:dyDescent="0.25">
      <c r="A1722" t="s">
        <v>12</v>
      </c>
      <c r="B1722">
        <v>0.5</v>
      </c>
      <c r="C1722">
        <v>0.64</v>
      </c>
    </row>
    <row r="1723" spans="1:3" x14ac:dyDescent="0.25">
      <c r="A1723" t="s">
        <v>12</v>
      </c>
      <c r="B1723">
        <v>0.36</v>
      </c>
      <c r="C1723">
        <v>0.78</v>
      </c>
    </row>
    <row r="1724" spans="1:3" x14ac:dyDescent="0.25">
      <c r="A1724" t="s">
        <v>24</v>
      </c>
      <c r="B1724">
        <v>0.68</v>
      </c>
      <c r="C1724">
        <v>0.31</v>
      </c>
    </row>
    <row r="1725" spans="1:3" x14ac:dyDescent="0.25">
      <c r="A1725" t="s">
        <v>12</v>
      </c>
      <c r="B1725">
        <v>0.47</v>
      </c>
      <c r="C1725">
        <v>0.39</v>
      </c>
    </row>
    <row r="1726" spans="1:3" x14ac:dyDescent="0.25">
      <c r="A1726" t="s">
        <v>12</v>
      </c>
      <c r="B1726">
        <v>0.64</v>
      </c>
      <c r="C1726">
        <v>7.0000000000000007E-2</v>
      </c>
    </row>
    <row r="1727" spans="1:3" x14ac:dyDescent="0.25">
      <c r="A1727" t="s">
        <v>10</v>
      </c>
      <c r="B1727">
        <v>0.19</v>
      </c>
      <c r="C1727">
        <v>0.06</v>
      </c>
    </row>
    <row r="1728" spans="1:3" x14ac:dyDescent="0.25">
      <c r="A1728" t="s">
        <v>12</v>
      </c>
      <c r="B1728">
        <v>0.06</v>
      </c>
      <c r="C1728">
        <v>0.8</v>
      </c>
    </row>
    <row r="1729" spans="1:3" x14ac:dyDescent="0.25">
      <c r="A1729" t="s">
        <v>12</v>
      </c>
      <c r="B1729">
        <v>0.48</v>
      </c>
      <c r="C1729">
        <v>0.25</v>
      </c>
    </row>
    <row r="1730" spans="1:3" x14ac:dyDescent="0.25">
      <c r="A1730" t="s">
        <v>12</v>
      </c>
      <c r="B1730">
        <v>0.49</v>
      </c>
      <c r="C1730">
        <v>0.42</v>
      </c>
    </row>
    <row r="1731" spans="1:3" x14ac:dyDescent="0.25">
      <c r="A1731" t="s">
        <v>8</v>
      </c>
      <c r="B1731">
        <v>0.7</v>
      </c>
      <c r="C1731">
        <v>0.22</v>
      </c>
    </row>
    <row r="1732" spans="1:3" x14ac:dyDescent="0.25">
      <c r="A1732" t="s">
        <v>10</v>
      </c>
      <c r="B1732">
        <v>0.79</v>
      </c>
      <c r="C1732">
        <v>0.61</v>
      </c>
    </row>
    <row r="1733" spans="1:3" x14ac:dyDescent="0.25">
      <c r="A1733" t="s">
        <v>12</v>
      </c>
      <c r="B1733">
        <v>0.19</v>
      </c>
      <c r="C1733">
        <v>0.23</v>
      </c>
    </row>
    <row r="1734" spans="1:3" x14ac:dyDescent="0.25">
      <c r="A1734" t="s">
        <v>24</v>
      </c>
      <c r="B1734">
        <v>0.02</v>
      </c>
      <c r="C1734">
        <v>0.26</v>
      </c>
    </row>
    <row r="1735" spans="1:3" x14ac:dyDescent="0.25">
      <c r="A1735" t="s">
        <v>24</v>
      </c>
      <c r="B1735">
        <v>0.47</v>
      </c>
      <c r="C1735">
        <v>0.6</v>
      </c>
    </row>
    <row r="1736" spans="1:3" x14ac:dyDescent="0.25">
      <c r="A1736" t="s">
        <v>12</v>
      </c>
      <c r="B1736">
        <v>0.14000000000000001</v>
      </c>
      <c r="C1736">
        <v>0.36</v>
      </c>
    </row>
    <row r="1737" spans="1:3" x14ac:dyDescent="0.25">
      <c r="A1737" t="s">
        <v>24</v>
      </c>
      <c r="B1737">
        <v>0.76</v>
      </c>
      <c r="C1737">
        <v>0.25</v>
      </c>
    </row>
    <row r="1738" spans="1:3" x14ac:dyDescent="0.25">
      <c r="A1738" t="s">
        <v>24</v>
      </c>
      <c r="B1738">
        <v>0.61</v>
      </c>
      <c r="C1738">
        <v>0.75</v>
      </c>
    </row>
    <row r="1739" spans="1:3" x14ac:dyDescent="0.25">
      <c r="A1739" t="s">
        <v>12</v>
      </c>
      <c r="B1739">
        <v>0.05</v>
      </c>
      <c r="C1739">
        <v>0.4</v>
      </c>
    </row>
    <row r="1740" spans="1:3" x14ac:dyDescent="0.25">
      <c r="A1740" t="s">
        <v>12</v>
      </c>
      <c r="B1740">
        <v>0.16</v>
      </c>
      <c r="C1740">
        <v>0.52</v>
      </c>
    </row>
    <row r="1741" spans="1:3" x14ac:dyDescent="0.25">
      <c r="A1741" t="s">
        <v>12</v>
      </c>
      <c r="B1741">
        <v>0.7</v>
      </c>
      <c r="C1741">
        <v>0.41</v>
      </c>
    </row>
    <row r="1742" spans="1:3" x14ac:dyDescent="0.25">
      <c r="A1742" t="s">
        <v>8</v>
      </c>
      <c r="B1742">
        <v>0.79</v>
      </c>
      <c r="C1742">
        <v>0.95</v>
      </c>
    </row>
    <row r="1743" spans="1:3" x14ac:dyDescent="0.25">
      <c r="A1743" t="s">
        <v>10</v>
      </c>
      <c r="B1743">
        <v>0.08</v>
      </c>
      <c r="C1743">
        <v>0.9</v>
      </c>
    </row>
    <row r="1744" spans="1:3" x14ac:dyDescent="0.25">
      <c r="A1744" t="s">
        <v>12</v>
      </c>
      <c r="B1744">
        <v>0.81</v>
      </c>
      <c r="C1744">
        <v>0.69</v>
      </c>
    </row>
    <row r="1745" spans="1:3" x14ac:dyDescent="0.25">
      <c r="A1745" t="s">
        <v>12</v>
      </c>
      <c r="B1745">
        <v>0.95</v>
      </c>
      <c r="C1745">
        <v>0.89</v>
      </c>
    </row>
    <row r="1746" spans="1:3" x14ac:dyDescent="0.25">
      <c r="A1746" t="s">
        <v>10</v>
      </c>
      <c r="B1746">
        <v>0.56000000000000005</v>
      </c>
      <c r="C1746">
        <v>0.09</v>
      </c>
    </row>
    <row r="1747" spans="1:3" x14ac:dyDescent="0.25">
      <c r="A1747" t="s">
        <v>12</v>
      </c>
      <c r="B1747">
        <v>0.77</v>
      </c>
      <c r="C1747">
        <v>0.42</v>
      </c>
    </row>
    <row r="1748" spans="1:3" x14ac:dyDescent="0.25">
      <c r="A1748" t="s">
        <v>12</v>
      </c>
      <c r="B1748">
        <v>0.2</v>
      </c>
      <c r="C1748">
        <v>0.28999999999999998</v>
      </c>
    </row>
    <row r="1749" spans="1:3" x14ac:dyDescent="0.25">
      <c r="A1749" t="s">
        <v>24</v>
      </c>
      <c r="B1749">
        <v>0.04</v>
      </c>
      <c r="C1749">
        <v>0.32</v>
      </c>
    </row>
    <row r="1750" spans="1:3" x14ac:dyDescent="0.25">
      <c r="A1750" t="s">
        <v>12</v>
      </c>
      <c r="B1750">
        <v>0.19</v>
      </c>
      <c r="C1750">
        <v>0.83</v>
      </c>
    </row>
    <row r="1751" spans="1:3" x14ac:dyDescent="0.25">
      <c r="A1751" t="s">
        <v>8</v>
      </c>
      <c r="B1751">
        <v>0.52</v>
      </c>
      <c r="C1751">
        <v>0.56000000000000005</v>
      </c>
    </row>
    <row r="1752" spans="1:3" x14ac:dyDescent="0.25">
      <c r="A1752" t="s">
        <v>10</v>
      </c>
      <c r="B1752">
        <v>0.34</v>
      </c>
      <c r="C1752">
        <v>0.09</v>
      </c>
    </row>
    <row r="1753" spans="1:3" x14ac:dyDescent="0.25">
      <c r="A1753" t="s">
        <v>10</v>
      </c>
      <c r="B1753">
        <v>0.19</v>
      </c>
      <c r="C1753">
        <v>0.91</v>
      </c>
    </row>
    <row r="1754" spans="1:3" x14ac:dyDescent="0.25">
      <c r="A1754" t="s">
        <v>8</v>
      </c>
      <c r="B1754">
        <v>0.26</v>
      </c>
      <c r="C1754">
        <v>0.09</v>
      </c>
    </row>
    <row r="1755" spans="1:3" x14ac:dyDescent="0.25">
      <c r="A1755" t="s">
        <v>12</v>
      </c>
      <c r="B1755">
        <v>0.44</v>
      </c>
      <c r="C1755">
        <v>0.83</v>
      </c>
    </row>
    <row r="1756" spans="1:3" x14ac:dyDescent="0.25">
      <c r="A1756" t="s">
        <v>10</v>
      </c>
      <c r="B1756">
        <v>0.77</v>
      </c>
      <c r="C1756">
        <v>0.44</v>
      </c>
    </row>
    <row r="1757" spans="1:3" x14ac:dyDescent="0.25">
      <c r="A1757" t="s">
        <v>24</v>
      </c>
      <c r="B1757">
        <v>0.28000000000000003</v>
      </c>
      <c r="C1757">
        <v>0.56999999999999995</v>
      </c>
    </row>
    <row r="1758" spans="1:3" x14ac:dyDescent="0.25">
      <c r="A1758" t="s">
        <v>24</v>
      </c>
      <c r="B1758">
        <v>0.84</v>
      </c>
      <c r="C1758">
        <v>0.6</v>
      </c>
    </row>
    <row r="1759" spans="1:3" x14ac:dyDescent="0.25">
      <c r="A1759" t="s">
        <v>10</v>
      </c>
      <c r="B1759">
        <v>0.28999999999999998</v>
      </c>
      <c r="C1759">
        <v>0.46</v>
      </c>
    </row>
    <row r="1760" spans="1:3" x14ac:dyDescent="0.25">
      <c r="A1760" t="s">
        <v>8</v>
      </c>
      <c r="B1760">
        <v>0.11</v>
      </c>
      <c r="C1760">
        <v>0.18</v>
      </c>
    </row>
    <row r="1761" spans="1:3" x14ac:dyDescent="0.25">
      <c r="A1761" t="s">
        <v>8</v>
      </c>
      <c r="B1761">
        <v>0.96</v>
      </c>
      <c r="C1761">
        <v>0.13</v>
      </c>
    </row>
    <row r="1762" spans="1:3" x14ac:dyDescent="0.25">
      <c r="A1762" t="s">
        <v>12</v>
      </c>
      <c r="B1762">
        <v>0.41</v>
      </c>
      <c r="C1762">
        <v>0.92</v>
      </c>
    </row>
    <row r="1763" spans="1:3" x14ac:dyDescent="0.25">
      <c r="A1763" t="s">
        <v>8</v>
      </c>
      <c r="B1763">
        <v>0.46</v>
      </c>
      <c r="C1763">
        <v>0.83</v>
      </c>
    </row>
    <row r="1764" spans="1:3" x14ac:dyDescent="0.25">
      <c r="A1764" t="s">
        <v>10</v>
      </c>
      <c r="B1764">
        <v>0.21</v>
      </c>
      <c r="C1764">
        <v>0.82</v>
      </c>
    </row>
    <row r="1765" spans="1:3" x14ac:dyDescent="0.25">
      <c r="A1765" t="s">
        <v>10</v>
      </c>
      <c r="B1765">
        <v>0.78</v>
      </c>
      <c r="C1765">
        <v>0.76</v>
      </c>
    </row>
    <row r="1766" spans="1:3" x14ac:dyDescent="0.25">
      <c r="A1766" t="s">
        <v>10</v>
      </c>
      <c r="B1766">
        <v>0.41</v>
      </c>
      <c r="C1766">
        <v>0.34</v>
      </c>
    </row>
    <row r="1767" spans="1:3" x14ac:dyDescent="0.25">
      <c r="A1767" t="s">
        <v>24</v>
      </c>
      <c r="B1767">
        <v>0.77</v>
      </c>
      <c r="C1767">
        <v>0.36</v>
      </c>
    </row>
    <row r="1768" spans="1:3" x14ac:dyDescent="0.25">
      <c r="A1768" t="s">
        <v>8</v>
      </c>
      <c r="B1768">
        <v>0.03</v>
      </c>
      <c r="C1768">
        <v>0.77</v>
      </c>
    </row>
    <row r="1769" spans="1:3" x14ac:dyDescent="0.25">
      <c r="A1769" t="s">
        <v>8</v>
      </c>
      <c r="B1769">
        <v>0.52</v>
      </c>
      <c r="C1769">
        <v>0.24</v>
      </c>
    </row>
    <row r="1770" spans="1:3" x14ac:dyDescent="0.25">
      <c r="A1770" t="s">
        <v>24</v>
      </c>
      <c r="B1770">
        <v>0.37</v>
      </c>
      <c r="C1770">
        <v>0.08</v>
      </c>
    </row>
    <row r="1771" spans="1:3" x14ac:dyDescent="0.25">
      <c r="A1771" t="s">
        <v>10</v>
      </c>
      <c r="B1771">
        <v>0.59</v>
      </c>
      <c r="C1771">
        <v>0.56000000000000005</v>
      </c>
    </row>
    <row r="1772" spans="1:3" x14ac:dyDescent="0.25">
      <c r="A1772" t="s">
        <v>12</v>
      </c>
      <c r="B1772">
        <v>0.13</v>
      </c>
      <c r="C1772">
        <v>0.89</v>
      </c>
    </row>
    <row r="1773" spans="1:3" x14ac:dyDescent="0.25">
      <c r="A1773" t="s">
        <v>24</v>
      </c>
      <c r="B1773">
        <v>0.88</v>
      </c>
      <c r="C1773">
        <v>0.48</v>
      </c>
    </row>
    <row r="1774" spans="1:3" x14ac:dyDescent="0.25">
      <c r="A1774" t="s">
        <v>8</v>
      </c>
      <c r="B1774">
        <v>0.68</v>
      </c>
      <c r="C1774">
        <v>0.17</v>
      </c>
    </row>
    <row r="1775" spans="1:3" x14ac:dyDescent="0.25">
      <c r="A1775" t="s">
        <v>24</v>
      </c>
      <c r="B1775">
        <v>0.04</v>
      </c>
      <c r="C1775">
        <v>0.1</v>
      </c>
    </row>
    <row r="1776" spans="1:3" x14ac:dyDescent="0.25">
      <c r="A1776" t="s">
        <v>10</v>
      </c>
      <c r="B1776">
        <v>0.75</v>
      </c>
      <c r="C1776">
        <v>0.67</v>
      </c>
    </row>
    <row r="1777" spans="1:3" x14ac:dyDescent="0.25">
      <c r="A1777" t="s">
        <v>10</v>
      </c>
      <c r="B1777">
        <v>0.41</v>
      </c>
      <c r="C1777">
        <v>0.33</v>
      </c>
    </row>
    <row r="1778" spans="1:3" x14ac:dyDescent="0.25">
      <c r="A1778" t="s">
        <v>12</v>
      </c>
      <c r="B1778">
        <v>0.5</v>
      </c>
      <c r="C1778">
        <v>0.82</v>
      </c>
    </row>
    <row r="1779" spans="1:3" x14ac:dyDescent="0.25">
      <c r="A1779" t="s">
        <v>10</v>
      </c>
      <c r="B1779">
        <v>0.79</v>
      </c>
      <c r="C1779">
        <v>0.85</v>
      </c>
    </row>
    <row r="1780" spans="1:3" x14ac:dyDescent="0.25">
      <c r="A1780" t="s">
        <v>10</v>
      </c>
      <c r="B1780">
        <v>0.46</v>
      </c>
      <c r="C1780">
        <v>0.72</v>
      </c>
    </row>
    <row r="1781" spans="1:3" x14ac:dyDescent="0.25">
      <c r="A1781" t="s">
        <v>24</v>
      </c>
      <c r="B1781">
        <v>0.78</v>
      </c>
      <c r="C1781">
        <v>0.91</v>
      </c>
    </row>
    <row r="1782" spans="1:3" x14ac:dyDescent="0.25">
      <c r="A1782" t="s">
        <v>8</v>
      </c>
      <c r="B1782">
        <v>0.11</v>
      </c>
      <c r="C1782">
        <v>0.36</v>
      </c>
    </row>
    <row r="1783" spans="1:3" x14ac:dyDescent="0.25">
      <c r="A1783" t="s">
        <v>12</v>
      </c>
      <c r="B1783">
        <v>0.28000000000000003</v>
      </c>
      <c r="C1783">
        <v>0.38</v>
      </c>
    </row>
    <row r="1784" spans="1:3" x14ac:dyDescent="0.25">
      <c r="A1784" t="s">
        <v>10</v>
      </c>
      <c r="B1784">
        <v>0.01</v>
      </c>
      <c r="C1784">
        <v>0.39</v>
      </c>
    </row>
    <row r="1785" spans="1:3" x14ac:dyDescent="0.25">
      <c r="A1785" t="s">
        <v>24</v>
      </c>
      <c r="B1785">
        <v>0.19</v>
      </c>
      <c r="C1785">
        <v>0.06</v>
      </c>
    </row>
    <row r="1786" spans="1:3" x14ac:dyDescent="0.25">
      <c r="A1786" t="s">
        <v>24</v>
      </c>
      <c r="B1786">
        <v>0.81</v>
      </c>
      <c r="C1786">
        <v>0.56999999999999995</v>
      </c>
    </row>
    <row r="1787" spans="1:3" x14ac:dyDescent="0.25">
      <c r="A1787" t="s">
        <v>12</v>
      </c>
      <c r="B1787">
        <v>0.11</v>
      </c>
      <c r="C1787">
        <v>0.37</v>
      </c>
    </row>
    <row r="1788" spans="1:3" x14ac:dyDescent="0.25">
      <c r="A1788" t="s">
        <v>8</v>
      </c>
      <c r="B1788">
        <v>0.67</v>
      </c>
      <c r="C1788">
        <v>0.56999999999999995</v>
      </c>
    </row>
    <row r="1789" spans="1:3" x14ac:dyDescent="0.25">
      <c r="A1789" t="s">
        <v>12</v>
      </c>
      <c r="B1789">
        <v>0.32</v>
      </c>
      <c r="C1789">
        <v>0.64</v>
      </c>
    </row>
    <row r="1790" spans="1:3" x14ac:dyDescent="0.25">
      <c r="A1790" t="s">
        <v>12</v>
      </c>
      <c r="B1790">
        <v>0.08</v>
      </c>
      <c r="C1790">
        <v>0.56999999999999995</v>
      </c>
    </row>
    <row r="1791" spans="1:3" x14ac:dyDescent="0.25">
      <c r="A1791" t="s">
        <v>24</v>
      </c>
      <c r="B1791">
        <v>0.63</v>
      </c>
      <c r="C1791">
        <v>0.53</v>
      </c>
    </row>
    <row r="1792" spans="1:3" x14ac:dyDescent="0.25">
      <c r="A1792" t="s">
        <v>24</v>
      </c>
      <c r="B1792">
        <v>0.97</v>
      </c>
      <c r="C1792">
        <v>0.35</v>
      </c>
    </row>
    <row r="1793" spans="1:3" x14ac:dyDescent="0.25">
      <c r="A1793" t="s">
        <v>12</v>
      </c>
      <c r="B1793">
        <v>0.84</v>
      </c>
      <c r="C1793">
        <v>0.59</v>
      </c>
    </row>
    <row r="1794" spans="1:3" x14ac:dyDescent="0.25">
      <c r="A1794" t="s">
        <v>24</v>
      </c>
      <c r="B1794">
        <v>7.0000000000000007E-2</v>
      </c>
      <c r="C1794">
        <v>0.86</v>
      </c>
    </row>
    <row r="1795" spans="1:3" x14ac:dyDescent="0.25">
      <c r="A1795" t="s">
        <v>10</v>
      </c>
      <c r="B1795">
        <v>0.77</v>
      </c>
      <c r="C1795">
        <v>0.62</v>
      </c>
    </row>
    <row r="1796" spans="1:3" x14ac:dyDescent="0.25">
      <c r="A1796" t="s">
        <v>8</v>
      </c>
      <c r="B1796">
        <v>0.17</v>
      </c>
      <c r="C1796">
        <v>0.34</v>
      </c>
    </row>
    <row r="1797" spans="1:3" x14ac:dyDescent="0.25">
      <c r="A1797" t="s">
        <v>24</v>
      </c>
      <c r="B1797">
        <v>0.67</v>
      </c>
      <c r="C1797">
        <v>0.71</v>
      </c>
    </row>
    <row r="1798" spans="1:3" x14ac:dyDescent="0.25">
      <c r="A1798" t="s">
        <v>10</v>
      </c>
      <c r="B1798">
        <v>0.31</v>
      </c>
      <c r="C1798">
        <v>0.44</v>
      </c>
    </row>
    <row r="1799" spans="1:3" x14ac:dyDescent="0.25">
      <c r="A1799" t="s">
        <v>10</v>
      </c>
      <c r="B1799">
        <v>0.01</v>
      </c>
      <c r="C1799">
        <v>0.57999999999999996</v>
      </c>
    </row>
    <row r="1800" spans="1:3" x14ac:dyDescent="0.25">
      <c r="A1800" t="s">
        <v>24</v>
      </c>
      <c r="B1800">
        <v>0.33</v>
      </c>
      <c r="C1800">
        <v>0.19</v>
      </c>
    </row>
    <row r="1801" spans="1:3" x14ac:dyDescent="0.25">
      <c r="A1801" t="s">
        <v>24</v>
      </c>
      <c r="B1801">
        <v>0.71</v>
      </c>
      <c r="C1801">
        <v>0.53</v>
      </c>
    </row>
    <row r="1802" spans="1:3" x14ac:dyDescent="0.25">
      <c r="A1802" t="s">
        <v>24</v>
      </c>
      <c r="B1802">
        <v>0.05</v>
      </c>
      <c r="C1802">
        <v>0.32</v>
      </c>
    </row>
    <row r="1803" spans="1:3" x14ac:dyDescent="0.25">
      <c r="A1803" t="s">
        <v>24</v>
      </c>
      <c r="B1803">
        <v>0.64</v>
      </c>
      <c r="C1803">
        <v>0.54</v>
      </c>
    </row>
    <row r="1804" spans="1:3" x14ac:dyDescent="0.25">
      <c r="A1804" t="s">
        <v>8</v>
      </c>
      <c r="B1804">
        <v>0.38</v>
      </c>
      <c r="C1804">
        <v>0.56000000000000005</v>
      </c>
    </row>
    <row r="1805" spans="1:3" x14ac:dyDescent="0.25">
      <c r="A1805" t="s">
        <v>8</v>
      </c>
      <c r="B1805">
        <v>0.38</v>
      </c>
      <c r="C1805">
        <v>0.64</v>
      </c>
    </row>
    <row r="1806" spans="1:3" x14ac:dyDescent="0.25">
      <c r="A1806" t="s">
        <v>8</v>
      </c>
      <c r="B1806">
        <v>0.88</v>
      </c>
      <c r="C1806">
        <v>0.47</v>
      </c>
    </row>
    <row r="1807" spans="1:3" x14ac:dyDescent="0.25">
      <c r="A1807" t="s">
        <v>10</v>
      </c>
      <c r="B1807">
        <v>0.34</v>
      </c>
      <c r="C1807">
        <v>0.28999999999999998</v>
      </c>
    </row>
    <row r="1808" spans="1:3" x14ac:dyDescent="0.25">
      <c r="A1808" t="s">
        <v>24</v>
      </c>
      <c r="B1808">
        <v>0.14000000000000001</v>
      </c>
      <c r="C1808">
        <v>0.25</v>
      </c>
    </row>
    <row r="1809" spans="1:3" x14ac:dyDescent="0.25">
      <c r="A1809" t="s">
        <v>8</v>
      </c>
      <c r="B1809">
        <v>0.67</v>
      </c>
      <c r="C1809">
        <v>0.23</v>
      </c>
    </row>
    <row r="1810" spans="1:3" x14ac:dyDescent="0.25">
      <c r="A1810" t="s">
        <v>12</v>
      </c>
      <c r="B1810">
        <v>0.6</v>
      </c>
      <c r="C1810">
        <v>0.43</v>
      </c>
    </row>
    <row r="1811" spans="1:3" x14ac:dyDescent="0.25">
      <c r="A1811" t="s">
        <v>10</v>
      </c>
      <c r="B1811">
        <v>0.56000000000000005</v>
      </c>
      <c r="C1811">
        <v>0.31</v>
      </c>
    </row>
    <row r="1812" spans="1:3" x14ac:dyDescent="0.25">
      <c r="A1812" t="s">
        <v>10</v>
      </c>
      <c r="B1812">
        <v>0.56000000000000005</v>
      </c>
      <c r="C1812">
        <v>0.61</v>
      </c>
    </row>
    <row r="1813" spans="1:3" x14ac:dyDescent="0.25">
      <c r="A1813" t="s">
        <v>10</v>
      </c>
      <c r="B1813">
        <v>0.68</v>
      </c>
      <c r="C1813">
        <v>0.35</v>
      </c>
    </row>
    <row r="1814" spans="1:3" x14ac:dyDescent="0.25">
      <c r="A1814" t="s">
        <v>10</v>
      </c>
      <c r="B1814">
        <v>0.65</v>
      </c>
      <c r="C1814">
        <v>0.62</v>
      </c>
    </row>
    <row r="1815" spans="1:3" x14ac:dyDescent="0.25">
      <c r="A1815" t="s">
        <v>8</v>
      </c>
      <c r="B1815">
        <v>0.43</v>
      </c>
      <c r="C1815">
        <v>0.54</v>
      </c>
    </row>
    <row r="1816" spans="1:3" x14ac:dyDescent="0.25">
      <c r="A1816" t="s">
        <v>10</v>
      </c>
      <c r="B1816">
        <v>0.86</v>
      </c>
      <c r="C1816">
        <v>0.75</v>
      </c>
    </row>
    <row r="1817" spans="1:3" x14ac:dyDescent="0.25">
      <c r="A1817" t="s">
        <v>8</v>
      </c>
      <c r="B1817">
        <v>0.5</v>
      </c>
      <c r="C1817">
        <v>0.55000000000000004</v>
      </c>
    </row>
    <row r="1818" spans="1:3" x14ac:dyDescent="0.25">
      <c r="A1818" t="s">
        <v>24</v>
      </c>
      <c r="B1818">
        <v>0.9</v>
      </c>
      <c r="C1818">
        <v>0.73</v>
      </c>
    </row>
    <row r="1819" spans="1:3" x14ac:dyDescent="0.25">
      <c r="A1819" t="s">
        <v>10</v>
      </c>
      <c r="B1819">
        <v>0.28000000000000003</v>
      </c>
      <c r="C1819">
        <v>0.45</v>
      </c>
    </row>
    <row r="1820" spans="1:3" x14ac:dyDescent="0.25">
      <c r="A1820" t="s">
        <v>12</v>
      </c>
      <c r="B1820">
        <v>0.1</v>
      </c>
      <c r="C1820">
        <v>0.35</v>
      </c>
    </row>
    <row r="1821" spans="1:3" x14ac:dyDescent="0.25">
      <c r="A1821" t="s">
        <v>8</v>
      </c>
      <c r="B1821">
        <v>0.88</v>
      </c>
      <c r="C1821">
        <v>0.74</v>
      </c>
    </row>
    <row r="1822" spans="1:3" x14ac:dyDescent="0.25">
      <c r="A1822" t="s">
        <v>10</v>
      </c>
      <c r="B1822">
        <v>0.78</v>
      </c>
      <c r="C1822">
        <v>0.4</v>
      </c>
    </row>
    <row r="1823" spans="1:3" x14ac:dyDescent="0.25">
      <c r="A1823" t="s">
        <v>12</v>
      </c>
      <c r="B1823">
        <v>0.47</v>
      </c>
      <c r="C1823">
        <v>0.75</v>
      </c>
    </row>
    <row r="1824" spans="1:3" x14ac:dyDescent="0.25">
      <c r="A1824" t="s">
        <v>8</v>
      </c>
      <c r="B1824">
        <v>0.31</v>
      </c>
      <c r="C1824">
        <v>0.51</v>
      </c>
    </row>
    <row r="1825" spans="1:3" x14ac:dyDescent="0.25">
      <c r="A1825" t="s">
        <v>10</v>
      </c>
      <c r="B1825">
        <v>0.68</v>
      </c>
      <c r="C1825">
        <v>0.83</v>
      </c>
    </row>
    <row r="1826" spans="1:3" x14ac:dyDescent="0.25">
      <c r="A1826" t="s">
        <v>10</v>
      </c>
      <c r="B1826">
        <v>0.94</v>
      </c>
      <c r="C1826">
        <v>0.12</v>
      </c>
    </row>
    <row r="1827" spans="1:3" x14ac:dyDescent="0.25">
      <c r="A1827" t="s">
        <v>10</v>
      </c>
      <c r="B1827">
        <v>0.42</v>
      </c>
      <c r="C1827">
        <v>0.36</v>
      </c>
    </row>
    <row r="1828" spans="1:3" x14ac:dyDescent="0.25">
      <c r="A1828" t="s">
        <v>10</v>
      </c>
      <c r="B1828">
        <v>0.98</v>
      </c>
      <c r="C1828">
        <v>0.14000000000000001</v>
      </c>
    </row>
    <row r="1829" spans="1:3" x14ac:dyDescent="0.25">
      <c r="A1829" t="s">
        <v>12</v>
      </c>
      <c r="B1829">
        <v>0.92</v>
      </c>
      <c r="C1829">
        <v>0.3</v>
      </c>
    </row>
    <row r="1830" spans="1:3" x14ac:dyDescent="0.25">
      <c r="A1830" t="s">
        <v>12</v>
      </c>
      <c r="B1830">
        <v>0</v>
      </c>
      <c r="C1830">
        <v>0.32</v>
      </c>
    </row>
    <row r="1831" spans="1:3" x14ac:dyDescent="0.25">
      <c r="A1831" t="s">
        <v>12</v>
      </c>
      <c r="B1831">
        <v>0.65</v>
      </c>
      <c r="C1831">
        <v>0.55000000000000004</v>
      </c>
    </row>
    <row r="1832" spans="1:3" x14ac:dyDescent="0.25">
      <c r="A1832" t="s">
        <v>10</v>
      </c>
      <c r="B1832">
        <v>0.9</v>
      </c>
      <c r="C1832">
        <v>0.67</v>
      </c>
    </row>
    <row r="1833" spans="1:3" x14ac:dyDescent="0.25">
      <c r="A1833" t="s">
        <v>12</v>
      </c>
      <c r="B1833">
        <v>0.83</v>
      </c>
      <c r="C1833">
        <v>7.0000000000000007E-2</v>
      </c>
    </row>
    <row r="1834" spans="1:3" x14ac:dyDescent="0.25">
      <c r="A1834" t="s">
        <v>12</v>
      </c>
      <c r="B1834">
        <v>0.66</v>
      </c>
      <c r="C1834">
        <v>0.22</v>
      </c>
    </row>
    <row r="1835" spans="1:3" x14ac:dyDescent="0.25">
      <c r="A1835" t="s">
        <v>8</v>
      </c>
      <c r="B1835">
        <v>0.37</v>
      </c>
      <c r="C1835">
        <v>0.14000000000000001</v>
      </c>
    </row>
    <row r="1836" spans="1:3" x14ac:dyDescent="0.25">
      <c r="A1836" t="s">
        <v>10</v>
      </c>
      <c r="B1836">
        <v>0.99</v>
      </c>
      <c r="C1836">
        <v>0.54</v>
      </c>
    </row>
    <row r="1837" spans="1:3" x14ac:dyDescent="0.25">
      <c r="A1837" t="s">
        <v>10</v>
      </c>
      <c r="B1837">
        <v>0.27</v>
      </c>
      <c r="C1837">
        <v>0.57999999999999996</v>
      </c>
    </row>
    <row r="1838" spans="1:3" x14ac:dyDescent="0.25">
      <c r="A1838" t="s">
        <v>10</v>
      </c>
      <c r="B1838">
        <v>0.39</v>
      </c>
      <c r="C1838">
        <v>0.27</v>
      </c>
    </row>
    <row r="1839" spans="1:3" x14ac:dyDescent="0.25">
      <c r="A1839" t="s">
        <v>8</v>
      </c>
      <c r="B1839">
        <v>0.25</v>
      </c>
      <c r="C1839">
        <v>0.65</v>
      </c>
    </row>
    <row r="1840" spans="1:3" x14ac:dyDescent="0.25">
      <c r="A1840" t="s">
        <v>12</v>
      </c>
      <c r="B1840">
        <v>7.0000000000000007E-2</v>
      </c>
      <c r="C1840">
        <v>0.26</v>
      </c>
    </row>
    <row r="1841" spans="1:3" x14ac:dyDescent="0.25">
      <c r="A1841" t="s">
        <v>10</v>
      </c>
      <c r="B1841">
        <v>0.35</v>
      </c>
      <c r="C1841">
        <v>0.2</v>
      </c>
    </row>
    <row r="1842" spans="1:3" x14ac:dyDescent="0.25">
      <c r="A1842" t="s">
        <v>24</v>
      </c>
      <c r="B1842">
        <v>0.28999999999999998</v>
      </c>
      <c r="C1842">
        <v>0.24</v>
      </c>
    </row>
    <row r="1843" spans="1:3" x14ac:dyDescent="0.25">
      <c r="A1843" t="s">
        <v>24</v>
      </c>
      <c r="B1843">
        <v>0.84</v>
      </c>
      <c r="C1843">
        <v>0.26</v>
      </c>
    </row>
    <row r="1844" spans="1:3" x14ac:dyDescent="0.25">
      <c r="A1844" t="s">
        <v>8</v>
      </c>
      <c r="B1844">
        <v>0.47</v>
      </c>
      <c r="C1844">
        <v>0.5</v>
      </c>
    </row>
    <row r="1845" spans="1:3" x14ac:dyDescent="0.25">
      <c r="A1845" t="s">
        <v>10</v>
      </c>
      <c r="B1845">
        <v>0.97</v>
      </c>
      <c r="C1845">
        <v>0.93</v>
      </c>
    </row>
    <row r="1846" spans="1:3" x14ac:dyDescent="0.25">
      <c r="A1846" t="s">
        <v>12</v>
      </c>
      <c r="B1846">
        <v>0.47</v>
      </c>
      <c r="C1846">
        <v>0.47</v>
      </c>
    </row>
    <row r="1847" spans="1:3" x14ac:dyDescent="0.25">
      <c r="A1847" t="s">
        <v>12</v>
      </c>
      <c r="B1847">
        <v>0.05</v>
      </c>
      <c r="C1847">
        <v>0.22</v>
      </c>
    </row>
    <row r="1848" spans="1:3" x14ac:dyDescent="0.25">
      <c r="A1848" t="s">
        <v>8</v>
      </c>
      <c r="B1848">
        <v>0.68</v>
      </c>
      <c r="C1848">
        <v>0.27</v>
      </c>
    </row>
    <row r="1849" spans="1:3" x14ac:dyDescent="0.25">
      <c r="A1849" t="s">
        <v>8</v>
      </c>
      <c r="B1849">
        <v>0.46</v>
      </c>
      <c r="C1849">
        <v>0.11</v>
      </c>
    </row>
    <row r="1850" spans="1:3" x14ac:dyDescent="0.25">
      <c r="A1850" t="s">
        <v>24</v>
      </c>
      <c r="B1850">
        <v>0.77</v>
      </c>
      <c r="C1850">
        <v>0.88</v>
      </c>
    </row>
    <row r="1851" spans="1:3" x14ac:dyDescent="0.25">
      <c r="A1851" t="s">
        <v>8</v>
      </c>
      <c r="B1851">
        <v>0.83</v>
      </c>
      <c r="C1851">
        <v>0.67</v>
      </c>
    </row>
    <row r="1852" spans="1:3" x14ac:dyDescent="0.25">
      <c r="A1852" t="s">
        <v>10</v>
      </c>
      <c r="B1852">
        <v>0.05</v>
      </c>
      <c r="C1852">
        <v>0.46</v>
      </c>
    </row>
    <row r="1853" spans="1:3" x14ac:dyDescent="0.25">
      <c r="A1853" t="s">
        <v>24</v>
      </c>
      <c r="B1853">
        <v>0.3</v>
      </c>
      <c r="C1853">
        <v>0.73</v>
      </c>
    </row>
    <row r="1854" spans="1:3" x14ac:dyDescent="0.25">
      <c r="A1854" t="s">
        <v>12</v>
      </c>
      <c r="B1854">
        <v>0.14000000000000001</v>
      </c>
      <c r="C1854">
        <v>0.7</v>
      </c>
    </row>
    <row r="1855" spans="1:3" x14ac:dyDescent="0.25">
      <c r="A1855" t="s">
        <v>24</v>
      </c>
      <c r="B1855">
        <v>0.93</v>
      </c>
      <c r="C1855">
        <v>0.47</v>
      </c>
    </row>
    <row r="1856" spans="1:3" x14ac:dyDescent="0.25">
      <c r="A1856" t="s">
        <v>8</v>
      </c>
      <c r="B1856">
        <v>0.74</v>
      </c>
      <c r="C1856">
        <v>0.18</v>
      </c>
    </row>
    <row r="1857" spans="1:3" x14ac:dyDescent="0.25">
      <c r="A1857" t="s">
        <v>10</v>
      </c>
      <c r="B1857">
        <v>0.4</v>
      </c>
      <c r="C1857">
        <v>0.13</v>
      </c>
    </row>
    <row r="1858" spans="1:3" x14ac:dyDescent="0.25">
      <c r="A1858" t="s">
        <v>10</v>
      </c>
      <c r="B1858">
        <v>0.73</v>
      </c>
      <c r="C1858">
        <v>0.36</v>
      </c>
    </row>
    <row r="1859" spans="1:3" x14ac:dyDescent="0.25">
      <c r="A1859" t="s">
        <v>24</v>
      </c>
      <c r="B1859">
        <v>0.6</v>
      </c>
      <c r="C1859">
        <v>0.43</v>
      </c>
    </row>
    <row r="1860" spans="1:3" x14ac:dyDescent="0.25">
      <c r="A1860" t="s">
        <v>24</v>
      </c>
      <c r="B1860">
        <v>0.73</v>
      </c>
      <c r="C1860">
        <v>0.11</v>
      </c>
    </row>
    <row r="1861" spans="1:3" x14ac:dyDescent="0.25">
      <c r="A1861" t="s">
        <v>24</v>
      </c>
      <c r="B1861">
        <v>0.77</v>
      </c>
      <c r="C1861">
        <v>0.65</v>
      </c>
    </row>
    <row r="1862" spans="1:3" x14ac:dyDescent="0.25">
      <c r="A1862" t="s">
        <v>24</v>
      </c>
      <c r="B1862">
        <v>0.98</v>
      </c>
      <c r="C1862">
        <v>0.26</v>
      </c>
    </row>
    <row r="1863" spans="1:3" x14ac:dyDescent="0.25">
      <c r="A1863" t="s">
        <v>12</v>
      </c>
      <c r="B1863">
        <v>0.95</v>
      </c>
      <c r="C1863">
        <v>0.27</v>
      </c>
    </row>
    <row r="1864" spans="1:3" x14ac:dyDescent="0.25">
      <c r="A1864" t="s">
        <v>10</v>
      </c>
      <c r="B1864">
        <v>0.06</v>
      </c>
      <c r="C1864">
        <v>0.67</v>
      </c>
    </row>
    <row r="1865" spans="1:3" x14ac:dyDescent="0.25">
      <c r="A1865" t="s">
        <v>10</v>
      </c>
      <c r="B1865">
        <v>0.8</v>
      </c>
      <c r="C1865">
        <v>0.44</v>
      </c>
    </row>
    <row r="1866" spans="1:3" x14ac:dyDescent="0.25">
      <c r="A1866" t="s">
        <v>10</v>
      </c>
      <c r="B1866">
        <v>0.65</v>
      </c>
      <c r="C1866">
        <v>0.25</v>
      </c>
    </row>
    <row r="1867" spans="1:3" x14ac:dyDescent="0.25">
      <c r="A1867" t="s">
        <v>12</v>
      </c>
      <c r="B1867">
        <v>0.49</v>
      </c>
      <c r="C1867">
        <v>0.67</v>
      </c>
    </row>
    <row r="1868" spans="1:3" x14ac:dyDescent="0.25">
      <c r="A1868" t="s">
        <v>10</v>
      </c>
      <c r="B1868">
        <v>0.63</v>
      </c>
      <c r="C1868">
        <v>0.46</v>
      </c>
    </row>
    <row r="1869" spans="1:3" x14ac:dyDescent="0.25">
      <c r="A1869" t="s">
        <v>12</v>
      </c>
      <c r="B1869">
        <v>0.74</v>
      </c>
      <c r="C1869">
        <v>0.56000000000000005</v>
      </c>
    </row>
    <row r="1870" spans="1:3" x14ac:dyDescent="0.25">
      <c r="A1870" t="s">
        <v>12</v>
      </c>
      <c r="B1870">
        <v>0.06</v>
      </c>
      <c r="C1870">
        <v>0.23</v>
      </c>
    </row>
    <row r="1871" spans="1:3" x14ac:dyDescent="0.25">
      <c r="A1871" t="s">
        <v>12</v>
      </c>
      <c r="B1871">
        <v>0.72</v>
      </c>
      <c r="C1871">
        <v>0.05</v>
      </c>
    </row>
    <row r="1872" spans="1:3" x14ac:dyDescent="0.25">
      <c r="A1872" t="s">
        <v>8</v>
      </c>
      <c r="B1872">
        <v>0.92</v>
      </c>
      <c r="C1872">
        <v>0.8</v>
      </c>
    </row>
    <row r="1873" spans="1:3" x14ac:dyDescent="0.25">
      <c r="A1873" t="s">
        <v>24</v>
      </c>
      <c r="B1873">
        <v>0.22</v>
      </c>
      <c r="C1873">
        <v>0.52</v>
      </c>
    </row>
    <row r="1874" spans="1:3" x14ac:dyDescent="0.25">
      <c r="A1874" t="s">
        <v>10</v>
      </c>
      <c r="B1874">
        <v>0.47</v>
      </c>
      <c r="C1874">
        <v>0.85</v>
      </c>
    </row>
    <row r="1875" spans="1:3" x14ac:dyDescent="0.25">
      <c r="A1875" t="s">
        <v>8</v>
      </c>
      <c r="B1875">
        <v>0.12</v>
      </c>
      <c r="C1875">
        <v>0.59</v>
      </c>
    </row>
    <row r="1876" spans="1:3" x14ac:dyDescent="0.25">
      <c r="A1876" t="s">
        <v>8</v>
      </c>
      <c r="B1876">
        <v>0.11</v>
      </c>
      <c r="C1876">
        <v>0.73</v>
      </c>
    </row>
    <row r="1877" spans="1:3" x14ac:dyDescent="0.25">
      <c r="A1877" t="s">
        <v>8</v>
      </c>
      <c r="B1877">
        <v>0.33</v>
      </c>
      <c r="C1877">
        <v>0.41</v>
      </c>
    </row>
    <row r="1878" spans="1:3" x14ac:dyDescent="0.25">
      <c r="A1878" t="s">
        <v>24</v>
      </c>
      <c r="B1878">
        <v>0.56999999999999995</v>
      </c>
      <c r="C1878">
        <v>0.68</v>
      </c>
    </row>
    <row r="1879" spans="1:3" x14ac:dyDescent="0.25">
      <c r="A1879" t="s">
        <v>12</v>
      </c>
      <c r="B1879">
        <v>0.56999999999999995</v>
      </c>
      <c r="C1879">
        <v>0.92</v>
      </c>
    </row>
    <row r="1880" spans="1:3" x14ac:dyDescent="0.25">
      <c r="A1880" t="s">
        <v>12</v>
      </c>
      <c r="B1880">
        <v>0.24</v>
      </c>
      <c r="C1880">
        <v>0.9</v>
      </c>
    </row>
    <row r="1881" spans="1:3" x14ac:dyDescent="0.25">
      <c r="A1881" t="s">
        <v>24</v>
      </c>
      <c r="B1881">
        <v>0.67</v>
      </c>
      <c r="C1881">
        <v>0.93</v>
      </c>
    </row>
    <row r="1882" spans="1:3" x14ac:dyDescent="0.25">
      <c r="A1882" t="s">
        <v>8</v>
      </c>
      <c r="B1882">
        <v>0.25</v>
      </c>
      <c r="C1882">
        <v>0.68</v>
      </c>
    </row>
    <row r="1883" spans="1:3" x14ac:dyDescent="0.25">
      <c r="A1883" t="s">
        <v>12</v>
      </c>
      <c r="B1883">
        <v>0.33</v>
      </c>
      <c r="C1883">
        <v>0.41</v>
      </c>
    </row>
    <row r="1884" spans="1:3" x14ac:dyDescent="0.25">
      <c r="A1884" t="s">
        <v>24</v>
      </c>
      <c r="B1884">
        <v>0.37</v>
      </c>
      <c r="C1884">
        <v>0.41</v>
      </c>
    </row>
    <row r="1885" spans="1:3" x14ac:dyDescent="0.25">
      <c r="A1885" t="s">
        <v>24</v>
      </c>
      <c r="B1885">
        <v>0.38</v>
      </c>
      <c r="C1885">
        <v>0.25</v>
      </c>
    </row>
    <row r="1886" spans="1:3" x14ac:dyDescent="0.25">
      <c r="A1886" t="s">
        <v>10</v>
      </c>
      <c r="B1886">
        <v>0.03</v>
      </c>
      <c r="C1886">
        <v>0.12</v>
      </c>
    </row>
    <row r="1887" spans="1:3" x14ac:dyDescent="0.25">
      <c r="A1887" t="s">
        <v>8</v>
      </c>
      <c r="B1887">
        <v>0.12</v>
      </c>
      <c r="C1887">
        <v>0.28000000000000003</v>
      </c>
    </row>
    <row r="1888" spans="1:3" x14ac:dyDescent="0.25">
      <c r="A1888" t="s">
        <v>10</v>
      </c>
      <c r="B1888">
        <v>0.66</v>
      </c>
      <c r="C1888">
        <v>0.22</v>
      </c>
    </row>
    <row r="1889" spans="1:3" x14ac:dyDescent="0.25">
      <c r="A1889" t="s">
        <v>10</v>
      </c>
      <c r="B1889">
        <v>0.98</v>
      </c>
      <c r="C1889">
        <v>0.82</v>
      </c>
    </row>
    <row r="1890" spans="1:3" x14ac:dyDescent="0.25">
      <c r="A1890" t="s">
        <v>10</v>
      </c>
      <c r="B1890">
        <v>0.36</v>
      </c>
      <c r="C1890">
        <v>0.42</v>
      </c>
    </row>
    <row r="1891" spans="1:3" x14ac:dyDescent="0.25">
      <c r="A1891" t="s">
        <v>24</v>
      </c>
      <c r="B1891">
        <v>0.49</v>
      </c>
      <c r="C1891">
        <v>0.51</v>
      </c>
    </row>
    <row r="1892" spans="1:3" x14ac:dyDescent="0.25">
      <c r="A1892" t="s">
        <v>10</v>
      </c>
      <c r="B1892">
        <v>0.22</v>
      </c>
      <c r="C1892">
        <v>0.81</v>
      </c>
    </row>
    <row r="1893" spans="1:3" x14ac:dyDescent="0.25">
      <c r="A1893" t="s">
        <v>12</v>
      </c>
      <c r="B1893">
        <v>0.62</v>
      </c>
      <c r="C1893">
        <v>0.32</v>
      </c>
    </row>
    <row r="1894" spans="1:3" x14ac:dyDescent="0.25">
      <c r="A1894" t="s">
        <v>10</v>
      </c>
      <c r="B1894">
        <v>0.26</v>
      </c>
      <c r="C1894">
        <v>0.5</v>
      </c>
    </row>
    <row r="1895" spans="1:3" x14ac:dyDescent="0.25">
      <c r="A1895" t="s">
        <v>10</v>
      </c>
      <c r="B1895">
        <v>0.36</v>
      </c>
      <c r="C1895">
        <v>0.17</v>
      </c>
    </row>
    <row r="1896" spans="1:3" x14ac:dyDescent="0.25">
      <c r="A1896" t="s">
        <v>10</v>
      </c>
      <c r="B1896">
        <v>0.2</v>
      </c>
      <c r="C1896">
        <v>0.22</v>
      </c>
    </row>
    <row r="1897" spans="1:3" x14ac:dyDescent="0.25">
      <c r="A1897" t="s">
        <v>10</v>
      </c>
      <c r="B1897">
        <v>0.03</v>
      </c>
      <c r="C1897">
        <v>0.81</v>
      </c>
    </row>
    <row r="1898" spans="1:3" x14ac:dyDescent="0.25">
      <c r="A1898" t="s">
        <v>10</v>
      </c>
      <c r="B1898">
        <v>0.05</v>
      </c>
      <c r="C1898">
        <v>0.44</v>
      </c>
    </row>
    <row r="1899" spans="1:3" x14ac:dyDescent="0.25">
      <c r="A1899" t="s">
        <v>12</v>
      </c>
      <c r="B1899">
        <v>0.62</v>
      </c>
      <c r="C1899">
        <v>0.59</v>
      </c>
    </row>
    <row r="1900" spans="1:3" x14ac:dyDescent="0.25">
      <c r="A1900" t="s">
        <v>8</v>
      </c>
      <c r="B1900">
        <v>0.67</v>
      </c>
      <c r="C1900">
        <v>0.67</v>
      </c>
    </row>
    <row r="1901" spans="1:3" x14ac:dyDescent="0.25">
      <c r="A1901" t="s">
        <v>12</v>
      </c>
      <c r="B1901">
        <v>0.26</v>
      </c>
      <c r="C1901">
        <v>0.18</v>
      </c>
    </row>
    <row r="1902" spans="1:3" x14ac:dyDescent="0.25">
      <c r="A1902" t="s">
        <v>8</v>
      </c>
      <c r="B1902">
        <v>0.62</v>
      </c>
      <c r="C1902">
        <v>0.22</v>
      </c>
    </row>
    <row r="1903" spans="1:3" x14ac:dyDescent="0.25">
      <c r="A1903" t="s">
        <v>10</v>
      </c>
      <c r="B1903">
        <v>0.54</v>
      </c>
      <c r="C1903">
        <v>0.76</v>
      </c>
    </row>
    <row r="1904" spans="1:3" x14ac:dyDescent="0.25">
      <c r="A1904" t="s">
        <v>12</v>
      </c>
      <c r="B1904">
        <v>0.09</v>
      </c>
      <c r="C1904">
        <v>0.79</v>
      </c>
    </row>
    <row r="1905" spans="1:3" x14ac:dyDescent="0.25">
      <c r="A1905" t="s">
        <v>12</v>
      </c>
      <c r="B1905">
        <v>0.85</v>
      </c>
      <c r="C1905">
        <v>0.91</v>
      </c>
    </row>
    <row r="1906" spans="1:3" x14ac:dyDescent="0.25">
      <c r="A1906" t="s">
        <v>24</v>
      </c>
      <c r="B1906">
        <v>0.32</v>
      </c>
      <c r="C1906">
        <v>0.82</v>
      </c>
    </row>
    <row r="1907" spans="1:3" x14ac:dyDescent="0.25">
      <c r="A1907" t="s">
        <v>12</v>
      </c>
      <c r="B1907">
        <v>0.62</v>
      </c>
      <c r="C1907">
        <v>0.75</v>
      </c>
    </row>
    <row r="1908" spans="1:3" x14ac:dyDescent="0.25">
      <c r="A1908" t="s">
        <v>10</v>
      </c>
      <c r="B1908">
        <v>0.05</v>
      </c>
      <c r="C1908">
        <v>0.33</v>
      </c>
    </row>
    <row r="1909" spans="1:3" x14ac:dyDescent="0.25">
      <c r="A1909" t="s">
        <v>12</v>
      </c>
      <c r="B1909">
        <v>0.43</v>
      </c>
      <c r="C1909">
        <v>0.25</v>
      </c>
    </row>
    <row r="1910" spans="1:3" x14ac:dyDescent="0.25">
      <c r="A1910" t="s">
        <v>12</v>
      </c>
      <c r="B1910">
        <v>0.3</v>
      </c>
      <c r="C1910">
        <v>0.87</v>
      </c>
    </row>
    <row r="1911" spans="1:3" x14ac:dyDescent="0.25">
      <c r="A1911" t="s">
        <v>10</v>
      </c>
      <c r="B1911">
        <v>0.82</v>
      </c>
      <c r="C1911">
        <v>0.33</v>
      </c>
    </row>
    <row r="1912" spans="1:3" x14ac:dyDescent="0.25">
      <c r="A1912" t="s">
        <v>8</v>
      </c>
      <c r="B1912">
        <v>0.63</v>
      </c>
      <c r="C1912">
        <v>0.39</v>
      </c>
    </row>
    <row r="1913" spans="1:3" x14ac:dyDescent="0.25">
      <c r="A1913" t="s">
        <v>24</v>
      </c>
      <c r="B1913">
        <v>0.41</v>
      </c>
      <c r="C1913">
        <v>0.81</v>
      </c>
    </row>
    <row r="1914" spans="1:3" x14ac:dyDescent="0.25">
      <c r="A1914" t="s">
        <v>24</v>
      </c>
      <c r="B1914">
        <v>0.78</v>
      </c>
      <c r="C1914">
        <v>0.09</v>
      </c>
    </row>
    <row r="1915" spans="1:3" x14ac:dyDescent="0.25">
      <c r="A1915" t="s">
        <v>12</v>
      </c>
      <c r="B1915">
        <v>0.92</v>
      </c>
      <c r="C1915">
        <v>0.91</v>
      </c>
    </row>
    <row r="1916" spans="1:3" x14ac:dyDescent="0.25">
      <c r="A1916" t="s">
        <v>24</v>
      </c>
      <c r="B1916">
        <v>0.17</v>
      </c>
      <c r="C1916">
        <v>0.54</v>
      </c>
    </row>
    <row r="1917" spans="1:3" x14ac:dyDescent="0.25">
      <c r="A1917" t="s">
        <v>24</v>
      </c>
      <c r="B1917">
        <v>0</v>
      </c>
      <c r="C1917">
        <v>0.52</v>
      </c>
    </row>
    <row r="1918" spans="1:3" x14ac:dyDescent="0.25">
      <c r="A1918" t="s">
        <v>8</v>
      </c>
      <c r="B1918">
        <v>0.33</v>
      </c>
      <c r="C1918">
        <v>0.28000000000000003</v>
      </c>
    </row>
    <row r="1919" spans="1:3" x14ac:dyDescent="0.25">
      <c r="A1919" t="s">
        <v>12</v>
      </c>
      <c r="B1919">
        <v>0.35</v>
      </c>
      <c r="C1919">
        <v>0.31</v>
      </c>
    </row>
    <row r="1920" spans="1:3" x14ac:dyDescent="0.25">
      <c r="A1920" t="s">
        <v>24</v>
      </c>
      <c r="B1920">
        <v>0.86</v>
      </c>
      <c r="C1920">
        <v>0.45</v>
      </c>
    </row>
    <row r="1921" spans="1:3" x14ac:dyDescent="0.25">
      <c r="A1921" t="s">
        <v>8</v>
      </c>
      <c r="B1921">
        <v>0.9</v>
      </c>
      <c r="C1921">
        <v>0.93</v>
      </c>
    </row>
    <row r="1922" spans="1:3" x14ac:dyDescent="0.25">
      <c r="A1922" t="s">
        <v>24</v>
      </c>
      <c r="B1922">
        <v>0.42</v>
      </c>
      <c r="C1922">
        <v>0.42</v>
      </c>
    </row>
    <row r="1923" spans="1:3" x14ac:dyDescent="0.25">
      <c r="A1923" t="s">
        <v>10</v>
      </c>
      <c r="B1923">
        <v>0.11</v>
      </c>
      <c r="C1923">
        <v>0.48</v>
      </c>
    </row>
    <row r="1924" spans="1:3" x14ac:dyDescent="0.25">
      <c r="A1924" t="s">
        <v>12</v>
      </c>
      <c r="B1924">
        <v>0.77</v>
      </c>
      <c r="C1924">
        <v>0.54</v>
      </c>
    </row>
    <row r="1925" spans="1:3" x14ac:dyDescent="0.25">
      <c r="A1925" t="s">
        <v>8</v>
      </c>
      <c r="B1925">
        <v>0.37</v>
      </c>
      <c r="C1925">
        <v>0.13</v>
      </c>
    </row>
    <row r="1926" spans="1:3" x14ac:dyDescent="0.25">
      <c r="A1926" t="s">
        <v>24</v>
      </c>
      <c r="B1926">
        <v>0.62</v>
      </c>
      <c r="C1926">
        <v>0.16</v>
      </c>
    </row>
    <row r="1927" spans="1:3" x14ac:dyDescent="0.25">
      <c r="A1927" t="s">
        <v>12</v>
      </c>
      <c r="B1927">
        <v>0.82</v>
      </c>
      <c r="C1927">
        <v>0.65</v>
      </c>
    </row>
    <row r="1928" spans="1:3" x14ac:dyDescent="0.25">
      <c r="A1928" t="s">
        <v>10</v>
      </c>
      <c r="B1928">
        <v>0.65</v>
      </c>
      <c r="C1928">
        <v>0.5</v>
      </c>
    </row>
    <row r="1929" spans="1:3" x14ac:dyDescent="0.25">
      <c r="A1929" t="s">
        <v>12</v>
      </c>
      <c r="B1929">
        <v>0.9</v>
      </c>
      <c r="C1929">
        <v>0.8</v>
      </c>
    </row>
    <row r="1930" spans="1:3" x14ac:dyDescent="0.25">
      <c r="A1930" t="s">
        <v>8</v>
      </c>
      <c r="B1930">
        <v>0.5</v>
      </c>
      <c r="C1930">
        <v>0.4</v>
      </c>
    </row>
    <row r="1931" spans="1:3" x14ac:dyDescent="0.25">
      <c r="A1931" t="s">
        <v>8</v>
      </c>
      <c r="B1931">
        <v>0.06</v>
      </c>
      <c r="C1931">
        <v>0.33</v>
      </c>
    </row>
    <row r="1932" spans="1:3" x14ac:dyDescent="0.25">
      <c r="A1932" t="s">
        <v>8</v>
      </c>
      <c r="B1932">
        <v>0.66</v>
      </c>
      <c r="C1932">
        <v>0.41</v>
      </c>
    </row>
    <row r="1933" spans="1:3" x14ac:dyDescent="0.25">
      <c r="A1933" t="s">
        <v>8</v>
      </c>
      <c r="B1933">
        <v>0.68</v>
      </c>
      <c r="C1933">
        <v>0.12</v>
      </c>
    </row>
    <row r="1934" spans="1:3" x14ac:dyDescent="0.25">
      <c r="A1934" t="s">
        <v>24</v>
      </c>
      <c r="B1934">
        <v>0.9</v>
      </c>
      <c r="C1934">
        <v>0.8</v>
      </c>
    </row>
    <row r="1935" spans="1:3" x14ac:dyDescent="0.25">
      <c r="A1935" t="s">
        <v>12</v>
      </c>
      <c r="B1935">
        <v>0.5</v>
      </c>
      <c r="C1935">
        <v>0.85</v>
      </c>
    </row>
    <row r="1936" spans="1:3" x14ac:dyDescent="0.25">
      <c r="A1936" t="s">
        <v>10</v>
      </c>
      <c r="B1936">
        <v>0.33</v>
      </c>
      <c r="C1936">
        <v>0.94</v>
      </c>
    </row>
    <row r="1937" spans="1:3" x14ac:dyDescent="0.25">
      <c r="A1937" t="s">
        <v>12</v>
      </c>
      <c r="B1937">
        <v>0.43</v>
      </c>
      <c r="C1937">
        <v>0.73</v>
      </c>
    </row>
    <row r="1938" spans="1:3" x14ac:dyDescent="0.25">
      <c r="A1938" t="s">
        <v>12</v>
      </c>
      <c r="B1938">
        <v>0.6</v>
      </c>
      <c r="C1938">
        <v>0.08</v>
      </c>
    </row>
    <row r="1939" spans="1:3" x14ac:dyDescent="0.25">
      <c r="A1939" t="s">
        <v>24</v>
      </c>
      <c r="B1939">
        <v>0.35</v>
      </c>
      <c r="C1939">
        <v>0.35</v>
      </c>
    </row>
    <row r="1940" spans="1:3" x14ac:dyDescent="0.25">
      <c r="A1940" t="s">
        <v>8</v>
      </c>
      <c r="B1940">
        <v>0.01</v>
      </c>
      <c r="C1940">
        <v>0.72</v>
      </c>
    </row>
    <row r="1941" spans="1:3" x14ac:dyDescent="0.25">
      <c r="A1941" t="s">
        <v>24</v>
      </c>
      <c r="B1941">
        <v>0.6</v>
      </c>
      <c r="C1941">
        <v>0.72</v>
      </c>
    </row>
    <row r="1942" spans="1:3" x14ac:dyDescent="0.25">
      <c r="A1942" t="s">
        <v>10</v>
      </c>
      <c r="B1942">
        <v>0.64</v>
      </c>
      <c r="C1942">
        <v>0.49</v>
      </c>
    </row>
    <row r="1943" spans="1:3" x14ac:dyDescent="0.25">
      <c r="A1943" t="s">
        <v>8</v>
      </c>
      <c r="B1943">
        <v>0.12</v>
      </c>
      <c r="C1943">
        <v>0.56999999999999995</v>
      </c>
    </row>
    <row r="1944" spans="1:3" x14ac:dyDescent="0.25">
      <c r="A1944" t="s">
        <v>10</v>
      </c>
      <c r="B1944">
        <v>0.98</v>
      </c>
      <c r="C1944">
        <v>0.83</v>
      </c>
    </row>
    <row r="1945" spans="1:3" x14ac:dyDescent="0.25">
      <c r="A1945" t="s">
        <v>24</v>
      </c>
      <c r="B1945">
        <v>0.92</v>
      </c>
      <c r="C1945">
        <v>0.88</v>
      </c>
    </row>
    <row r="1946" spans="1:3" x14ac:dyDescent="0.25">
      <c r="A1946" t="s">
        <v>24</v>
      </c>
      <c r="B1946">
        <v>0.01</v>
      </c>
      <c r="C1946">
        <v>0.86</v>
      </c>
    </row>
    <row r="1947" spans="1:3" x14ac:dyDescent="0.25">
      <c r="A1947" t="s">
        <v>8</v>
      </c>
      <c r="B1947">
        <v>0.14000000000000001</v>
      </c>
      <c r="C1947">
        <v>0.06</v>
      </c>
    </row>
    <row r="1948" spans="1:3" x14ac:dyDescent="0.25">
      <c r="A1948" t="s">
        <v>10</v>
      </c>
      <c r="B1948">
        <v>0.69</v>
      </c>
      <c r="C1948">
        <v>0.16</v>
      </c>
    </row>
    <row r="1949" spans="1:3" x14ac:dyDescent="0.25">
      <c r="A1949" t="s">
        <v>8</v>
      </c>
      <c r="B1949">
        <v>0.91</v>
      </c>
      <c r="C1949">
        <v>0.19</v>
      </c>
    </row>
    <row r="1950" spans="1:3" x14ac:dyDescent="0.25">
      <c r="A1950" t="s">
        <v>24</v>
      </c>
      <c r="B1950">
        <v>0.78</v>
      </c>
      <c r="C1950">
        <v>0.61</v>
      </c>
    </row>
    <row r="1951" spans="1:3" x14ac:dyDescent="0.25">
      <c r="A1951" t="s">
        <v>8</v>
      </c>
      <c r="B1951">
        <v>0.77</v>
      </c>
      <c r="C1951">
        <v>0.12</v>
      </c>
    </row>
    <row r="1952" spans="1:3" x14ac:dyDescent="0.25">
      <c r="A1952" t="s">
        <v>10</v>
      </c>
      <c r="B1952">
        <v>0.98</v>
      </c>
      <c r="C1952">
        <v>0.2</v>
      </c>
    </row>
    <row r="1953" spans="1:3" x14ac:dyDescent="0.25">
      <c r="A1953" t="s">
        <v>12</v>
      </c>
      <c r="B1953">
        <v>0.5</v>
      </c>
      <c r="C1953">
        <v>0.44</v>
      </c>
    </row>
    <row r="1954" spans="1:3" x14ac:dyDescent="0.25">
      <c r="A1954" t="s">
        <v>12</v>
      </c>
      <c r="B1954">
        <v>0.97</v>
      </c>
      <c r="C1954">
        <v>0.93</v>
      </c>
    </row>
    <row r="1955" spans="1:3" x14ac:dyDescent="0.25">
      <c r="A1955" t="s">
        <v>24</v>
      </c>
      <c r="B1955">
        <v>0.64</v>
      </c>
      <c r="C1955">
        <v>0.4</v>
      </c>
    </row>
    <row r="1956" spans="1:3" x14ac:dyDescent="0.25">
      <c r="A1956" t="s">
        <v>8</v>
      </c>
      <c r="B1956">
        <v>0.15</v>
      </c>
      <c r="C1956">
        <v>0.32</v>
      </c>
    </row>
    <row r="1957" spans="1:3" x14ac:dyDescent="0.25">
      <c r="A1957" t="s">
        <v>8</v>
      </c>
      <c r="B1957">
        <v>0.26</v>
      </c>
      <c r="C1957">
        <v>0.19</v>
      </c>
    </row>
    <row r="1958" spans="1:3" x14ac:dyDescent="0.25">
      <c r="A1958" t="s">
        <v>12</v>
      </c>
      <c r="B1958">
        <v>0.43</v>
      </c>
      <c r="C1958">
        <v>0.75</v>
      </c>
    </row>
    <row r="1959" spans="1:3" x14ac:dyDescent="0.25">
      <c r="A1959" t="s">
        <v>10</v>
      </c>
      <c r="B1959">
        <v>0.48</v>
      </c>
      <c r="C1959">
        <v>0.31</v>
      </c>
    </row>
    <row r="1960" spans="1:3" x14ac:dyDescent="0.25">
      <c r="A1960" t="s">
        <v>8</v>
      </c>
      <c r="B1960">
        <v>0.73</v>
      </c>
      <c r="C1960">
        <v>0.47</v>
      </c>
    </row>
    <row r="1961" spans="1:3" x14ac:dyDescent="0.25">
      <c r="A1961" t="s">
        <v>12</v>
      </c>
      <c r="B1961">
        <v>0.52</v>
      </c>
      <c r="C1961">
        <v>0.39</v>
      </c>
    </row>
    <row r="1962" spans="1:3" x14ac:dyDescent="0.25">
      <c r="A1962" t="s">
        <v>12</v>
      </c>
      <c r="B1962">
        <v>0.32</v>
      </c>
      <c r="C1962">
        <v>0.63</v>
      </c>
    </row>
    <row r="1963" spans="1:3" x14ac:dyDescent="0.25">
      <c r="A1963" t="s">
        <v>12</v>
      </c>
      <c r="B1963">
        <v>0.96</v>
      </c>
      <c r="C1963">
        <v>0.39</v>
      </c>
    </row>
    <row r="1964" spans="1:3" x14ac:dyDescent="0.25">
      <c r="A1964" t="s">
        <v>8</v>
      </c>
      <c r="B1964">
        <v>0.45</v>
      </c>
      <c r="C1964">
        <v>0.78</v>
      </c>
    </row>
    <row r="1965" spans="1:3" x14ac:dyDescent="0.25">
      <c r="A1965" t="s">
        <v>10</v>
      </c>
      <c r="B1965">
        <v>0.42</v>
      </c>
      <c r="C1965">
        <v>0.3</v>
      </c>
    </row>
    <row r="1966" spans="1:3" x14ac:dyDescent="0.25">
      <c r="A1966" t="s">
        <v>12</v>
      </c>
      <c r="B1966">
        <v>0.37</v>
      </c>
      <c r="C1966">
        <v>0.6</v>
      </c>
    </row>
    <row r="1967" spans="1:3" x14ac:dyDescent="0.25">
      <c r="A1967" t="s">
        <v>12</v>
      </c>
      <c r="B1967">
        <v>0.06</v>
      </c>
      <c r="C1967">
        <v>0.45</v>
      </c>
    </row>
    <row r="1968" spans="1:3" x14ac:dyDescent="0.25">
      <c r="A1968" t="s">
        <v>8</v>
      </c>
      <c r="B1968">
        <v>0.25</v>
      </c>
      <c r="C1968">
        <v>0.22</v>
      </c>
    </row>
    <row r="1969" spans="1:3" x14ac:dyDescent="0.25">
      <c r="A1969" t="s">
        <v>12</v>
      </c>
      <c r="B1969">
        <v>0.93</v>
      </c>
      <c r="C1969">
        <v>0.32</v>
      </c>
    </row>
    <row r="1970" spans="1:3" x14ac:dyDescent="0.25">
      <c r="A1970" t="s">
        <v>10</v>
      </c>
      <c r="B1970">
        <v>0.64</v>
      </c>
      <c r="C1970">
        <v>0.22</v>
      </c>
    </row>
    <row r="1971" spans="1:3" x14ac:dyDescent="0.25">
      <c r="A1971" t="s">
        <v>12</v>
      </c>
      <c r="B1971">
        <v>0.63</v>
      </c>
      <c r="C1971">
        <v>0.44</v>
      </c>
    </row>
    <row r="1972" spans="1:3" x14ac:dyDescent="0.25">
      <c r="A1972" t="s">
        <v>12</v>
      </c>
      <c r="B1972">
        <v>7.0000000000000007E-2</v>
      </c>
      <c r="C1972">
        <v>0.71</v>
      </c>
    </row>
    <row r="1973" spans="1:3" x14ac:dyDescent="0.25">
      <c r="A1973" t="s">
        <v>8</v>
      </c>
      <c r="B1973">
        <v>0.13</v>
      </c>
      <c r="C1973">
        <v>0.53</v>
      </c>
    </row>
    <row r="1974" spans="1:3" x14ac:dyDescent="0.25">
      <c r="A1974" t="s">
        <v>8</v>
      </c>
      <c r="B1974">
        <v>0.93</v>
      </c>
      <c r="C1974">
        <v>0.05</v>
      </c>
    </row>
    <row r="1975" spans="1:3" x14ac:dyDescent="0.25">
      <c r="A1975" t="s">
        <v>24</v>
      </c>
      <c r="B1975">
        <v>0.32</v>
      </c>
      <c r="C1975">
        <v>7.0000000000000007E-2</v>
      </c>
    </row>
    <row r="1976" spans="1:3" x14ac:dyDescent="0.25">
      <c r="A1976" t="s">
        <v>24</v>
      </c>
      <c r="B1976">
        <v>0.43</v>
      </c>
      <c r="C1976">
        <v>0.28000000000000003</v>
      </c>
    </row>
    <row r="1977" spans="1:3" x14ac:dyDescent="0.25">
      <c r="A1977" t="s">
        <v>10</v>
      </c>
      <c r="B1977">
        <v>0.82</v>
      </c>
      <c r="C1977">
        <v>0.56000000000000005</v>
      </c>
    </row>
    <row r="1978" spans="1:3" x14ac:dyDescent="0.25">
      <c r="A1978" t="s">
        <v>12</v>
      </c>
      <c r="B1978">
        <v>0.02</v>
      </c>
      <c r="C1978">
        <v>0.61</v>
      </c>
    </row>
    <row r="1979" spans="1:3" x14ac:dyDescent="0.25">
      <c r="A1979" t="s">
        <v>8</v>
      </c>
      <c r="B1979">
        <v>0.88</v>
      </c>
      <c r="C1979">
        <v>0.28000000000000003</v>
      </c>
    </row>
    <row r="1980" spans="1:3" x14ac:dyDescent="0.25">
      <c r="A1980" t="s">
        <v>8</v>
      </c>
      <c r="B1980">
        <v>0.96</v>
      </c>
      <c r="C1980">
        <v>0.15</v>
      </c>
    </row>
    <row r="1981" spans="1:3" x14ac:dyDescent="0.25">
      <c r="A1981" t="s">
        <v>24</v>
      </c>
      <c r="B1981">
        <v>0.67</v>
      </c>
      <c r="C1981">
        <v>0.69</v>
      </c>
    </row>
    <row r="1982" spans="1:3" x14ac:dyDescent="0.25">
      <c r="A1982" t="s">
        <v>24</v>
      </c>
      <c r="B1982">
        <v>0.33</v>
      </c>
      <c r="C1982">
        <v>0.82</v>
      </c>
    </row>
    <row r="1983" spans="1:3" x14ac:dyDescent="0.25">
      <c r="A1983" t="s">
        <v>12</v>
      </c>
      <c r="B1983">
        <v>0.23</v>
      </c>
      <c r="C1983">
        <v>0.28000000000000003</v>
      </c>
    </row>
    <row r="1984" spans="1:3" x14ac:dyDescent="0.25">
      <c r="A1984" t="s">
        <v>24</v>
      </c>
      <c r="B1984">
        <v>0.28999999999999998</v>
      </c>
      <c r="C1984">
        <v>0.44</v>
      </c>
    </row>
    <row r="1985" spans="1:3" x14ac:dyDescent="0.25">
      <c r="A1985" t="s">
        <v>10</v>
      </c>
      <c r="B1985">
        <v>0.55000000000000004</v>
      </c>
      <c r="C1985">
        <v>0.9</v>
      </c>
    </row>
    <row r="1986" spans="1:3" x14ac:dyDescent="0.25">
      <c r="A1986" t="s">
        <v>24</v>
      </c>
      <c r="B1986">
        <v>0.85</v>
      </c>
      <c r="C1986">
        <v>0.94</v>
      </c>
    </row>
    <row r="1987" spans="1:3" x14ac:dyDescent="0.25">
      <c r="A1987" t="s">
        <v>24</v>
      </c>
      <c r="B1987">
        <v>0.91</v>
      </c>
      <c r="C1987">
        <v>0.24</v>
      </c>
    </row>
    <row r="1988" spans="1:3" x14ac:dyDescent="0.25">
      <c r="A1988" t="s">
        <v>8</v>
      </c>
      <c r="B1988">
        <v>0.34</v>
      </c>
      <c r="C1988">
        <v>0.18</v>
      </c>
    </row>
    <row r="1989" spans="1:3" x14ac:dyDescent="0.25">
      <c r="A1989" t="s">
        <v>10</v>
      </c>
      <c r="B1989">
        <v>0.47</v>
      </c>
      <c r="C1989">
        <v>0.53</v>
      </c>
    </row>
    <row r="1990" spans="1:3" x14ac:dyDescent="0.25">
      <c r="A1990" t="s">
        <v>24</v>
      </c>
      <c r="B1990">
        <v>0.31</v>
      </c>
      <c r="C1990">
        <v>0.55000000000000004</v>
      </c>
    </row>
    <row r="1991" spans="1:3" x14ac:dyDescent="0.25">
      <c r="A1991" t="s">
        <v>10</v>
      </c>
      <c r="B1991">
        <v>0.21</v>
      </c>
      <c r="C1991">
        <v>0.64</v>
      </c>
    </row>
    <row r="1992" spans="1:3" x14ac:dyDescent="0.25">
      <c r="A1992" t="s">
        <v>24</v>
      </c>
      <c r="B1992">
        <v>0.4</v>
      </c>
      <c r="C1992">
        <v>0.43</v>
      </c>
    </row>
    <row r="1993" spans="1:3" x14ac:dyDescent="0.25">
      <c r="A1993" t="s">
        <v>12</v>
      </c>
      <c r="B1993">
        <v>0.44</v>
      </c>
      <c r="C1993">
        <v>0.14000000000000001</v>
      </c>
    </row>
    <row r="1994" spans="1:3" x14ac:dyDescent="0.25">
      <c r="A1994" t="s">
        <v>24</v>
      </c>
      <c r="B1994">
        <v>0.7</v>
      </c>
      <c r="C1994">
        <v>0.21</v>
      </c>
    </row>
    <row r="1995" spans="1:3" x14ac:dyDescent="0.25">
      <c r="A1995" t="s">
        <v>8</v>
      </c>
      <c r="B1995">
        <v>0.17</v>
      </c>
      <c r="C1995">
        <v>0.11</v>
      </c>
    </row>
    <row r="1996" spans="1:3" x14ac:dyDescent="0.25">
      <c r="A1996" t="s">
        <v>12</v>
      </c>
      <c r="B1996">
        <v>0.02</v>
      </c>
      <c r="C1996">
        <v>0.87</v>
      </c>
    </row>
    <row r="1997" spans="1:3" x14ac:dyDescent="0.25">
      <c r="A1997" t="s">
        <v>10</v>
      </c>
      <c r="B1997">
        <v>0.86</v>
      </c>
      <c r="C1997">
        <v>0.23</v>
      </c>
    </row>
    <row r="1998" spans="1:3" x14ac:dyDescent="0.25">
      <c r="A1998" t="s">
        <v>24</v>
      </c>
      <c r="B1998">
        <v>0.09</v>
      </c>
      <c r="C1998">
        <v>0.66</v>
      </c>
    </row>
    <row r="1999" spans="1:3" x14ac:dyDescent="0.25">
      <c r="A1999" t="s">
        <v>12</v>
      </c>
      <c r="B1999">
        <v>0.01</v>
      </c>
      <c r="C1999">
        <v>0.55000000000000004</v>
      </c>
    </row>
    <row r="2000" spans="1:3" x14ac:dyDescent="0.25">
      <c r="A2000" t="s">
        <v>10</v>
      </c>
      <c r="B2000">
        <v>0.84</v>
      </c>
      <c r="C2000">
        <v>0.74</v>
      </c>
    </row>
    <row r="2001" spans="1:3" x14ac:dyDescent="0.25">
      <c r="A2001" t="s">
        <v>10</v>
      </c>
      <c r="B2001">
        <v>0.08</v>
      </c>
      <c r="C2001">
        <v>0.66</v>
      </c>
    </row>
    <row r="2002" spans="1:3" x14ac:dyDescent="0.25">
      <c r="A2002" t="s">
        <v>10</v>
      </c>
      <c r="B2002">
        <v>1</v>
      </c>
      <c r="C2002">
        <v>0.4</v>
      </c>
    </row>
    <row r="2003" spans="1:3" x14ac:dyDescent="0.25">
      <c r="A2003" t="s">
        <v>8</v>
      </c>
      <c r="B2003">
        <v>0.8</v>
      </c>
      <c r="C2003">
        <v>0.41</v>
      </c>
    </row>
    <row r="2004" spans="1:3" x14ac:dyDescent="0.25">
      <c r="A2004" t="s">
        <v>10</v>
      </c>
      <c r="B2004">
        <v>0.67</v>
      </c>
      <c r="C2004">
        <v>0.39</v>
      </c>
    </row>
    <row r="2005" spans="1:3" x14ac:dyDescent="0.25">
      <c r="A2005" t="s">
        <v>8</v>
      </c>
      <c r="B2005">
        <v>0.59</v>
      </c>
      <c r="C2005">
        <v>0.49</v>
      </c>
    </row>
    <row r="2006" spans="1:3" x14ac:dyDescent="0.25">
      <c r="A2006" t="s">
        <v>10</v>
      </c>
      <c r="B2006">
        <v>0.79</v>
      </c>
      <c r="C2006">
        <v>0.9</v>
      </c>
    </row>
    <row r="2007" spans="1:3" x14ac:dyDescent="0.25">
      <c r="A2007" t="s">
        <v>12</v>
      </c>
      <c r="B2007">
        <v>0.52</v>
      </c>
      <c r="C2007">
        <v>0.81</v>
      </c>
    </row>
    <row r="2008" spans="1:3" x14ac:dyDescent="0.25">
      <c r="A2008" t="s">
        <v>24</v>
      </c>
      <c r="B2008">
        <v>0.54</v>
      </c>
      <c r="C2008">
        <v>0.78</v>
      </c>
    </row>
    <row r="2009" spans="1:3" x14ac:dyDescent="0.25">
      <c r="A2009" t="s">
        <v>8</v>
      </c>
      <c r="B2009">
        <v>0.99</v>
      </c>
      <c r="C2009">
        <v>0.21</v>
      </c>
    </row>
    <row r="2010" spans="1:3" x14ac:dyDescent="0.25">
      <c r="A2010" t="s">
        <v>8</v>
      </c>
      <c r="B2010">
        <v>0.17</v>
      </c>
      <c r="C2010">
        <v>7.0000000000000007E-2</v>
      </c>
    </row>
    <row r="2011" spans="1:3" x14ac:dyDescent="0.25">
      <c r="A2011" t="s">
        <v>12</v>
      </c>
      <c r="B2011">
        <v>0.2</v>
      </c>
      <c r="C2011">
        <v>0.72</v>
      </c>
    </row>
    <row r="2012" spans="1:3" x14ac:dyDescent="0.25">
      <c r="A2012" t="s">
        <v>12</v>
      </c>
      <c r="B2012">
        <v>0.1</v>
      </c>
      <c r="C2012">
        <v>0.78</v>
      </c>
    </row>
    <row r="2013" spans="1:3" x14ac:dyDescent="0.25">
      <c r="A2013" t="s">
        <v>10</v>
      </c>
      <c r="B2013">
        <v>0.81</v>
      </c>
      <c r="C2013">
        <v>0.89</v>
      </c>
    </row>
    <row r="2014" spans="1:3" x14ac:dyDescent="0.25">
      <c r="A2014" t="s">
        <v>10</v>
      </c>
      <c r="B2014">
        <v>0.67</v>
      </c>
      <c r="C2014">
        <v>0.88</v>
      </c>
    </row>
    <row r="2015" spans="1:3" x14ac:dyDescent="0.25">
      <c r="A2015" t="s">
        <v>8</v>
      </c>
      <c r="B2015">
        <v>0.42</v>
      </c>
      <c r="C2015">
        <v>0.55000000000000004</v>
      </c>
    </row>
    <row r="2016" spans="1:3" x14ac:dyDescent="0.25">
      <c r="A2016" t="s">
        <v>8</v>
      </c>
      <c r="B2016">
        <v>0.45</v>
      </c>
      <c r="C2016">
        <v>0.62</v>
      </c>
    </row>
    <row r="2017" spans="1:3" x14ac:dyDescent="0.25">
      <c r="A2017" t="s">
        <v>12</v>
      </c>
      <c r="B2017">
        <v>0.51</v>
      </c>
      <c r="C2017">
        <v>0.12</v>
      </c>
    </row>
    <row r="2018" spans="1:3" x14ac:dyDescent="0.25">
      <c r="A2018" t="s">
        <v>12</v>
      </c>
      <c r="B2018">
        <v>0.17</v>
      </c>
      <c r="C2018">
        <v>0.28999999999999998</v>
      </c>
    </row>
    <row r="2019" spans="1:3" x14ac:dyDescent="0.25">
      <c r="A2019" t="s">
        <v>8</v>
      </c>
      <c r="B2019">
        <v>0.72</v>
      </c>
      <c r="C2019">
        <v>0.34</v>
      </c>
    </row>
    <row r="2020" spans="1:3" x14ac:dyDescent="0.25">
      <c r="A2020" t="s">
        <v>12</v>
      </c>
      <c r="B2020">
        <v>0.1</v>
      </c>
      <c r="C2020">
        <v>0.7</v>
      </c>
    </row>
    <row r="2021" spans="1:3" x14ac:dyDescent="0.25">
      <c r="A2021" t="s">
        <v>8</v>
      </c>
      <c r="B2021">
        <v>0.65</v>
      </c>
      <c r="C2021">
        <v>0.72</v>
      </c>
    </row>
    <row r="2022" spans="1:3" x14ac:dyDescent="0.25">
      <c r="A2022" t="s">
        <v>12</v>
      </c>
      <c r="B2022">
        <v>0.04</v>
      </c>
      <c r="C2022">
        <v>0.4</v>
      </c>
    </row>
    <row r="2023" spans="1:3" x14ac:dyDescent="0.25">
      <c r="A2023" t="s">
        <v>8</v>
      </c>
      <c r="B2023">
        <v>0.22</v>
      </c>
      <c r="C2023">
        <v>0.4</v>
      </c>
    </row>
    <row r="2024" spans="1:3" x14ac:dyDescent="0.25">
      <c r="A2024" t="s">
        <v>24</v>
      </c>
      <c r="B2024">
        <v>0.25</v>
      </c>
      <c r="C2024">
        <v>0.67</v>
      </c>
    </row>
    <row r="2025" spans="1:3" x14ac:dyDescent="0.25">
      <c r="A2025" t="s">
        <v>24</v>
      </c>
      <c r="B2025">
        <v>0.17</v>
      </c>
      <c r="C2025">
        <v>0.38</v>
      </c>
    </row>
    <row r="2026" spans="1:3" x14ac:dyDescent="0.25">
      <c r="A2026" t="s">
        <v>12</v>
      </c>
      <c r="B2026">
        <v>0.9</v>
      </c>
      <c r="C2026">
        <v>0.13</v>
      </c>
    </row>
    <row r="2027" spans="1:3" x14ac:dyDescent="0.25">
      <c r="A2027" t="s">
        <v>12</v>
      </c>
      <c r="B2027">
        <v>0.79</v>
      </c>
      <c r="C2027">
        <v>0.56999999999999995</v>
      </c>
    </row>
    <row r="2028" spans="1:3" x14ac:dyDescent="0.25">
      <c r="A2028" t="s">
        <v>8</v>
      </c>
      <c r="B2028">
        <v>0.56999999999999995</v>
      </c>
      <c r="C2028">
        <v>0.61</v>
      </c>
    </row>
    <row r="2029" spans="1:3" x14ac:dyDescent="0.25">
      <c r="A2029" t="s">
        <v>24</v>
      </c>
      <c r="B2029">
        <v>0.91</v>
      </c>
      <c r="C2029">
        <v>0.09</v>
      </c>
    </row>
    <row r="2030" spans="1:3" x14ac:dyDescent="0.25">
      <c r="A2030" t="s">
        <v>8</v>
      </c>
      <c r="B2030">
        <v>0.4</v>
      </c>
      <c r="C2030">
        <v>0.75</v>
      </c>
    </row>
    <row r="2031" spans="1:3" x14ac:dyDescent="0.25">
      <c r="A2031" t="s">
        <v>10</v>
      </c>
      <c r="B2031">
        <v>0.22</v>
      </c>
      <c r="C2031">
        <v>0.26</v>
      </c>
    </row>
    <row r="2032" spans="1:3" x14ac:dyDescent="0.25">
      <c r="A2032" t="s">
        <v>24</v>
      </c>
      <c r="B2032">
        <v>0.81</v>
      </c>
      <c r="C2032">
        <v>0.82</v>
      </c>
    </row>
    <row r="2033" spans="1:3" x14ac:dyDescent="0.25">
      <c r="A2033" t="s">
        <v>8</v>
      </c>
      <c r="B2033">
        <v>0.89</v>
      </c>
      <c r="C2033">
        <v>0.19</v>
      </c>
    </row>
    <row r="2034" spans="1:3" x14ac:dyDescent="0.25">
      <c r="A2034" t="s">
        <v>12</v>
      </c>
      <c r="B2034">
        <v>0.08</v>
      </c>
      <c r="C2034">
        <v>0.65</v>
      </c>
    </row>
    <row r="2035" spans="1:3" x14ac:dyDescent="0.25">
      <c r="A2035" t="s">
        <v>24</v>
      </c>
      <c r="B2035">
        <v>0.54</v>
      </c>
      <c r="C2035">
        <v>0.77</v>
      </c>
    </row>
    <row r="2036" spans="1:3" x14ac:dyDescent="0.25">
      <c r="A2036" t="s">
        <v>10</v>
      </c>
      <c r="B2036">
        <v>0.8</v>
      </c>
      <c r="C2036">
        <v>0.55000000000000004</v>
      </c>
    </row>
    <row r="2037" spans="1:3" x14ac:dyDescent="0.25">
      <c r="A2037" t="s">
        <v>8</v>
      </c>
      <c r="B2037">
        <v>0.83</v>
      </c>
      <c r="C2037">
        <v>0.86</v>
      </c>
    </row>
    <row r="2038" spans="1:3" x14ac:dyDescent="0.25">
      <c r="A2038" t="s">
        <v>12</v>
      </c>
      <c r="B2038">
        <v>0.61</v>
      </c>
      <c r="C2038">
        <v>0.28000000000000003</v>
      </c>
    </row>
    <row r="2039" spans="1:3" x14ac:dyDescent="0.25">
      <c r="A2039" t="s">
        <v>12</v>
      </c>
      <c r="B2039">
        <v>0.82</v>
      </c>
      <c r="C2039">
        <v>0.59</v>
      </c>
    </row>
    <row r="2040" spans="1:3" x14ac:dyDescent="0.25">
      <c r="A2040" t="s">
        <v>12</v>
      </c>
      <c r="B2040">
        <v>0.06</v>
      </c>
      <c r="C2040">
        <v>0.43</v>
      </c>
    </row>
    <row r="2041" spans="1:3" x14ac:dyDescent="0.25">
      <c r="A2041" t="s">
        <v>12</v>
      </c>
      <c r="B2041">
        <v>0.55000000000000004</v>
      </c>
      <c r="C2041">
        <v>0.73</v>
      </c>
    </row>
    <row r="2042" spans="1:3" x14ac:dyDescent="0.25">
      <c r="A2042" t="s">
        <v>10</v>
      </c>
      <c r="B2042">
        <v>0.73</v>
      </c>
      <c r="C2042">
        <v>0.45</v>
      </c>
    </row>
    <row r="2043" spans="1:3" x14ac:dyDescent="0.25">
      <c r="A2043" t="s">
        <v>10</v>
      </c>
      <c r="B2043">
        <v>0.77</v>
      </c>
      <c r="C2043">
        <v>0.62</v>
      </c>
    </row>
    <row r="2044" spans="1:3" x14ac:dyDescent="0.25">
      <c r="A2044" t="s">
        <v>24</v>
      </c>
      <c r="B2044">
        <v>0.02</v>
      </c>
      <c r="C2044">
        <v>0.44</v>
      </c>
    </row>
    <row r="2045" spans="1:3" x14ac:dyDescent="0.25">
      <c r="A2045" t="s">
        <v>8</v>
      </c>
      <c r="B2045">
        <v>0.75</v>
      </c>
      <c r="C2045">
        <v>0.51</v>
      </c>
    </row>
    <row r="2046" spans="1:3" x14ac:dyDescent="0.25">
      <c r="A2046" t="s">
        <v>12</v>
      </c>
      <c r="B2046">
        <v>0.87</v>
      </c>
      <c r="C2046">
        <v>0.92</v>
      </c>
    </row>
    <row r="2047" spans="1:3" x14ac:dyDescent="0.25">
      <c r="A2047" t="s">
        <v>8</v>
      </c>
      <c r="B2047">
        <v>0.23</v>
      </c>
      <c r="C2047">
        <v>0.15</v>
      </c>
    </row>
    <row r="2048" spans="1:3" x14ac:dyDescent="0.25">
      <c r="A2048" t="s">
        <v>24</v>
      </c>
      <c r="B2048">
        <v>0.95</v>
      </c>
      <c r="C2048">
        <v>0.44</v>
      </c>
    </row>
    <row r="2049" spans="1:3" x14ac:dyDescent="0.25">
      <c r="A2049" t="s">
        <v>12</v>
      </c>
      <c r="B2049">
        <v>0.42</v>
      </c>
      <c r="C2049">
        <v>0.69</v>
      </c>
    </row>
    <row r="2050" spans="1:3" x14ac:dyDescent="0.25">
      <c r="A2050" t="s">
        <v>8</v>
      </c>
      <c r="B2050">
        <v>0.91</v>
      </c>
      <c r="C2050">
        <v>0.53</v>
      </c>
    </row>
    <row r="2051" spans="1:3" x14ac:dyDescent="0.25">
      <c r="A2051" t="s">
        <v>8</v>
      </c>
      <c r="B2051">
        <v>0.04</v>
      </c>
      <c r="C2051">
        <v>0.25</v>
      </c>
    </row>
    <row r="2052" spans="1:3" x14ac:dyDescent="0.25">
      <c r="A2052" t="s">
        <v>12</v>
      </c>
      <c r="B2052">
        <v>0.66</v>
      </c>
      <c r="C2052">
        <v>0.43</v>
      </c>
    </row>
    <row r="2053" spans="1:3" x14ac:dyDescent="0.25">
      <c r="A2053" t="s">
        <v>12</v>
      </c>
      <c r="B2053">
        <v>0.32</v>
      </c>
      <c r="C2053">
        <v>0.24</v>
      </c>
    </row>
    <row r="2054" spans="1:3" x14ac:dyDescent="0.25">
      <c r="A2054" t="s">
        <v>10</v>
      </c>
      <c r="B2054">
        <v>0.69</v>
      </c>
      <c r="C2054">
        <v>0.83</v>
      </c>
    </row>
    <row r="2055" spans="1:3" x14ac:dyDescent="0.25">
      <c r="A2055" t="s">
        <v>8</v>
      </c>
      <c r="B2055">
        <v>0.75</v>
      </c>
      <c r="C2055">
        <v>0.47</v>
      </c>
    </row>
    <row r="2056" spans="1:3" x14ac:dyDescent="0.25">
      <c r="A2056" t="s">
        <v>12</v>
      </c>
      <c r="B2056">
        <v>0.65</v>
      </c>
      <c r="C2056">
        <v>0.91</v>
      </c>
    </row>
    <row r="2057" spans="1:3" x14ac:dyDescent="0.25">
      <c r="A2057" t="s">
        <v>12</v>
      </c>
      <c r="B2057">
        <v>0.61</v>
      </c>
      <c r="C2057">
        <v>0.85</v>
      </c>
    </row>
    <row r="2058" spans="1:3" x14ac:dyDescent="0.25">
      <c r="A2058" t="s">
        <v>10</v>
      </c>
      <c r="B2058">
        <v>0.01</v>
      </c>
      <c r="C2058">
        <v>0.52</v>
      </c>
    </row>
    <row r="2059" spans="1:3" x14ac:dyDescent="0.25">
      <c r="A2059" t="s">
        <v>12</v>
      </c>
      <c r="B2059">
        <v>0.31</v>
      </c>
      <c r="C2059">
        <v>0.66</v>
      </c>
    </row>
    <row r="2060" spans="1:3" x14ac:dyDescent="0.25">
      <c r="A2060" t="s">
        <v>24</v>
      </c>
      <c r="B2060">
        <v>0.7</v>
      </c>
      <c r="C2060">
        <v>0.67</v>
      </c>
    </row>
    <row r="2061" spans="1:3" x14ac:dyDescent="0.25">
      <c r="A2061" t="s">
        <v>10</v>
      </c>
      <c r="B2061">
        <v>7.0000000000000007E-2</v>
      </c>
      <c r="C2061">
        <v>0.93</v>
      </c>
    </row>
    <row r="2062" spans="1:3" x14ac:dyDescent="0.25">
      <c r="A2062" t="s">
        <v>12</v>
      </c>
      <c r="B2062">
        <v>0.59</v>
      </c>
      <c r="C2062">
        <v>0.34</v>
      </c>
    </row>
    <row r="2063" spans="1:3" x14ac:dyDescent="0.25">
      <c r="A2063" t="s">
        <v>10</v>
      </c>
      <c r="B2063">
        <v>0.53</v>
      </c>
      <c r="C2063">
        <v>0.17</v>
      </c>
    </row>
    <row r="2064" spans="1:3" x14ac:dyDescent="0.25">
      <c r="A2064" t="s">
        <v>24</v>
      </c>
      <c r="B2064">
        <v>0.21</v>
      </c>
      <c r="C2064">
        <v>0.89</v>
      </c>
    </row>
    <row r="2065" spans="1:3" x14ac:dyDescent="0.25">
      <c r="A2065" t="s">
        <v>10</v>
      </c>
      <c r="B2065">
        <v>0.47</v>
      </c>
      <c r="C2065">
        <v>0.18</v>
      </c>
    </row>
    <row r="2066" spans="1:3" x14ac:dyDescent="0.25">
      <c r="A2066" t="s">
        <v>8</v>
      </c>
      <c r="B2066">
        <v>0.34</v>
      </c>
      <c r="C2066">
        <v>0.21</v>
      </c>
    </row>
    <row r="2067" spans="1:3" x14ac:dyDescent="0.25">
      <c r="A2067" t="s">
        <v>10</v>
      </c>
      <c r="B2067">
        <v>0.46</v>
      </c>
      <c r="C2067">
        <v>0.48</v>
      </c>
    </row>
    <row r="2068" spans="1:3" x14ac:dyDescent="0.25">
      <c r="A2068" t="s">
        <v>8</v>
      </c>
      <c r="B2068">
        <v>0.61</v>
      </c>
      <c r="C2068">
        <v>0.73</v>
      </c>
    </row>
    <row r="2069" spans="1:3" x14ac:dyDescent="0.25">
      <c r="A2069" t="s">
        <v>24</v>
      </c>
      <c r="B2069">
        <v>0.82</v>
      </c>
      <c r="C2069">
        <v>0.1</v>
      </c>
    </row>
    <row r="2070" spans="1:3" x14ac:dyDescent="0.25">
      <c r="A2070" t="s">
        <v>8</v>
      </c>
      <c r="B2070">
        <v>0.69</v>
      </c>
      <c r="C2070">
        <v>0.44</v>
      </c>
    </row>
    <row r="2071" spans="1:3" x14ac:dyDescent="0.25">
      <c r="A2071" t="s">
        <v>24</v>
      </c>
      <c r="B2071">
        <v>0.32</v>
      </c>
      <c r="C2071">
        <v>0.43</v>
      </c>
    </row>
    <row r="2072" spans="1:3" x14ac:dyDescent="0.25">
      <c r="A2072" t="s">
        <v>8</v>
      </c>
      <c r="B2072">
        <v>0.98</v>
      </c>
      <c r="C2072">
        <v>0.64</v>
      </c>
    </row>
    <row r="2073" spans="1:3" x14ac:dyDescent="0.25">
      <c r="A2073" t="s">
        <v>10</v>
      </c>
      <c r="B2073">
        <v>0.98</v>
      </c>
      <c r="C2073">
        <v>0.28000000000000003</v>
      </c>
    </row>
    <row r="2074" spans="1:3" x14ac:dyDescent="0.25">
      <c r="A2074" t="s">
        <v>10</v>
      </c>
      <c r="B2074">
        <v>0.46</v>
      </c>
      <c r="C2074">
        <v>0.66</v>
      </c>
    </row>
    <row r="2075" spans="1:3" x14ac:dyDescent="0.25">
      <c r="A2075" t="s">
        <v>24</v>
      </c>
      <c r="B2075">
        <v>0.8</v>
      </c>
      <c r="C2075">
        <v>0.15</v>
      </c>
    </row>
    <row r="2076" spans="1:3" x14ac:dyDescent="0.25">
      <c r="A2076" t="s">
        <v>12</v>
      </c>
      <c r="B2076">
        <v>0.67</v>
      </c>
      <c r="C2076">
        <v>0.36</v>
      </c>
    </row>
    <row r="2077" spans="1:3" x14ac:dyDescent="0.25">
      <c r="A2077" t="s">
        <v>8</v>
      </c>
      <c r="B2077">
        <v>0.8</v>
      </c>
      <c r="C2077">
        <v>0.79</v>
      </c>
    </row>
    <row r="2078" spans="1:3" x14ac:dyDescent="0.25">
      <c r="A2078" t="s">
        <v>8</v>
      </c>
      <c r="B2078">
        <v>0.05</v>
      </c>
      <c r="C2078">
        <v>0.87</v>
      </c>
    </row>
    <row r="2079" spans="1:3" x14ac:dyDescent="0.25">
      <c r="A2079" t="s">
        <v>8</v>
      </c>
      <c r="B2079">
        <v>0.79</v>
      </c>
      <c r="C2079">
        <v>0.81</v>
      </c>
    </row>
    <row r="2080" spans="1:3" x14ac:dyDescent="0.25">
      <c r="A2080" t="s">
        <v>12</v>
      </c>
      <c r="B2080">
        <v>0.89</v>
      </c>
      <c r="C2080">
        <v>0.56999999999999995</v>
      </c>
    </row>
    <row r="2081" spans="1:3" x14ac:dyDescent="0.25">
      <c r="A2081" t="s">
        <v>10</v>
      </c>
      <c r="B2081">
        <v>0.97</v>
      </c>
      <c r="C2081">
        <v>0.83</v>
      </c>
    </row>
    <row r="2082" spans="1:3" x14ac:dyDescent="0.25">
      <c r="A2082" t="s">
        <v>12</v>
      </c>
      <c r="B2082">
        <v>0.39</v>
      </c>
      <c r="C2082">
        <v>0.48</v>
      </c>
    </row>
    <row r="2083" spans="1:3" x14ac:dyDescent="0.25">
      <c r="A2083" t="s">
        <v>8</v>
      </c>
      <c r="B2083">
        <v>0.26</v>
      </c>
      <c r="C2083">
        <v>0.7</v>
      </c>
    </row>
    <row r="2084" spans="1:3" x14ac:dyDescent="0.25">
      <c r="A2084" t="s">
        <v>24</v>
      </c>
      <c r="B2084">
        <v>0.86</v>
      </c>
      <c r="C2084">
        <v>0.13</v>
      </c>
    </row>
    <row r="2085" spans="1:3" x14ac:dyDescent="0.25">
      <c r="A2085" t="s">
        <v>10</v>
      </c>
      <c r="B2085">
        <v>0.91</v>
      </c>
      <c r="C2085">
        <v>0.86</v>
      </c>
    </row>
    <row r="2086" spans="1:3" x14ac:dyDescent="0.25">
      <c r="A2086" t="s">
        <v>12</v>
      </c>
      <c r="B2086">
        <v>0.15</v>
      </c>
      <c r="C2086">
        <v>0.24</v>
      </c>
    </row>
    <row r="2087" spans="1:3" x14ac:dyDescent="0.25">
      <c r="A2087" t="s">
        <v>8</v>
      </c>
      <c r="B2087">
        <v>0.99</v>
      </c>
      <c r="C2087">
        <v>0.91</v>
      </c>
    </row>
    <row r="2088" spans="1:3" x14ac:dyDescent="0.25">
      <c r="A2088" t="s">
        <v>12</v>
      </c>
      <c r="B2088">
        <v>0.67</v>
      </c>
      <c r="C2088">
        <v>0.26</v>
      </c>
    </row>
    <row r="2089" spans="1:3" x14ac:dyDescent="0.25">
      <c r="A2089" t="s">
        <v>10</v>
      </c>
      <c r="B2089">
        <v>0.06</v>
      </c>
      <c r="C2089">
        <v>0.27</v>
      </c>
    </row>
    <row r="2090" spans="1:3" x14ac:dyDescent="0.25">
      <c r="A2090" t="s">
        <v>12</v>
      </c>
      <c r="B2090">
        <v>0.55000000000000004</v>
      </c>
      <c r="C2090">
        <v>0.13</v>
      </c>
    </row>
    <row r="2091" spans="1:3" x14ac:dyDescent="0.25">
      <c r="A2091" t="s">
        <v>8</v>
      </c>
      <c r="B2091">
        <v>0.41</v>
      </c>
      <c r="C2091">
        <v>0.72</v>
      </c>
    </row>
    <row r="2092" spans="1:3" x14ac:dyDescent="0.25">
      <c r="A2092" t="s">
        <v>24</v>
      </c>
      <c r="B2092">
        <v>7.0000000000000007E-2</v>
      </c>
      <c r="C2092">
        <v>0.52</v>
      </c>
    </row>
    <row r="2093" spans="1:3" x14ac:dyDescent="0.25">
      <c r="A2093" t="s">
        <v>8</v>
      </c>
      <c r="B2093">
        <v>0.18</v>
      </c>
      <c r="C2093">
        <v>0.09</v>
      </c>
    </row>
    <row r="2094" spans="1:3" x14ac:dyDescent="0.25">
      <c r="A2094" t="s">
        <v>8</v>
      </c>
      <c r="B2094">
        <v>0.42</v>
      </c>
      <c r="C2094">
        <v>0.24</v>
      </c>
    </row>
    <row r="2095" spans="1:3" x14ac:dyDescent="0.25">
      <c r="A2095" t="s">
        <v>10</v>
      </c>
      <c r="B2095">
        <v>0.17</v>
      </c>
      <c r="C2095">
        <v>0.22</v>
      </c>
    </row>
    <row r="2096" spans="1:3" x14ac:dyDescent="0.25">
      <c r="A2096" t="s">
        <v>8</v>
      </c>
      <c r="B2096">
        <v>0.02</v>
      </c>
      <c r="C2096">
        <v>0.3</v>
      </c>
    </row>
    <row r="2097" spans="1:3" x14ac:dyDescent="0.25">
      <c r="A2097" t="s">
        <v>24</v>
      </c>
      <c r="B2097">
        <v>0.05</v>
      </c>
      <c r="C2097">
        <v>0.25</v>
      </c>
    </row>
    <row r="2098" spans="1:3" x14ac:dyDescent="0.25">
      <c r="A2098" t="s">
        <v>10</v>
      </c>
      <c r="B2098">
        <v>0.52</v>
      </c>
      <c r="C2098">
        <v>0.62</v>
      </c>
    </row>
    <row r="2099" spans="1:3" x14ac:dyDescent="0.25">
      <c r="A2099" t="s">
        <v>10</v>
      </c>
      <c r="B2099">
        <v>0.88</v>
      </c>
      <c r="C2099">
        <v>0.53</v>
      </c>
    </row>
    <row r="2100" spans="1:3" x14ac:dyDescent="0.25">
      <c r="A2100" t="s">
        <v>12</v>
      </c>
      <c r="B2100">
        <v>0.98</v>
      </c>
      <c r="C2100">
        <v>0.28000000000000003</v>
      </c>
    </row>
    <row r="2101" spans="1:3" x14ac:dyDescent="0.25">
      <c r="A2101" t="s">
        <v>8</v>
      </c>
      <c r="B2101">
        <v>0.32</v>
      </c>
      <c r="C2101">
        <v>0.27</v>
      </c>
    </row>
    <row r="2102" spans="1:3" x14ac:dyDescent="0.25">
      <c r="A2102" t="s">
        <v>12</v>
      </c>
      <c r="B2102">
        <v>0.82</v>
      </c>
      <c r="C2102">
        <v>0.88</v>
      </c>
    </row>
    <row r="2103" spans="1:3" x14ac:dyDescent="0.25">
      <c r="A2103" t="s">
        <v>12</v>
      </c>
      <c r="B2103">
        <v>0.1</v>
      </c>
      <c r="C2103">
        <v>0.3</v>
      </c>
    </row>
    <row r="2104" spans="1:3" x14ac:dyDescent="0.25">
      <c r="A2104" t="s">
        <v>24</v>
      </c>
      <c r="B2104">
        <v>0.11</v>
      </c>
      <c r="C2104">
        <v>0.65</v>
      </c>
    </row>
    <row r="2105" spans="1:3" x14ac:dyDescent="0.25">
      <c r="A2105" t="s">
        <v>24</v>
      </c>
      <c r="B2105">
        <v>0.14000000000000001</v>
      </c>
      <c r="C2105">
        <v>0.36</v>
      </c>
    </row>
    <row r="2106" spans="1:3" x14ac:dyDescent="0.25">
      <c r="A2106" t="s">
        <v>24</v>
      </c>
      <c r="B2106">
        <v>0.54</v>
      </c>
      <c r="C2106">
        <v>0.44</v>
      </c>
    </row>
    <row r="2107" spans="1:3" x14ac:dyDescent="0.25">
      <c r="A2107" t="s">
        <v>12</v>
      </c>
      <c r="B2107">
        <v>0.61</v>
      </c>
      <c r="C2107">
        <v>0.44</v>
      </c>
    </row>
    <row r="2108" spans="1:3" x14ac:dyDescent="0.25">
      <c r="A2108" t="s">
        <v>12</v>
      </c>
      <c r="B2108">
        <v>0.73</v>
      </c>
      <c r="C2108">
        <v>0.71</v>
      </c>
    </row>
    <row r="2109" spans="1:3" x14ac:dyDescent="0.25">
      <c r="A2109" t="s">
        <v>24</v>
      </c>
      <c r="B2109">
        <v>0.9</v>
      </c>
      <c r="C2109">
        <v>0.28000000000000003</v>
      </c>
    </row>
    <row r="2110" spans="1:3" x14ac:dyDescent="0.25">
      <c r="A2110" t="s">
        <v>12</v>
      </c>
      <c r="B2110">
        <v>0.8</v>
      </c>
      <c r="C2110">
        <v>0.67</v>
      </c>
    </row>
    <row r="2111" spans="1:3" x14ac:dyDescent="0.25">
      <c r="A2111" t="s">
        <v>8</v>
      </c>
      <c r="B2111">
        <v>0.59</v>
      </c>
      <c r="C2111">
        <v>0.12</v>
      </c>
    </row>
    <row r="2112" spans="1:3" x14ac:dyDescent="0.25">
      <c r="A2112" t="s">
        <v>24</v>
      </c>
      <c r="B2112">
        <v>0.5</v>
      </c>
      <c r="C2112">
        <v>0.61</v>
      </c>
    </row>
    <row r="2113" spans="1:3" x14ac:dyDescent="0.25">
      <c r="A2113" t="s">
        <v>8</v>
      </c>
      <c r="B2113">
        <v>0.27</v>
      </c>
      <c r="C2113">
        <v>0.93</v>
      </c>
    </row>
    <row r="2114" spans="1:3" x14ac:dyDescent="0.25">
      <c r="A2114" t="s">
        <v>12</v>
      </c>
      <c r="B2114">
        <v>0.02</v>
      </c>
      <c r="C2114">
        <v>0.62</v>
      </c>
    </row>
    <row r="2115" spans="1:3" x14ac:dyDescent="0.25">
      <c r="A2115" t="s">
        <v>24</v>
      </c>
      <c r="B2115">
        <v>0.67</v>
      </c>
      <c r="C2115">
        <v>0.56999999999999995</v>
      </c>
    </row>
    <row r="2116" spans="1:3" x14ac:dyDescent="0.25">
      <c r="A2116" t="s">
        <v>12</v>
      </c>
      <c r="B2116">
        <v>0.92</v>
      </c>
      <c r="C2116">
        <v>0.61</v>
      </c>
    </row>
    <row r="2117" spans="1:3" x14ac:dyDescent="0.25">
      <c r="A2117" t="s">
        <v>24</v>
      </c>
      <c r="B2117">
        <v>0.56000000000000005</v>
      </c>
      <c r="C2117">
        <v>0.24</v>
      </c>
    </row>
    <row r="2118" spans="1:3" x14ac:dyDescent="0.25">
      <c r="A2118" t="s">
        <v>12</v>
      </c>
      <c r="B2118">
        <v>0.62</v>
      </c>
      <c r="C2118">
        <v>0.08</v>
      </c>
    </row>
    <row r="2119" spans="1:3" x14ac:dyDescent="0.25">
      <c r="A2119" t="s">
        <v>10</v>
      </c>
      <c r="B2119">
        <v>0.9</v>
      </c>
      <c r="C2119">
        <v>0.28000000000000003</v>
      </c>
    </row>
    <row r="2120" spans="1:3" x14ac:dyDescent="0.25">
      <c r="A2120" t="s">
        <v>12</v>
      </c>
      <c r="B2120">
        <v>0.02</v>
      </c>
      <c r="C2120">
        <v>0.35</v>
      </c>
    </row>
    <row r="2121" spans="1:3" x14ac:dyDescent="0.25">
      <c r="A2121" t="s">
        <v>8</v>
      </c>
      <c r="B2121">
        <v>0.24</v>
      </c>
      <c r="C2121">
        <v>7.0000000000000007E-2</v>
      </c>
    </row>
    <row r="2122" spans="1:3" x14ac:dyDescent="0.25">
      <c r="A2122" t="s">
        <v>24</v>
      </c>
      <c r="B2122">
        <v>0.91</v>
      </c>
      <c r="C2122">
        <v>0.37</v>
      </c>
    </row>
    <row r="2123" spans="1:3" x14ac:dyDescent="0.25">
      <c r="A2123" t="s">
        <v>10</v>
      </c>
      <c r="B2123">
        <v>0.74</v>
      </c>
      <c r="C2123">
        <v>0.95</v>
      </c>
    </row>
    <row r="2124" spans="1:3" x14ac:dyDescent="0.25">
      <c r="A2124" t="s">
        <v>10</v>
      </c>
      <c r="B2124">
        <v>0.34</v>
      </c>
      <c r="C2124">
        <v>0.34</v>
      </c>
    </row>
    <row r="2125" spans="1:3" x14ac:dyDescent="0.25">
      <c r="A2125" t="s">
        <v>12</v>
      </c>
      <c r="B2125">
        <v>0.88</v>
      </c>
      <c r="C2125">
        <v>0.46</v>
      </c>
    </row>
    <row r="2126" spans="1:3" x14ac:dyDescent="0.25">
      <c r="A2126" t="s">
        <v>10</v>
      </c>
      <c r="B2126">
        <v>0.37</v>
      </c>
      <c r="C2126">
        <v>0.87</v>
      </c>
    </row>
    <row r="2127" spans="1:3" x14ac:dyDescent="0.25">
      <c r="A2127" t="s">
        <v>12</v>
      </c>
      <c r="B2127">
        <v>0.09</v>
      </c>
      <c r="C2127">
        <v>0.54</v>
      </c>
    </row>
    <row r="2128" spans="1:3" x14ac:dyDescent="0.25">
      <c r="A2128" t="s">
        <v>8</v>
      </c>
      <c r="B2128">
        <v>0.14000000000000001</v>
      </c>
      <c r="C2128">
        <v>0.33</v>
      </c>
    </row>
    <row r="2129" spans="1:3" x14ac:dyDescent="0.25">
      <c r="A2129" t="s">
        <v>24</v>
      </c>
      <c r="B2129">
        <v>0.39</v>
      </c>
      <c r="C2129">
        <v>0.25</v>
      </c>
    </row>
    <row r="2130" spans="1:3" x14ac:dyDescent="0.25">
      <c r="A2130" t="s">
        <v>12</v>
      </c>
      <c r="B2130">
        <v>0.92</v>
      </c>
      <c r="C2130">
        <v>0.15</v>
      </c>
    </row>
    <row r="2131" spans="1:3" x14ac:dyDescent="0.25">
      <c r="A2131" t="s">
        <v>10</v>
      </c>
      <c r="B2131">
        <v>0.93</v>
      </c>
      <c r="C2131">
        <v>0.42</v>
      </c>
    </row>
    <row r="2132" spans="1:3" x14ac:dyDescent="0.25">
      <c r="A2132" t="s">
        <v>12</v>
      </c>
      <c r="B2132">
        <v>0.31</v>
      </c>
      <c r="C2132">
        <v>0.56999999999999995</v>
      </c>
    </row>
    <row r="2133" spans="1:3" x14ac:dyDescent="0.25">
      <c r="A2133" t="s">
        <v>8</v>
      </c>
      <c r="B2133">
        <v>0.44</v>
      </c>
      <c r="C2133">
        <v>0.19</v>
      </c>
    </row>
    <row r="2134" spans="1:3" x14ac:dyDescent="0.25">
      <c r="A2134" t="s">
        <v>24</v>
      </c>
      <c r="B2134">
        <v>0.55000000000000004</v>
      </c>
      <c r="C2134">
        <v>0.72</v>
      </c>
    </row>
    <row r="2135" spans="1:3" x14ac:dyDescent="0.25">
      <c r="A2135" t="s">
        <v>8</v>
      </c>
      <c r="B2135">
        <v>0.26</v>
      </c>
      <c r="C2135">
        <v>0.56999999999999995</v>
      </c>
    </row>
    <row r="2136" spans="1:3" x14ac:dyDescent="0.25">
      <c r="A2136" t="s">
        <v>8</v>
      </c>
      <c r="B2136">
        <v>0.14000000000000001</v>
      </c>
      <c r="C2136">
        <v>0.27</v>
      </c>
    </row>
    <row r="2137" spans="1:3" x14ac:dyDescent="0.25">
      <c r="A2137" t="s">
        <v>24</v>
      </c>
      <c r="B2137">
        <v>0.83</v>
      </c>
      <c r="C2137">
        <v>0.56999999999999995</v>
      </c>
    </row>
    <row r="2138" spans="1:3" x14ac:dyDescent="0.25">
      <c r="A2138" t="s">
        <v>24</v>
      </c>
      <c r="B2138">
        <v>0.02</v>
      </c>
      <c r="C2138">
        <v>0.36</v>
      </c>
    </row>
    <row r="2139" spans="1:3" x14ac:dyDescent="0.25">
      <c r="A2139" t="s">
        <v>10</v>
      </c>
      <c r="B2139">
        <v>0.93</v>
      </c>
      <c r="C2139">
        <v>0.78</v>
      </c>
    </row>
    <row r="2140" spans="1:3" x14ac:dyDescent="0.25">
      <c r="A2140" t="s">
        <v>12</v>
      </c>
      <c r="B2140">
        <v>0.94</v>
      </c>
      <c r="C2140">
        <v>0.95</v>
      </c>
    </row>
    <row r="2141" spans="1:3" x14ac:dyDescent="0.25">
      <c r="A2141" t="s">
        <v>8</v>
      </c>
      <c r="B2141">
        <v>0.48</v>
      </c>
      <c r="C2141">
        <v>0.55000000000000004</v>
      </c>
    </row>
    <row r="2142" spans="1:3" x14ac:dyDescent="0.25">
      <c r="A2142" t="s">
        <v>10</v>
      </c>
      <c r="B2142">
        <v>0.27</v>
      </c>
      <c r="C2142">
        <v>0.83</v>
      </c>
    </row>
    <row r="2143" spans="1:3" x14ac:dyDescent="0.25">
      <c r="A2143" t="s">
        <v>8</v>
      </c>
      <c r="B2143">
        <v>0.95</v>
      </c>
      <c r="C2143">
        <v>0.62</v>
      </c>
    </row>
    <row r="2144" spans="1:3" x14ac:dyDescent="0.25">
      <c r="A2144" t="s">
        <v>24</v>
      </c>
      <c r="B2144">
        <v>0.3</v>
      </c>
      <c r="C2144">
        <v>0.33</v>
      </c>
    </row>
    <row r="2145" spans="1:3" x14ac:dyDescent="0.25">
      <c r="A2145" t="s">
        <v>24</v>
      </c>
      <c r="B2145">
        <v>0.01</v>
      </c>
      <c r="C2145">
        <v>0.68</v>
      </c>
    </row>
    <row r="2146" spans="1:3" x14ac:dyDescent="0.25">
      <c r="A2146" t="s">
        <v>8</v>
      </c>
      <c r="B2146">
        <v>0.41</v>
      </c>
      <c r="C2146">
        <v>0.38</v>
      </c>
    </row>
    <row r="2147" spans="1:3" x14ac:dyDescent="0.25">
      <c r="A2147" t="s">
        <v>8</v>
      </c>
      <c r="B2147">
        <v>0.77</v>
      </c>
      <c r="C2147">
        <v>0.45</v>
      </c>
    </row>
    <row r="2148" spans="1:3" x14ac:dyDescent="0.25">
      <c r="A2148" t="s">
        <v>12</v>
      </c>
      <c r="B2148">
        <v>0.9</v>
      </c>
      <c r="C2148">
        <v>0.92</v>
      </c>
    </row>
    <row r="2149" spans="1:3" x14ac:dyDescent="0.25">
      <c r="A2149" t="s">
        <v>8</v>
      </c>
      <c r="B2149">
        <v>0.1</v>
      </c>
      <c r="C2149">
        <v>0.77</v>
      </c>
    </row>
    <row r="2150" spans="1:3" x14ac:dyDescent="0.25">
      <c r="A2150" t="s">
        <v>12</v>
      </c>
      <c r="B2150">
        <v>0.72</v>
      </c>
      <c r="C2150">
        <v>0.63</v>
      </c>
    </row>
    <row r="2151" spans="1:3" x14ac:dyDescent="0.25">
      <c r="A2151" t="s">
        <v>24</v>
      </c>
      <c r="B2151">
        <v>0.94</v>
      </c>
      <c r="C2151">
        <v>0.66</v>
      </c>
    </row>
    <row r="2152" spans="1:3" x14ac:dyDescent="0.25">
      <c r="A2152" t="s">
        <v>24</v>
      </c>
      <c r="B2152">
        <v>0.46</v>
      </c>
      <c r="C2152">
        <v>0.08</v>
      </c>
    </row>
    <row r="2153" spans="1:3" x14ac:dyDescent="0.25">
      <c r="A2153" t="s">
        <v>10</v>
      </c>
      <c r="B2153">
        <v>0.46</v>
      </c>
      <c r="C2153">
        <v>0.85</v>
      </c>
    </row>
    <row r="2154" spans="1:3" x14ac:dyDescent="0.25">
      <c r="A2154" t="s">
        <v>24</v>
      </c>
      <c r="B2154">
        <v>0.17</v>
      </c>
      <c r="C2154">
        <v>0.89</v>
      </c>
    </row>
    <row r="2155" spans="1:3" x14ac:dyDescent="0.25">
      <c r="A2155" t="s">
        <v>10</v>
      </c>
      <c r="B2155">
        <v>0.85</v>
      </c>
      <c r="C2155">
        <v>7.0000000000000007E-2</v>
      </c>
    </row>
    <row r="2156" spans="1:3" x14ac:dyDescent="0.25">
      <c r="A2156" t="s">
        <v>12</v>
      </c>
      <c r="B2156">
        <v>0.32</v>
      </c>
      <c r="C2156">
        <v>0.69</v>
      </c>
    </row>
    <row r="2157" spans="1:3" x14ac:dyDescent="0.25">
      <c r="A2157" t="s">
        <v>12</v>
      </c>
      <c r="B2157">
        <v>0.95</v>
      </c>
      <c r="C2157">
        <v>0.47</v>
      </c>
    </row>
    <row r="2158" spans="1:3" x14ac:dyDescent="0.25">
      <c r="A2158" t="s">
        <v>8</v>
      </c>
      <c r="B2158">
        <v>0.76</v>
      </c>
      <c r="C2158">
        <v>0.45</v>
      </c>
    </row>
    <row r="2159" spans="1:3" x14ac:dyDescent="0.25">
      <c r="A2159" t="s">
        <v>24</v>
      </c>
      <c r="B2159">
        <v>0.12</v>
      </c>
      <c r="C2159">
        <v>0.17</v>
      </c>
    </row>
    <row r="2160" spans="1:3" x14ac:dyDescent="0.25">
      <c r="A2160" t="s">
        <v>24</v>
      </c>
      <c r="B2160">
        <v>0.87</v>
      </c>
      <c r="C2160">
        <v>0.17</v>
      </c>
    </row>
    <row r="2161" spans="1:3" x14ac:dyDescent="0.25">
      <c r="A2161" t="s">
        <v>8</v>
      </c>
      <c r="B2161">
        <v>0.82</v>
      </c>
      <c r="C2161">
        <v>0.93</v>
      </c>
    </row>
    <row r="2162" spans="1:3" x14ac:dyDescent="0.25">
      <c r="A2162" t="s">
        <v>8</v>
      </c>
      <c r="B2162">
        <v>0.66</v>
      </c>
      <c r="C2162">
        <v>0.73</v>
      </c>
    </row>
    <row r="2163" spans="1:3" x14ac:dyDescent="0.25">
      <c r="A2163" t="s">
        <v>12</v>
      </c>
      <c r="B2163">
        <v>0.13</v>
      </c>
      <c r="C2163">
        <v>0.62</v>
      </c>
    </row>
    <row r="2164" spans="1:3" x14ac:dyDescent="0.25">
      <c r="A2164" t="s">
        <v>8</v>
      </c>
      <c r="B2164">
        <v>0.06</v>
      </c>
      <c r="C2164">
        <v>0.61</v>
      </c>
    </row>
    <row r="2165" spans="1:3" x14ac:dyDescent="0.25">
      <c r="A2165" t="s">
        <v>12</v>
      </c>
      <c r="B2165">
        <v>0.33</v>
      </c>
      <c r="C2165">
        <v>0.3</v>
      </c>
    </row>
    <row r="2166" spans="1:3" x14ac:dyDescent="0.25">
      <c r="A2166" t="s">
        <v>12</v>
      </c>
      <c r="B2166">
        <v>0.53</v>
      </c>
      <c r="C2166">
        <v>0.19</v>
      </c>
    </row>
    <row r="2167" spans="1:3" x14ac:dyDescent="0.25">
      <c r="A2167" t="s">
        <v>12</v>
      </c>
      <c r="B2167">
        <v>0.32</v>
      </c>
      <c r="C2167">
        <v>0.49</v>
      </c>
    </row>
    <row r="2168" spans="1:3" x14ac:dyDescent="0.25">
      <c r="A2168" t="s">
        <v>24</v>
      </c>
      <c r="B2168">
        <v>0.45</v>
      </c>
      <c r="C2168">
        <v>0.47</v>
      </c>
    </row>
    <row r="2169" spans="1:3" x14ac:dyDescent="0.25">
      <c r="A2169" t="s">
        <v>8</v>
      </c>
      <c r="B2169">
        <v>0.78</v>
      </c>
      <c r="C2169">
        <v>0.41</v>
      </c>
    </row>
    <row r="2170" spans="1:3" x14ac:dyDescent="0.25">
      <c r="A2170" t="s">
        <v>10</v>
      </c>
      <c r="B2170">
        <v>0.57999999999999996</v>
      </c>
      <c r="C2170">
        <v>0.55000000000000004</v>
      </c>
    </row>
    <row r="2171" spans="1:3" x14ac:dyDescent="0.25">
      <c r="A2171" t="s">
        <v>24</v>
      </c>
      <c r="B2171">
        <v>0.89</v>
      </c>
      <c r="C2171">
        <v>0.4</v>
      </c>
    </row>
    <row r="2172" spans="1:3" x14ac:dyDescent="0.25">
      <c r="A2172" t="s">
        <v>12</v>
      </c>
      <c r="B2172">
        <v>0.66</v>
      </c>
      <c r="C2172">
        <v>0.56999999999999995</v>
      </c>
    </row>
    <row r="2173" spans="1:3" x14ac:dyDescent="0.25">
      <c r="A2173" t="s">
        <v>10</v>
      </c>
      <c r="B2173">
        <v>0.78</v>
      </c>
      <c r="C2173">
        <v>0.8</v>
      </c>
    </row>
    <row r="2174" spans="1:3" x14ac:dyDescent="0.25">
      <c r="A2174" t="s">
        <v>24</v>
      </c>
      <c r="B2174">
        <v>0.72</v>
      </c>
      <c r="C2174">
        <v>0.32</v>
      </c>
    </row>
    <row r="2175" spans="1:3" x14ac:dyDescent="0.25">
      <c r="A2175" t="s">
        <v>12</v>
      </c>
      <c r="B2175">
        <v>0.48</v>
      </c>
      <c r="C2175">
        <v>0.56999999999999995</v>
      </c>
    </row>
    <row r="2176" spans="1:3" x14ac:dyDescent="0.25">
      <c r="A2176" t="s">
        <v>10</v>
      </c>
      <c r="B2176">
        <v>0.05</v>
      </c>
      <c r="C2176">
        <v>0.28000000000000003</v>
      </c>
    </row>
    <row r="2177" spans="1:3" x14ac:dyDescent="0.25">
      <c r="A2177" t="s">
        <v>24</v>
      </c>
      <c r="B2177">
        <v>0.82</v>
      </c>
      <c r="C2177">
        <v>0.22</v>
      </c>
    </row>
    <row r="2178" spans="1:3" x14ac:dyDescent="0.25">
      <c r="A2178" t="s">
        <v>24</v>
      </c>
      <c r="B2178">
        <v>0.33</v>
      </c>
      <c r="C2178">
        <v>0.81</v>
      </c>
    </row>
    <row r="2179" spans="1:3" x14ac:dyDescent="0.25">
      <c r="A2179" t="s">
        <v>8</v>
      </c>
      <c r="B2179">
        <v>0.02</v>
      </c>
      <c r="C2179">
        <v>0.54</v>
      </c>
    </row>
    <row r="2180" spans="1:3" x14ac:dyDescent="0.25">
      <c r="A2180" t="s">
        <v>8</v>
      </c>
      <c r="B2180">
        <v>0.21</v>
      </c>
      <c r="C2180">
        <v>0.38</v>
      </c>
    </row>
    <row r="2181" spans="1:3" x14ac:dyDescent="0.25">
      <c r="A2181" t="s">
        <v>12</v>
      </c>
      <c r="B2181">
        <v>0.24</v>
      </c>
      <c r="C2181">
        <v>0.53</v>
      </c>
    </row>
    <row r="2182" spans="1:3" x14ac:dyDescent="0.25">
      <c r="A2182" t="s">
        <v>24</v>
      </c>
      <c r="B2182">
        <v>0.42</v>
      </c>
      <c r="C2182">
        <v>0.94</v>
      </c>
    </row>
    <row r="2183" spans="1:3" x14ac:dyDescent="0.25">
      <c r="A2183" t="s">
        <v>24</v>
      </c>
      <c r="B2183">
        <v>0.19</v>
      </c>
      <c r="C2183">
        <v>0.56000000000000005</v>
      </c>
    </row>
    <row r="2184" spans="1:3" x14ac:dyDescent="0.25">
      <c r="A2184" t="s">
        <v>8</v>
      </c>
      <c r="B2184">
        <v>0.21</v>
      </c>
      <c r="C2184">
        <v>0.61</v>
      </c>
    </row>
    <row r="2185" spans="1:3" x14ac:dyDescent="0.25">
      <c r="A2185" t="s">
        <v>10</v>
      </c>
      <c r="B2185">
        <v>0.17</v>
      </c>
      <c r="C2185">
        <v>0.89</v>
      </c>
    </row>
    <row r="2186" spans="1:3" x14ac:dyDescent="0.25">
      <c r="A2186" t="s">
        <v>8</v>
      </c>
      <c r="B2186">
        <v>0.83</v>
      </c>
      <c r="C2186">
        <v>0.84</v>
      </c>
    </row>
    <row r="2187" spans="1:3" x14ac:dyDescent="0.25">
      <c r="A2187" t="s">
        <v>24</v>
      </c>
      <c r="B2187">
        <v>0.51</v>
      </c>
      <c r="C2187">
        <v>0.4</v>
      </c>
    </row>
    <row r="2188" spans="1:3" x14ac:dyDescent="0.25">
      <c r="A2188" t="s">
        <v>10</v>
      </c>
      <c r="B2188">
        <v>0.86</v>
      </c>
      <c r="C2188">
        <v>0.05</v>
      </c>
    </row>
    <row r="2189" spans="1:3" x14ac:dyDescent="0.25">
      <c r="A2189" t="s">
        <v>10</v>
      </c>
      <c r="B2189">
        <v>0.1</v>
      </c>
      <c r="C2189">
        <v>0.92</v>
      </c>
    </row>
    <row r="2190" spans="1:3" x14ac:dyDescent="0.25">
      <c r="A2190" t="s">
        <v>12</v>
      </c>
      <c r="B2190">
        <v>0.16</v>
      </c>
      <c r="C2190">
        <v>0.9</v>
      </c>
    </row>
    <row r="2191" spans="1:3" x14ac:dyDescent="0.25">
      <c r="A2191" t="s">
        <v>12</v>
      </c>
      <c r="B2191">
        <v>0.06</v>
      </c>
      <c r="C2191">
        <v>0.34</v>
      </c>
    </row>
    <row r="2192" spans="1:3" x14ac:dyDescent="0.25">
      <c r="A2192" t="s">
        <v>10</v>
      </c>
      <c r="B2192">
        <v>0.31</v>
      </c>
      <c r="C2192">
        <v>0.75</v>
      </c>
    </row>
    <row r="2193" spans="1:3" x14ac:dyDescent="0.25">
      <c r="A2193" t="s">
        <v>10</v>
      </c>
      <c r="B2193">
        <v>0.27</v>
      </c>
      <c r="C2193">
        <v>0.59</v>
      </c>
    </row>
    <row r="2194" spans="1:3" x14ac:dyDescent="0.25">
      <c r="A2194" t="s">
        <v>24</v>
      </c>
      <c r="B2194">
        <v>0.89</v>
      </c>
      <c r="C2194">
        <v>0.61</v>
      </c>
    </row>
    <row r="2195" spans="1:3" x14ac:dyDescent="0.25">
      <c r="A2195" t="s">
        <v>12</v>
      </c>
      <c r="B2195">
        <v>0.68</v>
      </c>
      <c r="C2195">
        <v>0.14000000000000001</v>
      </c>
    </row>
    <row r="2196" spans="1:3" x14ac:dyDescent="0.25">
      <c r="A2196" t="s">
        <v>24</v>
      </c>
      <c r="B2196">
        <v>0.97</v>
      </c>
      <c r="C2196">
        <v>0.78</v>
      </c>
    </row>
    <row r="2197" spans="1:3" x14ac:dyDescent="0.25">
      <c r="A2197" t="s">
        <v>8</v>
      </c>
      <c r="B2197">
        <v>0.88</v>
      </c>
      <c r="C2197">
        <v>0.31</v>
      </c>
    </row>
    <row r="2198" spans="1:3" x14ac:dyDescent="0.25">
      <c r="A2198" t="s">
        <v>12</v>
      </c>
      <c r="B2198">
        <v>0.89</v>
      </c>
      <c r="C2198">
        <v>0.22</v>
      </c>
    </row>
    <row r="2199" spans="1:3" x14ac:dyDescent="0.25">
      <c r="A2199" t="s">
        <v>24</v>
      </c>
      <c r="B2199">
        <v>0.77</v>
      </c>
      <c r="C2199">
        <v>0.56000000000000005</v>
      </c>
    </row>
    <row r="2200" spans="1:3" x14ac:dyDescent="0.25">
      <c r="A2200" t="s">
        <v>12</v>
      </c>
      <c r="B2200">
        <v>0.9</v>
      </c>
      <c r="C2200">
        <v>0.4</v>
      </c>
    </row>
    <row r="2201" spans="1:3" x14ac:dyDescent="0.25">
      <c r="A2201" t="s">
        <v>10</v>
      </c>
      <c r="B2201">
        <v>0.39</v>
      </c>
      <c r="C2201">
        <v>0.12</v>
      </c>
    </row>
    <row r="2202" spans="1:3" x14ac:dyDescent="0.25">
      <c r="A2202" t="s">
        <v>24</v>
      </c>
      <c r="B2202">
        <v>0.81</v>
      </c>
      <c r="C2202">
        <v>0.44</v>
      </c>
    </row>
    <row r="2203" spans="1:3" x14ac:dyDescent="0.25">
      <c r="A2203" t="s">
        <v>12</v>
      </c>
      <c r="B2203">
        <v>0.69</v>
      </c>
      <c r="C2203">
        <v>0.69</v>
      </c>
    </row>
    <row r="2204" spans="1:3" x14ac:dyDescent="0.25">
      <c r="A2204" t="s">
        <v>8</v>
      </c>
      <c r="B2204">
        <v>0.88</v>
      </c>
      <c r="C2204">
        <v>0.6</v>
      </c>
    </row>
    <row r="2205" spans="1:3" x14ac:dyDescent="0.25">
      <c r="A2205" t="s">
        <v>12</v>
      </c>
      <c r="B2205">
        <v>0.25</v>
      </c>
      <c r="C2205">
        <v>0.34</v>
      </c>
    </row>
    <row r="2206" spans="1:3" x14ac:dyDescent="0.25">
      <c r="A2206" t="s">
        <v>8</v>
      </c>
      <c r="B2206">
        <v>0.36</v>
      </c>
      <c r="C2206">
        <v>0.93</v>
      </c>
    </row>
    <row r="2207" spans="1:3" x14ac:dyDescent="0.25">
      <c r="A2207" t="s">
        <v>10</v>
      </c>
      <c r="B2207">
        <v>0.43</v>
      </c>
      <c r="C2207">
        <v>0.44</v>
      </c>
    </row>
    <row r="2208" spans="1:3" x14ac:dyDescent="0.25">
      <c r="A2208" t="s">
        <v>8</v>
      </c>
      <c r="B2208">
        <v>0.55000000000000004</v>
      </c>
      <c r="C2208">
        <v>0.14000000000000001</v>
      </c>
    </row>
    <row r="2209" spans="1:3" x14ac:dyDescent="0.25">
      <c r="A2209" t="s">
        <v>10</v>
      </c>
      <c r="B2209">
        <v>0.57999999999999996</v>
      </c>
      <c r="C2209">
        <v>0.3</v>
      </c>
    </row>
    <row r="2210" spans="1:3" x14ac:dyDescent="0.25">
      <c r="A2210" t="s">
        <v>12</v>
      </c>
      <c r="B2210">
        <v>0.97</v>
      </c>
      <c r="C2210">
        <v>0.49</v>
      </c>
    </row>
    <row r="2211" spans="1:3" x14ac:dyDescent="0.25">
      <c r="A2211" t="s">
        <v>24</v>
      </c>
      <c r="B2211">
        <v>0.79</v>
      </c>
      <c r="C2211">
        <v>0.33</v>
      </c>
    </row>
    <row r="2212" spans="1:3" x14ac:dyDescent="0.25">
      <c r="A2212" t="s">
        <v>24</v>
      </c>
      <c r="B2212">
        <v>0.93</v>
      </c>
      <c r="C2212">
        <v>0.48</v>
      </c>
    </row>
    <row r="2213" spans="1:3" x14ac:dyDescent="0.25">
      <c r="A2213" t="s">
        <v>12</v>
      </c>
      <c r="B2213">
        <v>0.27</v>
      </c>
      <c r="C2213">
        <v>0.61</v>
      </c>
    </row>
    <row r="2214" spans="1:3" x14ac:dyDescent="0.25">
      <c r="A2214" t="s">
        <v>8</v>
      </c>
      <c r="B2214">
        <v>1</v>
      </c>
      <c r="C2214">
        <v>0.61</v>
      </c>
    </row>
    <row r="2215" spans="1:3" x14ac:dyDescent="0.25">
      <c r="A2215" t="s">
        <v>8</v>
      </c>
      <c r="B2215">
        <v>0.98</v>
      </c>
      <c r="C2215">
        <v>0.08</v>
      </c>
    </row>
    <row r="2216" spans="1:3" x14ac:dyDescent="0.25">
      <c r="A2216" t="s">
        <v>10</v>
      </c>
      <c r="B2216">
        <v>0.59</v>
      </c>
      <c r="C2216">
        <v>0.43</v>
      </c>
    </row>
    <row r="2217" spans="1:3" x14ac:dyDescent="0.25">
      <c r="A2217" t="s">
        <v>12</v>
      </c>
      <c r="B2217">
        <v>0.72</v>
      </c>
      <c r="C2217">
        <v>0.54</v>
      </c>
    </row>
    <row r="2218" spans="1:3" x14ac:dyDescent="0.25">
      <c r="A2218" t="s">
        <v>8</v>
      </c>
      <c r="B2218">
        <v>0.68</v>
      </c>
      <c r="C2218">
        <v>0.14000000000000001</v>
      </c>
    </row>
    <row r="2219" spans="1:3" x14ac:dyDescent="0.25">
      <c r="A2219" t="s">
        <v>10</v>
      </c>
      <c r="B2219">
        <v>7.0000000000000007E-2</v>
      </c>
      <c r="C2219">
        <v>0.61</v>
      </c>
    </row>
    <row r="2220" spans="1:3" x14ac:dyDescent="0.25">
      <c r="A2220" t="s">
        <v>8</v>
      </c>
      <c r="B2220">
        <v>0.26</v>
      </c>
      <c r="C2220">
        <v>0.09</v>
      </c>
    </row>
    <row r="2221" spans="1:3" x14ac:dyDescent="0.25">
      <c r="A2221" t="s">
        <v>24</v>
      </c>
      <c r="B2221">
        <v>0.14000000000000001</v>
      </c>
      <c r="C2221">
        <v>0.79</v>
      </c>
    </row>
    <row r="2222" spans="1:3" x14ac:dyDescent="0.25">
      <c r="A2222" t="s">
        <v>8</v>
      </c>
      <c r="B2222">
        <v>0.92</v>
      </c>
      <c r="C2222">
        <v>0.22</v>
      </c>
    </row>
    <row r="2223" spans="1:3" x14ac:dyDescent="0.25">
      <c r="A2223" t="s">
        <v>12</v>
      </c>
      <c r="B2223">
        <v>0.74</v>
      </c>
      <c r="C2223">
        <v>0.65</v>
      </c>
    </row>
    <row r="2224" spans="1:3" x14ac:dyDescent="0.25">
      <c r="A2224" t="s">
        <v>8</v>
      </c>
      <c r="B2224">
        <v>0.74</v>
      </c>
      <c r="C2224">
        <v>0.86</v>
      </c>
    </row>
    <row r="2225" spans="1:3" x14ac:dyDescent="0.25">
      <c r="A2225" t="s">
        <v>10</v>
      </c>
      <c r="B2225">
        <v>0.65</v>
      </c>
      <c r="C2225">
        <v>0.06</v>
      </c>
    </row>
    <row r="2226" spans="1:3" x14ac:dyDescent="0.25">
      <c r="A2226" t="s">
        <v>10</v>
      </c>
      <c r="B2226">
        <v>0.04</v>
      </c>
      <c r="C2226">
        <v>0.62</v>
      </c>
    </row>
    <row r="2227" spans="1:3" x14ac:dyDescent="0.25">
      <c r="A2227" t="s">
        <v>12</v>
      </c>
      <c r="B2227">
        <v>0.12</v>
      </c>
      <c r="C2227">
        <v>0.38</v>
      </c>
    </row>
    <row r="2228" spans="1:3" x14ac:dyDescent="0.25">
      <c r="A2228" t="s">
        <v>8</v>
      </c>
      <c r="B2228">
        <v>0.41</v>
      </c>
      <c r="C2228">
        <v>0.47</v>
      </c>
    </row>
    <row r="2229" spans="1:3" x14ac:dyDescent="0.25">
      <c r="A2229" t="s">
        <v>8</v>
      </c>
      <c r="B2229">
        <v>0.99</v>
      </c>
      <c r="C2229">
        <v>0.56999999999999995</v>
      </c>
    </row>
    <row r="2230" spans="1:3" x14ac:dyDescent="0.25">
      <c r="A2230" t="s">
        <v>24</v>
      </c>
      <c r="B2230">
        <v>0.5</v>
      </c>
      <c r="C2230">
        <v>0.64</v>
      </c>
    </row>
    <row r="2231" spans="1:3" x14ac:dyDescent="0.25">
      <c r="A2231" t="s">
        <v>8</v>
      </c>
      <c r="B2231">
        <v>0.56000000000000005</v>
      </c>
      <c r="C2231">
        <v>0.53</v>
      </c>
    </row>
    <row r="2232" spans="1:3" x14ac:dyDescent="0.25">
      <c r="A2232" t="s">
        <v>12</v>
      </c>
      <c r="B2232">
        <v>0.11</v>
      </c>
      <c r="C2232">
        <v>0.89</v>
      </c>
    </row>
    <row r="2233" spans="1:3" x14ac:dyDescent="0.25">
      <c r="A2233" t="s">
        <v>8</v>
      </c>
      <c r="B2233">
        <v>0.51</v>
      </c>
      <c r="C2233">
        <v>0.63</v>
      </c>
    </row>
    <row r="2234" spans="1:3" x14ac:dyDescent="0.25">
      <c r="A2234" t="s">
        <v>24</v>
      </c>
      <c r="B2234">
        <v>0.5</v>
      </c>
      <c r="C2234">
        <v>0.9</v>
      </c>
    </row>
    <row r="2235" spans="1:3" x14ac:dyDescent="0.25">
      <c r="A2235" t="s">
        <v>12</v>
      </c>
      <c r="B2235">
        <v>0.25</v>
      </c>
      <c r="C2235">
        <v>0.82</v>
      </c>
    </row>
    <row r="2236" spans="1:3" x14ac:dyDescent="0.25">
      <c r="A2236" t="s">
        <v>24</v>
      </c>
      <c r="B2236">
        <v>0.68</v>
      </c>
      <c r="C2236">
        <v>0.73</v>
      </c>
    </row>
    <row r="2237" spans="1:3" x14ac:dyDescent="0.25">
      <c r="A2237" t="s">
        <v>12</v>
      </c>
      <c r="B2237">
        <v>0.54</v>
      </c>
      <c r="C2237">
        <v>0.46</v>
      </c>
    </row>
    <row r="2238" spans="1:3" x14ac:dyDescent="0.25">
      <c r="A2238" t="s">
        <v>8</v>
      </c>
      <c r="B2238">
        <v>0.67</v>
      </c>
      <c r="C2238">
        <v>0.63</v>
      </c>
    </row>
    <row r="2239" spans="1:3" x14ac:dyDescent="0.25">
      <c r="A2239" t="s">
        <v>10</v>
      </c>
      <c r="B2239">
        <v>0.5</v>
      </c>
      <c r="C2239">
        <v>0.14000000000000001</v>
      </c>
    </row>
    <row r="2240" spans="1:3" x14ac:dyDescent="0.25">
      <c r="A2240" t="s">
        <v>12</v>
      </c>
      <c r="B2240">
        <v>0.78</v>
      </c>
      <c r="C2240">
        <v>0.56000000000000005</v>
      </c>
    </row>
    <row r="2241" spans="1:3" x14ac:dyDescent="0.25">
      <c r="A2241" t="s">
        <v>8</v>
      </c>
      <c r="B2241">
        <v>0.47</v>
      </c>
      <c r="C2241">
        <v>0.25</v>
      </c>
    </row>
    <row r="2242" spans="1:3" x14ac:dyDescent="0.25">
      <c r="A2242" t="s">
        <v>24</v>
      </c>
      <c r="B2242">
        <v>0.31</v>
      </c>
      <c r="C2242">
        <v>0.79</v>
      </c>
    </row>
    <row r="2243" spans="1:3" x14ac:dyDescent="0.25">
      <c r="A2243" t="s">
        <v>8</v>
      </c>
      <c r="B2243">
        <v>0.61</v>
      </c>
      <c r="C2243">
        <v>0.45</v>
      </c>
    </row>
    <row r="2244" spans="1:3" x14ac:dyDescent="0.25">
      <c r="A2244" t="s">
        <v>12</v>
      </c>
      <c r="B2244">
        <v>0.65</v>
      </c>
      <c r="C2244">
        <v>0.42</v>
      </c>
    </row>
    <row r="2245" spans="1:3" x14ac:dyDescent="0.25">
      <c r="A2245" t="s">
        <v>12</v>
      </c>
      <c r="B2245">
        <v>0.87</v>
      </c>
      <c r="C2245">
        <v>0.76</v>
      </c>
    </row>
    <row r="2246" spans="1:3" x14ac:dyDescent="0.25">
      <c r="A2246" t="s">
        <v>12</v>
      </c>
      <c r="B2246">
        <v>0.52</v>
      </c>
      <c r="C2246">
        <v>0.4</v>
      </c>
    </row>
    <row r="2247" spans="1:3" x14ac:dyDescent="0.25">
      <c r="A2247" t="s">
        <v>12</v>
      </c>
      <c r="B2247">
        <v>0.64</v>
      </c>
      <c r="C2247">
        <v>7.0000000000000007E-2</v>
      </c>
    </row>
    <row r="2248" spans="1:3" x14ac:dyDescent="0.25">
      <c r="A2248" t="s">
        <v>8</v>
      </c>
      <c r="B2248">
        <v>0.95</v>
      </c>
      <c r="C2248">
        <v>0.71</v>
      </c>
    </row>
    <row r="2249" spans="1:3" x14ac:dyDescent="0.25">
      <c r="A2249" t="s">
        <v>12</v>
      </c>
      <c r="B2249">
        <v>0.53</v>
      </c>
      <c r="C2249">
        <v>0.62</v>
      </c>
    </row>
    <row r="2250" spans="1:3" x14ac:dyDescent="0.25">
      <c r="A2250" t="s">
        <v>10</v>
      </c>
      <c r="B2250">
        <v>0.82</v>
      </c>
      <c r="C2250">
        <v>0.84</v>
      </c>
    </row>
    <row r="2251" spans="1:3" x14ac:dyDescent="0.25">
      <c r="A2251" t="s">
        <v>24</v>
      </c>
      <c r="B2251">
        <v>0.02</v>
      </c>
      <c r="C2251">
        <v>0.08</v>
      </c>
    </row>
    <row r="2252" spans="1:3" x14ac:dyDescent="0.25">
      <c r="A2252" t="s">
        <v>8</v>
      </c>
      <c r="B2252">
        <v>0.14000000000000001</v>
      </c>
      <c r="C2252">
        <v>0.5</v>
      </c>
    </row>
    <row r="2253" spans="1:3" x14ac:dyDescent="0.25">
      <c r="A2253" t="s">
        <v>24</v>
      </c>
      <c r="B2253">
        <v>0.01</v>
      </c>
      <c r="C2253">
        <v>0.11</v>
      </c>
    </row>
    <row r="2254" spans="1:3" x14ac:dyDescent="0.25">
      <c r="A2254" t="s">
        <v>12</v>
      </c>
      <c r="B2254">
        <v>7.0000000000000007E-2</v>
      </c>
      <c r="C2254">
        <v>0.09</v>
      </c>
    </row>
    <row r="2255" spans="1:3" x14ac:dyDescent="0.25">
      <c r="A2255" t="s">
        <v>8</v>
      </c>
      <c r="B2255">
        <v>0.02</v>
      </c>
      <c r="C2255">
        <v>0.4</v>
      </c>
    </row>
    <row r="2256" spans="1:3" x14ac:dyDescent="0.25">
      <c r="A2256" t="s">
        <v>8</v>
      </c>
      <c r="B2256">
        <v>0.43</v>
      </c>
      <c r="C2256">
        <v>0.3</v>
      </c>
    </row>
    <row r="2257" spans="1:3" x14ac:dyDescent="0.25">
      <c r="A2257" t="s">
        <v>24</v>
      </c>
      <c r="B2257">
        <v>0.38</v>
      </c>
      <c r="C2257">
        <v>0.17</v>
      </c>
    </row>
    <row r="2258" spans="1:3" x14ac:dyDescent="0.25">
      <c r="A2258" t="s">
        <v>10</v>
      </c>
      <c r="B2258">
        <v>0.01</v>
      </c>
      <c r="C2258">
        <v>0.88</v>
      </c>
    </row>
    <row r="2259" spans="1:3" x14ac:dyDescent="0.25">
      <c r="A2259" t="s">
        <v>10</v>
      </c>
      <c r="B2259">
        <v>0.63</v>
      </c>
      <c r="C2259">
        <v>0.4</v>
      </c>
    </row>
    <row r="2260" spans="1:3" x14ac:dyDescent="0.25">
      <c r="A2260" t="s">
        <v>24</v>
      </c>
      <c r="B2260">
        <v>0.01</v>
      </c>
      <c r="C2260">
        <v>0.11</v>
      </c>
    </row>
    <row r="2261" spans="1:3" x14ac:dyDescent="0.25">
      <c r="A2261" t="s">
        <v>24</v>
      </c>
      <c r="B2261">
        <v>0.39</v>
      </c>
      <c r="C2261">
        <v>0.78</v>
      </c>
    </row>
    <row r="2262" spans="1:3" x14ac:dyDescent="0.25">
      <c r="A2262" t="s">
        <v>24</v>
      </c>
      <c r="B2262">
        <v>0.67</v>
      </c>
      <c r="C2262">
        <v>0.28000000000000003</v>
      </c>
    </row>
    <row r="2263" spans="1:3" x14ac:dyDescent="0.25">
      <c r="A2263" t="s">
        <v>12</v>
      </c>
      <c r="B2263">
        <v>0.3</v>
      </c>
      <c r="C2263">
        <v>0.95</v>
      </c>
    </row>
    <row r="2264" spans="1:3" x14ac:dyDescent="0.25">
      <c r="A2264" t="s">
        <v>10</v>
      </c>
      <c r="B2264">
        <v>0.52</v>
      </c>
      <c r="C2264">
        <v>0.3</v>
      </c>
    </row>
    <row r="2265" spans="1:3" x14ac:dyDescent="0.25">
      <c r="A2265" t="s">
        <v>12</v>
      </c>
      <c r="B2265">
        <v>0.83</v>
      </c>
      <c r="C2265">
        <v>0.28000000000000003</v>
      </c>
    </row>
    <row r="2266" spans="1:3" x14ac:dyDescent="0.25">
      <c r="A2266" t="s">
        <v>24</v>
      </c>
      <c r="B2266">
        <v>0.23</v>
      </c>
      <c r="C2266">
        <v>0.27</v>
      </c>
    </row>
    <row r="2267" spans="1:3" x14ac:dyDescent="0.25">
      <c r="A2267" t="s">
        <v>8</v>
      </c>
      <c r="B2267">
        <v>0.2</v>
      </c>
      <c r="C2267">
        <v>0.52</v>
      </c>
    </row>
    <row r="2268" spans="1:3" x14ac:dyDescent="0.25">
      <c r="A2268" t="s">
        <v>12</v>
      </c>
      <c r="B2268">
        <v>0.68</v>
      </c>
      <c r="C2268">
        <v>0.67</v>
      </c>
    </row>
    <row r="2269" spans="1:3" x14ac:dyDescent="0.25">
      <c r="A2269" t="s">
        <v>24</v>
      </c>
      <c r="B2269">
        <v>0.09</v>
      </c>
      <c r="C2269">
        <v>0.2</v>
      </c>
    </row>
    <row r="2270" spans="1:3" x14ac:dyDescent="0.25">
      <c r="A2270" t="s">
        <v>24</v>
      </c>
      <c r="B2270">
        <v>0.01</v>
      </c>
      <c r="C2270">
        <v>0.56000000000000005</v>
      </c>
    </row>
    <row r="2271" spans="1:3" x14ac:dyDescent="0.25">
      <c r="A2271" t="s">
        <v>12</v>
      </c>
      <c r="B2271">
        <v>0.96</v>
      </c>
      <c r="C2271">
        <v>0.68</v>
      </c>
    </row>
    <row r="2272" spans="1:3" x14ac:dyDescent="0.25">
      <c r="A2272" t="s">
        <v>24</v>
      </c>
      <c r="B2272">
        <v>0.18</v>
      </c>
      <c r="C2272">
        <v>0.48</v>
      </c>
    </row>
    <row r="2273" spans="1:3" x14ac:dyDescent="0.25">
      <c r="A2273" t="s">
        <v>24</v>
      </c>
      <c r="B2273">
        <v>0.23</v>
      </c>
      <c r="C2273">
        <v>0.09</v>
      </c>
    </row>
    <row r="2274" spans="1:3" x14ac:dyDescent="0.25">
      <c r="A2274" t="s">
        <v>10</v>
      </c>
      <c r="B2274">
        <v>0.98</v>
      </c>
      <c r="C2274">
        <v>0.16</v>
      </c>
    </row>
    <row r="2275" spans="1:3" x14ac:dyDescent="0.25">
      <c r="A2275" t="s">
        <v>24</v>
      </c>
      <c r="B2275">
        <v>0.44</v>
      </c>
      <c r="C2275">
        <v>0.52</v>
      </c>
    </row>
    <row r="2276" spans="1:3" x14ac:dyDescent="0.25">
      <c r="A2276" t="s">
        <v>10</v>
      </c>
      <c r="B2276">
        <v>0.05</v>
      </c>
      <c r="C2276">
        <v>0.57999999999999996</v>
      </c>
    </row>
    <row r="2277" spans="1:3" x14ac:dyDescent="0.25">
      <c r="A2277" t="s">
        <v>10</v>
      </c>
      <c r="B2277">
        <v>0.3</v>
      </c>
      <c r="C2277">
        <v>0.61</v>
      </c>
    </row>
    <row r="2278" spans="1:3" x14ac:dyDescent="0.25">
      <c r="A2278" t="s">
        <v>12</v>
      </c>
      <c r="B2278">
        <v>0.3</v>
      </c>
      <c r="C2278">
        <v>0.56000000000000005</v>
      </c>
    </row>
    <row r="2279" spans="1:3" x14ac:dyDescent="0.25">
      <c r="A2279" t="s">
        <v>10</v>
      </c>
      <c r="B2279">
        <v>0.51</v>
      </c>
      <c r="C2279">
        <v>0.47</v>
      </c>
    </row>
    <row r="2280" spans="1:3" x14ac:dyDescent="0.25">
      <c r="A2280" t="s">
        <v>10</v>
      </c>
      <c r="B2280">
        <v>0.34</v>
      </c>
      <c r="C2280">
        <v>0.55000000000000004</v>
      </c>
    </row>
    <row r="2281" spans="1:3" x14ac:dyDescent="0.25">
      <c r="A2281" t="s">
        <v>10</v>
      </c>
      <c r="B2281">
        <v>0.43</v>
      </c>
      <c r="C2281">
        <v>0.47</v>
      </c>
    </row>
    <row r="2282" spans="1:3" x14ac:dyDescent="0.25">
      <c r="A2282" t="s">
        <v>10</v>
      </c>
      <c r="B2282">
        <v>0.92</v>
      </c>
      <c r="C2282">
        <v>0.55000000000000004</v>
      </c>
    </row>
    <row r="2283" spans="1:3" x14ac:dyDescent="0.25">
      <c r="A2283" t="s">
        <v>12</v>
      </c>
      <c r="B2283">
        <v>0.86</v>
      </c>
      <c r="C2283">
        <v>0.49</v>
      </c>
    </row>
    <row r="2284" spans="1:3" x14ac:dyDescent="0.25">
      <c r="A2284" t="s">
        <v>24</v>
      </c>
      <c r="B2284">
        <v>0.49</v>
      </c>
      <c r="C2284">
        <v>0.56999999999999995</v>
      </c>
    </row>
    <row r="2285" spans="1:3" x14ac:dyDescent="0.25">
      <c r="A2285" t="s">
        <v>10</v>
      </c>
      <c r="B2285">
        <v>0.11</v>
      </c>
      <c r="C2285">
        <v>0.82</v>
      </c>
    </row>
    <row r="2286" spans="1:3" x14ac:dyDescent="0.25">
      <c r="A2286" t="s">
        <v>24</v>
      </c>
      <c r="B2286">
        <v>0.78</v>
      </c>
      <c r="C2286">
        <v>0.57999999999999996</v>
      </c>
    </row>
    <row r="2287" spans="1:3" x14ac:dyDescent="0.25">
      <c r="A2287" t="s">
        <v>24</v>
      </c>
      <c r="B2287">
        <v>0.52</v>
      </c>
      <c r="C2287">
        <v>0.82</v>
      </c>
    </row>
    <row r="2288" spans="1:3" x14ac:dyDescent="0.25">
      <c r="A2288" t="s">
        <v>24</v>
      </c>
      <c r="B2288">
        <v>0.52</v>
      </c>
      <c r="C2288">
        <v>0.59</v>
      </c>
    </row>
    <row r="2289" spans="1:3" x14ac:dyDescent="0.25">
      <c r="A2289" t="s">
        <v>8</v>
      </c>
      <c r="B2289">
        <v>0.86</v>
      </c>
      <c r="C2289">
        <v>0.54</v>
      </c>
    </row>
    <row r="2290" spans="1:3" x14ac:dyDescent="0.25">
      <c r="A2290" t="s">
        <v>8</v>
      </c>
      <c r="B2290">
        <v>0.02</v>
      </c>
      <c r="C2290">
        <v>0.94</v>
      </c>
    </row>
    <row r="2291" spans="1:3" x14ac:dyDescent="0.25">
      <c r="A2291" t="s">
        <v>10</v>
      </c>
      <c r="B2291">
        <v>0.87</v>
      </c>
      <c r="C2291">
        <v>0.61</v>
      </c>
    </row>
    <row r="2292" spans="1:3" x14ac:dyDescent="0.25">
      <c r="A2292" t="s">
        <v>12</v>
      </c>
      <c r="B2292">
        <v>0.62</v>
      </c>
      <c r="C2292">
        <v>0.42</v>
      </c>
    </row>
    <row r="2293" spans="1:3" x14ac:dyDescent="0.25">
      <c r="A2293" t="s">
        <v>24</v>
      </c>
      <c r="B2293">
        <v>0.47</v>
      </c>
      <c r="C2293">
        <v>0.88</v>
      </c>
    </row>
    <row r="2294" spans="1:3" x14ac:dyDescent="0.25">
      <c r="A2294" t="s">
        <v>10</v>
      </c>
      <c r="B2294">
        <v>0.61</v>
      </c>
      <c r="C2294">
        <v>0.95</v>
      </c>
    </row>
    <row r="2295" spans="1:3" x14ac:dyDescent="0.25">
      <c r="A2295" t="s">
        <v>10</v>
      </c>
      <c r="B2295">
        <v>0.42</v>
      </c>
      <c r="C2295">
        <v>7.0000000000000007E-2</v>
      </c>
    </row>
    <row r="2296" spans="1:3" x14ac:dyDescent="0.25">
      <c r="A2296" t="s">
        <v>12</v>
      </c>
      <c r="B2296">
        <v>0.73</v>
      </c>
      <c r="C2296">
        <v>0.62</v>
      </c>
    </row>
    <row r="2297" spans="1:3" x14ac:dyDescent="0.25">
      <c r="A2297" t="s">
        <v>10</v>
      </c>
      <c r="B2297">
        <v>0.31</v>
      </c>
      <c r="C2297">
        <v>0.84</v>
      </c>
    </row>
    <row r="2298" spans="1:3" x14ac:dyDescent="0.25">
      <c r="A2298" t="s">
        <v>10</v>
      </c>
      <c r="B2298">
        <v>0.38</v>
      </c>
      <c r="C2298">
        <v>0.82</v>
      </c>
    </row>
    <row r="2299" spans="1:3" x14ac:dyDescent="0.25">
      <c r="A2299" t="s">
        <v>10</v>
      </c>
      <c r="B2299">
        <v>0.28999999999999998</v>
      </c>
      <c r="C2299">
        <v>0.09</v>
      </c>
    </row>
    <row r="2300" spans="1:3" x14ac:dyDescent="0.25">
      <c r="A2300" t="s">
        <v>24</v>
      </c>
      <c r="B2300">
        <v>0.14000000000000001</v>
      </c>
      <c r="C2300">
        <v>0.13</v>
      </c>
    </row>
    <row r="2301" spans="1:3" x14ac:dyDescent="0.25">
      <c r="A2301" t="s">
        <v>10</v>
      </c>
      <c r="B2301">
        <v>0.67</v>
      </c>
      <c r="C2301">
        <v>0.27</v>
      </c>
    </row>
    <row r="2302" spans="1:3" x14ac:dyDescent="0.25">
      <c r="A2302" t="s">
        <v>10</v>
      </c>
      <c r="B2302">
        <v>0.45</v>
      </c>
      <c r="C2302">
        <v>0.2</v>
      </c>
    </row>
    <row r="2303" spans="1:3" x14ac:dyDescent="0.25">
      <c r="A2303" t="s">
        <v>10</v>
      </c>
      <c r="B2303">
        <v>0.94</v>
      </c>
      <c r="C2303">
        <v>0.94</v>
      </c>
    </row>
    <row r="2304" spans="1:3" x14ac:dyDescent="0.25">
      <c r="A2304" t="s">
        <v>24</v>
      </c>
      <c r="B2304">
        <v>0.65</v>
      </c>
      <c r="C2304">
        <v>0.54</v>
      </c>
    </row>
    <row r="2305" spans="1:3" x14ac:dyDescent="0.25">
      <c r="A2305" t="s">
        <v>10</v>
      </c>
      <c r="B2305">
        <v>0.53</v>
      </c>
      <c r="C2305">
        <v>0.86</v>
      </c>
    </row>
    <row r="2306" spans="1:3" x14ac:dyDescent="0.25">
      <c r="A2306" t="s">
        <v>8</v>
      </c>
      <c r="B2306">
        <v>0.62</v>
      </c>
      <c r="C2306">
        <v>0.77</v>
      </c>
    </row>
    <row r="2307" spans="1:3" x14ac:dyDescent="0.25">
      <c r="A2307" t="s">
        <v>8</v>
      </c>
      <c r="B2307">
        <v>0.27</v>
      </c>
      <c r="C2307">
        <v>0.44</v>
      </c>
    </row>
    <row r="2308" spans="1:3" x14ac:dyDescent="0.25">
      <c r="A2308" t="s">
        <v>12</v>
      </c>
      <c r="B2308">
        <v>0.05</v>
      </c>
      <c r="C2308">
        <v>0.48</v>
      </c>
    </row>
    <row r="2309" spans="1:3" x14ac:dyDescent="0.25">
      <c r="A2309" t="s">
        <v>8</v>
      </c>
      <c r="B2309">
        <v>0.47</v>
      </c>
      <c r="C2309">
        <v>0.15</v>
      </c>
    </row>
    <row r="2310" spans="1:3" x14ac:dyDescent="0.25">
      <c r="A2310" t="s">
        <v>12</v>
      </c>
      <c r="B2310">
        <v>0.24</v>
      </c>
      <c r="C2310">
        <v>0.66</v>
      </c>
    </row>
    <row r="2311" spans="1:3" x14ac:dyDescent="0.25">
      <c r="A2311" t="s">
        <v>10</v>
      </c>
      <c r="B2311">
        <v>0.06</v>
      </c>
      <c r="C2311">
        <v>0.13</v>
      </c>
    </row>
    <row r="2312" spans="1:3" x14ac:dyDescent="0.25">
      <c r="A2312" t="s">
        <v>24</v>
      </c>
      <c r="B2312">
        <v>0.79</v>
      </c>
      <c r="C2312">
        <v>0.15</v>
      </c>
    </row>
    <row r="2313" spans="1:3" x14ac:dyDescent="0.25">
      <c r="A2313" t="s">
        <v>12</v>
      </c>
      <c r="B2313">
        <v>0.09</v>
      </c>
      <c r="C2313">
        <v>0.7</v>
      </c>
    </row>
    <row r="2314" spans="1:3" x14ac:dyDescent="0.25">
      <c r="A2314" t="s">
        <v>10</v>
      </c>
      <c r="B2314">
        <v>0.21</v>
      </c>
      <c r="C2314">
        <v>0.52</v>
      </c>
    </row>
    <row r="2315" spans="1:3" x14ac:dyDescent="0.25">
      <c r="A2315" t="s">
        <v>24</v>
      </c>
      <c r="B2315">
        <v>0.7</v>
      </c>
      <c r="C2315">
        <v>0.3</v>
      </c>
    </row>
    <row r="2316" spans="1:3" x14ac:dyDescent="0.25">
      <c r="A2316" t="s">
        <v>8</v>
      </c>
      <c r="B2316">
        <v>0.38</v>
      </c>
      <c r="C2316">
        <v>0.3</v>
      </c>
    </row>
    <row r="2317" spans="1:3" x14ac:dyDescent="0.25">
      <c r="A2317" t="s">
        <v>12</v>
      </c>
      <c r="B2317">
        <v>0.01</v>
      </c>
      <c r="C2317">
        <v>0.35</v>
      </c>
    </row>
    <row r="2318" spans="1:3" x14ac:dyDescent="0.25">
      <c r="A2318" t="s">
        <v>24</v>
      </c>
      <c r="B2318">
        <v>0.13</v>
      </c>
      <c r="C2318">
        <v>0.27</v>
      </c>
    </row>
    <row r="2319" spans="1:3" x14ac:dyDescent="0.25">
      <c r="A2319" t="s">
        <v>8</v>
      </c>
      <c r="B2319">
        <v>0.67</v>
      </c>
      <c r="C2319">
        <v>0.76</v>
      </c>
    </row>
    <row r="2320" spans="1:3" x14ac:dyDescent="0.25">
      <c r="A2320" t="s">
        <v>24</v>
      </c>
      <c r="B2320">
        <v>0.57999999999999996</v>
      </c>
      <c r="C2320">
        <v>0.84</v>
      </c>
    </row>
    <row r="2321" spans="1:3" x14ac:dyDescent="0.25">
      <c r="A2321" t="s">
        <v>10</v>
      </c>
      <c r="B2321">
        <v>0.64</v>
      </c>
      <c r="C2321">
        <v>0.39</v>
      </c>
    </row>
    <row r="2322" spans="1:3" x14ac:dyDescent="0.25">
      <c r="A2322" t="s">
        <v>24</v>
      </c>
      <c r="B2322">
        <v>0.96</v>
      </c>
      <c r="C2322">
        <v>0.71</v>
      </c>
    </row>
    <row r="2323" spans="1:3" x14ac:dyDescent="0.25">
      <c r="A2323" t="s">
        <v>12</v>
      </c>
      <c r="B2323">
        <v>0.22</v>
      </c>
      <c r="C2323">
        <v>0.26</v>
      </c>
    </row>
    <row r="2324" spans="1:3" x14ac:dyDescent="0.25">
      <c r="A2324" t="s">
        <v>12</v>
      </c>
      <c r="B2324">
        <v>0.32</v>
      </c>
      <c r="C2324">
        <v>0.91</v>
      </c>
    </row>
    <row r="2325" spans="1:3" x14ac:dyDescent="0.25">
      <c r="A2325" t="s">
        <v>24</v>
      </c>
      <c r="B2325">
        <v>0.46</v>
      </c>
      <c r="C2325">
        <v>0.46</v>
      </c>
    </row>
    <row r="2326" spans="1:3" x14ac:dyDescent="0.25">
      <c r="A2326" t="s">
        <v>8</v>
      </c>
      <c r="B2326">
        <v>0.41</v>
      </c>
      <c r="C2326">
        <v>0.55000000000000004</v>
      </c>
    </row>
    <row r="2327" spans="1:3" x14ac:dyDescent="0.25">
      <c r="A2327" t="s">
        <v>10</v>
      </c>
      <c r="B2327">
        <v>0.13</v>
      </c>
      <c r="C2327">
        <v>0.56999999999999995</v>
      </c>
    </row>
    <row r="2328" spans="1:3" x14ac:dyDescent="0.25">
      <c r="A2328" t="s">
        <v>12</v>
      </c>
      <c r="B2328">
        <v>0.41</v>
      </c>
      <c r="C2328">
        <v>0.57999999999999996</v>
      </c>
    </row>
    <row r="2329" spans="1:3" x14ac:dyDescent="0.25">
      <c r="A2329" t="s">
        <v>8</v>
      </c>
      <c r="B2329">
        <v>0.62</v>
      </c>
      <c r="C2329">
        <v>0.22</v>
      </c>
    </row>
    <row r="2330" spans="1:3" x14ac:dyDescent="0.25">
      <c r="A2330" t="s">
        <v>10</v>
      </c>
      <c r="B2330">
        <v>0.66</v>
      </c>
      <c r="C2330">
        <v>0.66</v>
      </c>
    </row>
    <row r="2331" spans="1:3" x14ac:dyDescent="0.25">
      <c r="A2331" t="s">
        <v>10</v>
      </c>
      <c r="B2331">
        <v>0.62</v>
      </c>
      <c r="C2331">
        <v>0.78</v>
      </c>
    </row>
    <row r="2332" spans="1:3" x14ac:dyDescent="0.25">
      <c r="A2332" t="s">
        <v>12</v>
      </c>
      <c r="B2332">
        <v>0.16</v>
      </c>
      <c r="C2332">
        <v>0.49</v>
      </c>
    </row>
    <row r="2333" spans="1:3" x14ac:dyDescent="0.25">
      <c r="A2333" t="s">
        <v>8</v>
      </c>
      <c r="B2333">
        <v>0.87</v>
      </c>
      <c r="C2333">
        <v>0.41</v>
      </c>
    </row>
    <row r="2334" spans="1:3" x14ac:dyDescent="0.25">
      <c r="A2334" t="s">
        <v>12</v>
      </c>
      <c r="B2334">
        <v>0.46</v>
      </c>
      <c r="C2334">
        <v>0.54</v>
      </c>
    </row>
    <row r="2335" spans="1:3" x14ac:dyDescent="0.25">
      <c r="A2335" t="s">
        <v>10</v>
      </c>
      <c r="B2335">
        <v>0.06</v>
      </c>
      <c r="C2335">
        <v>0.86</v>
      </c>
    </row>
    <row r="2336" spans="1:3" x14ac:dyDescent="0.25">
      <c r="A2336" t="s">
        <v>12</v>
      </c>
      <c r="B2336">
        <v>0.94</v>
      </c>
      <c r="C2336">
        <v>0.81</v>
      </c>
    </row>
    <row r="2337" spans="1:3" x14ac:dyDescent="0.25">
      <c r="A2337" t="s">
        <v>10</v>
      </c>
      <c r="B2337">
        <v>0.97</v>
      </c>
      <c r="C2337">
        <v>0.28999999999999998</v>
      </c>
    </row>
    <row r="2338" spans="1:3" x14ac:dyDescent="0.25">
      <c r="A2338" t="s">
        <v>8</v>
      </c>
      <c r="B2338">
        <v>0.21</v>
      </c>
      <c r="C2338">
        <v>0.64</v>
      </c>
    </row>
    <row r="2339" spans="1:3" x14ac:dyDescent="0.25">
      <c r="A2339" t="s">
        <v>12</v>
      </c>
      <c r="B2339">
        <v>0.43</v>
      </c>
      <c r="C2339">
        <v>0.09</v>
      </c>
    </row>
    <row r="2340" spans="1:3" x14ac:dyDescent="0.25">
      <c r="A2340" t="s">
        <v>8</v>
      </c>
      <c r="B2340">
        <v>0.38</v>
      </c>
      <c r="C2340">
        <v>0.88</v>
      </c>
    </row>
    <row r="2341" spans="1:3" x14ac:dyDescent="0.25">
      <c r="A2341" t="s">
        <v>24</v>
      </c>
      <c r="B2341">
        <v>0.89</v>
      </c>
      <c r="C2341">
        <v>0.19</v>
      </c>
    </row>
    <row r="2342" spans="1:3" x14ac:dyDescent="0.25">
      <c r="A2342" t="s">
        <v>12</v>
      </c>
      <c r="B2342">
        <v>0.61</v>
      </c>
      <c r="C2342">
        <v>0.61</v>
      </c>
    </row>
    <row r="2343" spans="1:3" x14ac:dyDescent="0.25">
      <c r="A2343" t="s">
        <v>10</v>
      </c>
      <c r="B2343">
        <v>0.57999999999999996</v>
      </c>
      <c r="C2343">
        <v>0.89</v>
      </c>
    </row>
    <row r="2344" spans="1:3" x14ac:dyDescent="0.25">
      <c r="A2344" t="s">
        <v>8</v>
      </c>
      <c r="B2344">
        <v>0.91</v>
      </c>
      <c r="C2344">
        <v>0.84</v>
      </c>
    </row>
    <row r="2345" spans="1:3" x14ac:dyDescent="0.25">
      <c r="A2345" t="s">
        <v>8</v>
      </c>
      <c r="B2345">
        <v>0.88</v>
      </c>
      <c r="C2345">
        <v>0.21</v>
      </c>
    </row>
    <row r="2346" spans="1:3" x14ac:dyDescent="0.25">
      <c r="A2346" t="s">
        <v>12</v>
      </c>
      <c r="B2346">
        <v>0.42</v>
      </c>
      <c r="C2346">
        <v>0.22</v>
      </c>
    </row>
    <row r="2347" spans="1:3" x14ac:dyDescent="0.25">
      <c r="A2347" t="s">
        <v>12</v>
      </c>
      <c r="B2347">
        <v>0.63</v>
      </c>
      <c r="C2347">
        <v>0.81</v>
      </c>
    </row>
    <row r="2348" spans="1:3" x14ac:dyDescent="0.25">
      <c r="A2348" t="s">
        <v>8</v>
      </c>
      <c r="B2348">
        <v>0.25</v>
      </c>
      <c r="C2348">
        <v>0.89</v>
      </c>
    </row>
    <row r="2349" spans="1:3" x14ac:dyDescent="0.25">
      <c r="A2349" t="s">
        <v>10</v>
      </c>
      <c r="B2349">
        <v>0.39</v>
      </c>
      <c r="C2349">
        <v>0.93</v>
      </c>
    </row>
    <row r="2350" spans="1:3" x14ac:dyDescent="0.25">
      <c r="A2350" t="s">
        <v>24</v>
      </c>
      <c r="B2350">
        <v>0.32</v>
      </c>
      <c r="C2350">
        <v>0.89</v>
      </c>
    </row>
    <row r="2351" spans="1:3" x14ac:dyDescent="0.25">
      <c r="A2351" t="s">
        <v>24</v>
      </c>
      <c r="B2351">
        <v>0.63</v>
      </c>
      <c r="C2351">
        <v>0.12</v>
      </c>
    </row>
    <row r="2352" spans="1:3" x14ac:dyDescent="0.25">
      <c r="A2352" t="s">
        <v>8</v>
      </c>
      <c r="B2352">
        <v>0.71</v>
      </c>
      <c r="C2352">
        <v>0.33</v>
      </c>
    </row>
    <row r="2353" spans="1:3" x14ac:dyDescent="0.25">
      <c r="A2353" t="s">
        <v>8</v>
      </c>
      <c r="B2353">
        <v>0.93</v>
      </c>
      <c r="C2353">
        <v>0.32</v>
      </c>
    </row>
    <row r="2354" spans="1:3" x14ac:dyDescent="0.25">
      <c r="A2354" t="s">
        <v>24</v>
      </c>
      <c r="B2354">
        <v>0.47</v>
      </c>
      <c r="C2354">
        <v>0.35</v>
      </c>
    </row>
    <row r="2355" spans="1:3" x14ac:dyDescent="0.25">
      <c r="A2355" t="s">
        <v>24</v>
      </c>
      <c r="B2355">
        <v>0.56000000000000005</v>
      </c>
      <c r="C2355">
        <v>0.53</v>
      </c>
    </row>
    <row r="2356" spans="1:3" x14ac:dyDescent="0.25">
      <c r="A2356" t="s">
        <v>24</v>
      </c>
      <c r="B2356">
        <v>0.65</v>
      </c>
      <c r="C2356">
        <v>0.61</v>
      </c>
    </row>
    <row r="2357" spans="1:3" x14ac:dyDescent="0.25">
      <c r="A2357" t="s">
        <v>10</v>
      </c>
      <c r="B2357">
        <v>0.61</v>
      </c>
      <c r="C2357">
        <v>0.2</v>
      </c>
    </row>
    <row r="2358" spans="1:3" x14ac:dyDescent="0.25">
      <c r="A2358" t="s">
        <v>10</v>
      </c>
      <c r="B2358">
        <v>0.18</v>
      </c>
      <c r="C2358">
        <v>0.06</v>
      </c>
    </row>
    <row r="2359" spans="1:3" x14ac:dyDescent="0.25">
      <c r="A2359" t="s">
        <v>10</v>
      </c>
      <c r="B2359">
        <v>0.1</v>
      </c>
      <c r="C2359">
        <v>0.36</v>
      </c>
    </row>
    <row r="2360" spans="1:3" x14ac:dyDescent="0.25">
      <c r="A2360" t="s">
        <v>10</v>
      </c>
      <c r="B2360">
        <v>0.69</v>
      </c>
      <c r="C2360">
        <v>0.42</v>
      </c>
    </row>
    <row r="2361" spans="1:3" x14ac:dyDescent="0.25">
      <c r="A2361" t="s">
        <v>12</v>
      </c>
      <c r="B2361">
        <v>0.71</v>
      </c>
      <c r="C2361">
        <v>0.34</v>
      </c>
    </row>
    <row r="2362" spans="1:3" x14ac:dyDescent="0.25">
      <c r="A2362" t="s">
        <v>24</v>
      </c>
      <c r="B2362">
        <v>0.21</v>
      </c>
      <c r="C2362">
        <v>0.36</v>
      </c>
    </row>
    <row r="2363" spans="1:3" x14ac:dyDescent="0.25">
      <c r="A2363" t="s">
        <v>24</v>
      </c>
      <c r="B2363">
        <v>0.31</v>
      </c>
      <c r="C2363">
        <v>0.34</v>
      </c>
    </row>
    <row r="2364" spans="1:3" x14ac:dyDescent="0.25">
      <c r="A2364" t="s">
        <v>24</v>
      </c>
      <c r="B2364">
        <v>0.4</v>
      </c>
      <c r="C2364">
        <v>0.25</v>
      </c>
    </row>
    <row r="2365" spans="1:3" x14ac:dyDescent="0.25">
      <c r="A2365" t="s">
        <v>10</v>
      </c>
      <c r="B2365">
        <v>0.42</v>
      </c>
      <c r="C2365">
        <v>0.34</v>
      </c>
    </row>
    <row r="2366" spans="1:3" x14ac:dyDescent="0.25">
      <c r="A2366" t="s">
        <v>8</v>
      </c>
      <c r="B2366">
        <v>0.19</v>
      </c>
      <c r="C2366">
        <v>0.3</v>
      </c>
    </row>
    <row r="2367" spans="1:3" x14ac:dyDescent="0.25">
      <c r="A2367" t="s">
        <v>12</v>
      </c>
      <c r="B2367">
        <v>0.45</v>
      </c>
      <c r="C2367">
        <v>0.82</v>
      </c>
    </row>
    <row r="2368" spans="1:3" x14ac:dyDescent="0.25">
      <c r="A2368" t="s">
        <v>8</v>
      </c>
      <c r="B2368">
        <v>0.51</v>
      </c>
      <c r="C2368">
        <v>0.43</v>
      </c>
    </row>
    <row r="2369" spans="1:3" x14ac:dyDescent="0.25">
      <c r="A2369" t="s">
        <v>12</v>
      </c>
      <c r="B2369">
        <v>0.55000000000000004</v>
      </c>
      <c r="C2369">
        <v>0.73</v>
      </c>
    </row>
    <row r="2370" spans="1:3" x14ac:dyDescent="0.25">
      <c r="A2370" t="s">
        <v>12</v>
      </c>
      <c r="B2370">
        <v>7.0000000000000007E-2</v>
      </c>
      <c r="C2370">
        <v>0.67</v>
      </c>
    </row>
    <row r="2371" spans="1:3" x14ac:dyDescent="0.25">
      <c r="A2371" t="s">
        <v>24</v>
      </c>
      <c r="B2371">
        <v>0.59</v>
      </c>
      <c r="C2371">
        <v>0.54</v>
      </c>
    </row>
    <row r="2372" spans="1:3" x14ac:dyDescent="0.25">
      <c r="A2372" t="s">
        <v>8</v>
      </c>
      <c r="B2372">
        <v>0.93</v>
      </c>
      <c r="C2372">
        <v>0.71</v>
      </c>
    </row>
    <row r="2373" spans="1:3" x14ac:dyDescent="0.25">
      <c r="A2373" t="s">
        <v>12</v>
      </c>
      <c r="B2373">
        <v>0.32</v>
      </c>
      <c r="C2373">
        <v>0.09</v>
      </c>
    </row>
    <row r="2374" spans="1:3" x14ac:dyDescent="0.25">
      <c r="A2374" t="s">
        <v>24</v>
      </c>
      <c r="B2374">
        <v>0.72</v>
      </c>
      <c r="C2374">
        <v>0.37</v>
      </c>
    </row>
    <row r="2375" spans="1:3" x14ac:dyDescent="0.25">
      <c r="A2375" t="s">
        <v>12</v>
      </c>
      <c r="B2375">
        <v>0.56999999999999995</v>
      </c>
      <c r="C2375">
        <v>0.69</v>
      </c>
    </row>
    <row r="2376" spans="1:3" x14ac:dyDescent="0.25">
      <c r="A2376" t="s">
        <v>24</v>
      </c>
      <c r="B2376">
        <v>0.52</v>
      </c>
      <c r="C2376">
        <v>0.37</v>
      </c>
    </row>
    <row r="2377" spans="1:3" x14ac:dyDescent="0.25">
      <c r="A2377" t="s">
        <v>10</v>
      </c>
      <c r="B2377">
        <v>0.56999999999999995</v>
      </c>
      <c r="C2377">
        <v>0.26</v>
      </c>
    </row>
    <row r="2378" spans="1:3" x14ac:dyDescent="0.25">
      <c r="A2378" t="s">
        <v>10</v>
      </c>
      <c r="B2378">
        <v>0.54</v>
      </c>
      <c r="C2378">
        <v>0.95</v>
      </c>
    </row>
    <row r="2379" spans="1:3" x14ac:dyDescent="0.25">
      <c r="A2379" t="s">
        <v>8</v>
      </c>
      <c r="B2379">
        <v>0.56999999999999995</v>
      </c>
      <c r="C2379">
        <v>0.15</v>
      </c>
    </row>
    <row r="2380" spans="1:3" x14ac:dyDescent="0.25">
      <c r="A2380" t="s">
        <v>8</v>
      </c>
      <c r="B2380">
        <v>0.79</v>
      </c>
      <c r="C2380">
        <v>0.44</v>
      </c>
    </row>
    <row r="2381" spans="1:3" x14ac:dyDescent="0.25">
      <c r="A2381" t="s">
        <v>10</v>
      </c>
      <c r="B2381">
        <v>0.33</v>
      </c>
      <c r="C2381">
        <v>0.68</v>
      </c>
    </row>
    <row r="2382" spans="1:3" x14ac:dyDescent="0.25">
      <c r="A2382" t="s">
        <v>24</v>
      </c>
      <c r="B2382">
        <v>0.47</v>
      </c>
      <c r="C2382">
        <v>0.8</v>
      </c>
    </row>
    <row r="2383" spans="1:3" x14ac:dyDescent="0.25">
      <c r="A2383" t="s">
        <v>12</v>
      </c>
      <c r="B2383">
        <v>0.34</v>
      </c>
      <c r="C2383">
        <v>0.66</v>
      </c>
    </row>
    <row r="2384" spans="1:3" x14ac:dyDescent="0.25">
      <c r="A2384" t="s">
        <v>10</v>
      </c>
      <c r="B2384">
        <v>0.39</v>
      </c>
      <c r="C2384">
        <v>0.11</v>
      </c>
    </row>
    <row r="2385" spans="1:3" x14ac:dyDescent="0.25">
      <c r="A2385" t="s">
        <v>24</v>
      </c>
      <c r="B2385">
        <v>0.56000000000000005</v>
      </c>
      <c r="C2385">
        <v>0.84</v>
      </c>
    </row>
    <row r="2386" spans="1:3" x14ac:dyDescent="0.25">
      <c r="A2386" t="s">
        <v>8</v>
      </c>
      <c r="B2386">
        <v>0.85</v>
      </c>
      <c r="C2386">
        <v>0.44</v>
      </c>
    </row>
    <row r="2387" spans="1:3" x14ac:dyDescent="0.25">
      <c r="A2387" t="s">
        <v>8</v>
      </c>
      <c r="B2387">
        <v>0.87</v>
      </c>
      <c r="C2387">
        <v>0.31</v>
      </c>
    </row>
    <row r="2388" spans="1:3" x14ac:dyDescent="0.25">
      <c r="A2388" t="s">
        <v>8</v>
      </c>
      <c r="B2388">
        <v>0.24</v>
      </c>
      <c r="C2388">
        <v>0.35</v>
      </c>
    </row>
    <row r="2389" spans="1:3" x14ac:dyDescent="0.25">
      <c r="A2389" t="s">
        <v>12</v>
      </c>
      <c r="B2389">
        <v>0.28999999999999998</v>
      </c>
      <c r="C2389">
        <v>0.14000000000000001</v>
      </c>
    </row>
    <row r="2390" spans="1:3" x14ac:dyDescent="0.25">
      <c r="A2390" t="s">
        <v>12</v>
      </c>
      <c r="B2390">
        <v>0.86</v>
      </c>
      <c r="C2390">
        <v>0.5</v>
      </c>
    </row>
    <row r="2391" spans="1:3" x14ac:dyDescent="0.25">
      <c r="A2391" t="s">
        <v>10</v>
      </c>
      <c r="B2391">
        <v>0.14000000000000001</v>
      </c>
      <c r="C2391">
        <v>0.77</v>
      </c>
    </row>
    <row r="2392" spans="1:3" x14ac:dyDescent="0.25">
      <c r="A2392" t="s">
        <v>24</v>
      </c>
      <c r="B2392">
        <v>0.68</v>
      </c>
      <c r="C2392">
        <v>0.87</v>
      </c>
    </row>
    <row r="2393" spans="1:3" x14ac:dyDescent="0.25">
      <c r="A2393" t="s">
        <v>8</v>
      </c>
      <c r="B2393">
        <v>0.37</v>
      </c>
      <c r="C2393">
        <v>0.79</v>
      </c>
    </row>
    <row r="2394" spans="1:3" x14ac:dyDescent="0.25">
      <c r="A2394" t="s">
        <v>8</v>
      </c>
      <c r="B2394">
        <v>0.46</v>
      </c>
      <c r="C2394">
        <v>0.14000000000000001</v>
      </c>
    </row>
    <row r="2395" spans="1:3" x14ac:dyDescent="0.25">
      <c r="A2395" t="s">
        <v>12</v>
      </c>
      <c r="B2395">
        <v>0.76</v>
      </c>
      <c r="C2395">
        <v>0.18</v>
      </c>
    </row>
    <row r="2396" spans="1:3" x14ac:dyDescent="0.25">
      <c r="A2396" t="s">
        <v>12</v>
      </c>
      <c r="B2396">
        <v>0.48</v>
      </c>
      <c r="C2396">
        <v>0.94</v>
      </c>
    </row>
    <row r="2397" spans="1:3" x14ac:dyDescent="0.25">
      <c r="A2397" t="s">
        <v>8</v>
      </c>
      <c r="B2397">
        <v>0.04</v>
      </c>
      <c r="C2397">
        <v>0.56000000000000005</v>
      </c>
    </row>
    <row r="2398" spans="1:3" x14ac:dyDescent="0.25">
      <c r="A2398" t="s">
        <v>10</v>
      </c>
      <c r="B2398">
        <v>0.59</v>
      </c>
      <c r="C2398">
        <v>0.77</v>
      </c>
    </row>
    <row r="2399" spans="1:3" x14ac:dyDescent="0.25">
      <c r="A2399" t="s">
        <v>10</v>
      </c>
      <c r="B2399">
        <v>0.3</v>
      </c>
      <c r="C2399">
        <v>0.88</v>
      </c>
    </row>
    <row r="2400" spans="1:3" x14ac:dyDescent="0.25">
      <c r="A2400" t="s">
        <v>10</v>
      </c>
      <c r="B2400">
        <v>0.31</v>
      </c>
      <c r="C2400">
        <v>0.72</v>
      </c>
    </row>
    <row r="2401" spans="1:3" x14ac:dyDescent="0.25">
      <c r="A2401" t="s">
        <v>10</v>
      </c>
      <c r="B2401">
        <v>0.01</v>
      </c>
      <c r="C2401">
        <v>0.52</v>
      </c>
    </row>
    <row r="2402" spans="1:3" x14ac:dyDescent="0.25">
      <c r="A2402" t="s">
        <v>12</v>
      </c>
      <c r="B2402">
        <v>0.13</v>
      </c>
      <c r="C2402">
        <v>0.7</v>
      </c>
    </row>
    <row r="2403" spans="1:3" x14ac:dyDescent="0.25">
      <c r="A2403" t="s">
        <v>10</v>
      </c>
      <c r="B2403">
        <v>0.98</v>
      </c>
      <c r="C2403">
        <v>0.5</v>
      </c>
    </row>
    <row r="2404" spans="1:3" x14ac:dyDescent="0.25">
      <c r="A2404" t="s">
        <v>8</v>
      </c>
      <c r="B2404">
        <v>0.83</v>
      </c>
      <c r="C2404">
        <v>0.72</v>
      </c>
    </row>
    <row r="2405" spans="1:3" x14ac:dyDescent="0.25">
      <c r="A2405" t="s">
        <v>24</v>
      </c>
      <c r="B2405">
        <v>0.63</v>
      </c>
      <c r="C2405">
        <v>0.37</v>
      </c>
    </row>
    <row r="2406" spans="1:3" x14ac:dyDescent="0.25">
      <c r="A2406" t="s">
        <v>8</v>
      </c>
      <c r="B2406">
        <v>0.64</v>
      </c>
      <c r="C2406">
        <v>0.42</v>
      </c>
    </row>
    <row r="2407" spans="1:3" x14ac:dyDescent="0.25">
      <c r="A2407" t="s">
        <v>24</v>
      </c>
      <c r="B2407">
        <v>0.11</v>
      </c>
      <c r="C2407">
        <v>0.4</v>
      </c>
    </row>
    <row r="2408" spans="1:3" x14ac:dyDescent="0.25">
      <c r="A2408" t="s">
        <v>8</v>
      </c>
      <c r="B2408">
        <v>0.26</v>
      </c>
      <c r="C2408">
        <v>0.52</v>
      </c>
    </row>
    <row r="2409" spans="1:3" x14ac:dyDescent="0.25">
      <c r="A2409" t="s">
        <v>12</v>
      </c>
      <c r="B2409">
        <v>0.65</v>
      </c>
      <c r="C2409">
        <v>0.43</v>
      </c>
    </row>
    <row r="2410" spans="1:3" x14ac:dyDescent="0.25">
      <c r="A2410" t="s">
        <v>8</v>
      </c>
      <c r="B2410">
        <v>7.0000000000000007E-2</v>
      </c>
      <c r="C2410">
        <v>0.22</v>
      </c>
    </row>
    <row r="2411" spans="1:3" x14ac:dyDescent="0.25">
      <c r="A2411" t="s">
        <v>12</v>
      </c>
      <c r="B2411">
        <v>0.91</v>
      </c>
      <c r="C2411">
        <v>0.22</v>
      </c>
    </row>
    <row r="2412" spans="1:3" x14ac:dyDescent="0.25">
      <c r="A2412" t="s">
        <v>12</v>
      </c>
      <c r="B2412">
        <v>0.73</v>
      </c>
      <c r="C2412">
        <v>0.48</v>
      </c>
    </row>
    <row r="2413" spans="1:3" x14ac:dyDescent="0.25">
      <c r="A2413" t="s">
        <v>24</v>
      </c>
      <c r="B2413">
        <v>0.17</v>
      </c>
      <c r="C2413">
        <v>0.4</v>
      </c>
    </row>
    <row r="2414" spans="1:3" x14ac:dyDescent="0.25">
      <c r="A2414" t="s">
        <v>10</v>
      </c>
      <c r="B2414">
        <v>0.2</v>
      </c>
      <c r="C2414">
        <v>0.52</v>
      </c>
    </row>
    <row r="2415" spans="1:3" x14ac:dyDescent="0.25">
      <c r="A2415" t="s">
        <v>10</v>
      </c>
      <c r="B2415">
        <v>0.52</v>
      </c>
      <c r="C2415">
        <v>0.35</v>
      </c>
    </row>
    <row r="2416" spans="1:3" x14ac:dyDescent="0.25">
      <c r="A2416" t="s">
        <v>8</v>
      </c>
      <c r="B2416">
        <v>0.19</v>
      </c>
      <c r="C2416">
        <v>0.34</v>
      </c>
    </row>
    <row r="2417" spans="1:3" x14ac:dyDescent="0.25">
      <c r="A2417" t="s">
        <v>10</v>
      </c>
      <c r="B2417">
        <v>1</v>
      </c>
      <c r="C2417">
        <v>0.74</v>
      </c>
    </row>
    <row r="2418" spans="1:3" x14ac:dyDescent="0.25">
      <c r="A2418" t="s">
        <v>10</v>
      </c>
      <c r="B2418">
        <v>0.66</v>
      </c>
      <c r="C2418">
        <v>0.69</v>
      </c>
    </row>
    <row r="2419" spans="1:3" x14ac:dyDescent="0.25">
      <c r="A2419" t="s">
        <v>12</v>
      </c>
      <c r="B2419">
        <v>0</v>
      </c>
      <c r="C2419">
        <v>0.74</v>
      </c>
    </row>
    <row r="2420" spans="1:3" x14ac:dyDescent="0.25">
      <c r="A2420" t="s">
        <v>10</v>
      </c>
      <c r="B2420">
        <v>0.8</v>
      </c>
      <c r="C2420">
        <v>0.36</v>
      </c>
    </row>
    <row r="2421" spans="1:3" x14ac:dyDescent="0.25">
      <c r="A2421" t="s">
        <v>10</v>
      </c>
      <c r="B2421">
        <v>0.79</v>
      </c>
      <c r="C2421">
        <v>0.88</v>
      </c>
    </row>
    <row r="2422" spans="1:3" x14ac:dyDescent="0.25">
      <c r="A2422" t="s">
        <v>24</v>
      </c>
      <c r="B2422">
        <v>0.72</v>
      </c>
      <c r="C2422">
        <v>0.24</v>
      </c>
    </row>
    <row r="2423" spans="1:3" x14ac:dyDescent="0.25">
      <c r="A2423" t="s">
        <v>12</v>
      </c>
      <c r="B2423">
        <v>0.54</v>
      </c>
      <c r="C2423">
        <v>0.27</v>
      </c>
    </row>
    <row r="2424" spans="1:3" x14ac:dyDescent="0.25">
      <c r="A2424" t="s">
        <v>24</v>
      </c>
      <c r="B2424">
        <v>0.49</v>
      </c>
      <c r="C2424">
        <v>0.64</v>
      </c>
    </row>
    <row r="2425" spans="1:3" x14ac:dyDescent="0.25">
      <c r="A2425" t="s">
        <v>8</v>
      </c>
      <c r="B2425">
        <v>0.23</v>
      </c>
      <c r="C2425">
        <v>0.18</v>
      </c>
    </row>
    <row r="2426" spans="1:3" x14ac:dyDescent="0.25">
      <c r="A2426" t="s">
        <v>12</v>
      </c>
      <c r="B2426">
        <v>0.23</v>
      </c>
      <c r="C2426">
        <v>0.51</v>
      </c>
    </row>
    <row r="2427" spans="1:3" x14ac:dyDescent="0.25">
      <c r="A2427" t="s">
        <v>8</v>
      </c>
      <c r="B2427">
        <v>0.81</v>
      </c>
      <c r="C2427">
        <v>0.4</v>
      </c>
    </row>
    <row r="2428" spans="1:3" x14ac:dyDescent="0.25">
      <c r="A2428" t="s">
        <v>8</v>
      </c>
      <c r="B2428">
        <v>0.61</v>
      </c>
      <c r="C2428">
        <v>0.35</v>
      </c>
    </row>
    <row r="2429" spans="1:3" x14ac:dyDescent="0.25">
      <c r="A2429" t="s">
        <v>12</v>
      </c>
      <c r="B2429">
        <v>0.49</v>
      </c>
      <c r="C2429">
        <v>0.82</v>
      </c>
    </row>
    <row r="2430" spans="1:3" x14ac:dyDescent="0.25">
      <c r="A2430" t="s">
        <v>10</v>
      </c>
      <c r="B2430">
        <v>0.59</v>
      </c>
      <c r="C2430">
        <v>0.13</v>
      </c>
    </row>
    <row r="2431" spans="1:3" x14ac:dyDescent="0.25">
      <c r="A2431" t="s">
        <v>10</v>
      </c>
      <c r="B2431">
        <v>0.93</v>
      </c>
      <c r="C2431">
        <v>0.66</v>
      </c>
    </row>
    <row r="2432" spans="1:3" x14ac:dyDescent="0.25">
      <c r="A2432" t="s">
        <v>10</v>
      </c>
      <c r="B2432">
        <v>0.03</v>
      </c>
      <c r="C2432">
        <v>0.71</v>
      </c>
    </row>
    <row r="2433" spans="1:3" x14ac:dyDescent="0.25">
      <c r="A2433" t="s">
        <v>24</v>
      </c>
      <c r="B2433">
        <v>0.14000000000000001</v>
      </c>
      <c r="C2433">
        <v>0.48</v>
      </c>
    </row>
    <row r="2434" spans="1:3" x14ac:dyDescent="0.25">
      <c r="A2434" t="s">
        <v>12</v>
      </c>
      <c r="B2434">
        <v>0.28999999999999998</v>
      </c>
      <c r="C2434">
        <v>0.5</v>
      </c>
    </row>
    <row r="2435" spans="1:3" x14ac:dyDescent="0.25">
      <c r="A2435" t="s">
        <v>12</v>
      </c>
      <c r="B2435">
        <v>0.82</v>
      </c>
      <c r="C2435">
        <v>0.74</v>
      </c>
    </row>
    <row r="2436" spans="1:3" x14ac:dyDescent="0.25">
      <c r="A2436" t="s">
        <v>10</v>
      </c>
      <c r="B2436">
        <v>0.13</v>
      </c>
      <c r="C2436">
        <v>0.76</v>
      </c>
    </row>
    <row r="2437" spans="1:3" x14ac:dyDescent="0.25">
      <c r="A2437" t="s">
        <v>10</v>
      </c>
      <c r="B2437">
        <v>0.57999999999999996</v>
      </c>
      <c r="C2437">
        <v>0.33</v>
      </c>
    </row>
    <row r="2438" spans="1:3" x14ac:dyDescent="0.25">
      <c r="A2438" t="s">
        <v>10</v>
      </c>
      <c r="B2438">
        <v>0.68</v>
      </c>
      <c r="C2438">
        <v>0.92</v>
      </c>
    </row>
    <row r="2439" spans="1:3" x14ac:dyDescent="0.25">
      <c r="A2439" t="s">
        <v>24</v>
      </c>
      <c r="B2439">
        <v>0.68</v>
      </c>
      <c r="C2439">
        <v>0.47</v>
      </c>
    </row>
    <row r="2440" spans="1:3" x14ac:dyDescent="0.25">
      <c r="A2440" t="s">
        <v>10</v>
      </c>
      <c r="B2440">
        <v>0</v>
      </c>
      <c r="C2440">
        <v>0.59</v>
      </c>
    </row>
    <row r="2441" spans="1:3" x14ac:dyDescent="0.25">
      <c r="A2441" t="s">
        <v>8</v>
      </c>
      <c r="B2441">
        <v>0.63</v>
      </c>
      <c r="C2441">
        <v>0.27</v>
      </c>
    </row>
    <row r="2442" spans="1:3" x14ac:dyDescent="0.25">
      <c r="A2442" t="s">
        <v>8</v>
      </c>
      <c r="B2442">
        <v>0.23</v>
      </c>
      <c r="C2442">
        <v>0.48</v>
      </c>
    </row>
    <row r="2443" spans="1:3" x14ac:dyDescent="0.25">
      <c r="A2443" t="s">
        <v>24</v>
      </c>
      <c r="B2443">
        <v>0.8</v>
      </c>
      <c r="C2443">
        <v>0.47</v>
      </c>
    </row>
    <row r="2444" spans="1:3" x14ac:dyDescent="0.25">
      <c r="A2444" t="s">
        <v>8</v>
      </c>
      <c r="B2444">
        <v>0.01</v>
      </c>
      <c r="C2444">
        <v>0.78</v>
      </c>
    </row>
    <row r="2445" spans="1:3" x14ac:dyDescent="0.25">
      <c r="A2445" t="s">
        <v>24</v>
      </c>
      <c r="B2445">
        <v>0.88</v>
      </c>
      <c r="C2445">
        <v>0.16</v>
      </c>
    </row>
    <row r="2446" spans="1:3" x14ac:dyDescent="0.25">
      <c r="A2446" t="s">
        <v>8</v>
      </c>
      <c r="B2446">
        <v>0.4</v>
      </c>
      <c r="C2446">
        <v>0.24</v>
      </c>
    </row>
    <row r="2447" spans="1:3" x14ac:dyDescent="0.25">
      <c r="A2447" t="s">
        <v>24</v>
      </c>
      <c r="B2447">
        <v>0.39</v>
      </c>
      <c r="C2447">
        <v>0.66</v>
      </c>
    </row>
    <row r="2448" spans="1:3" x14ac:dyDescent="0.25">
      <c r="A2448" t="s">
        <v>12</v>
      </c>
      <c r="B2448">
        <v>0.51</v>
      </c>
      <c r="C2448">
        <v>0.62</v>
      </c>
    </row>
    <row r="2449" spans="1:3" x14ac:dyDescent="0.25">
      <c r="A2449" t="s">
        <v>10</v>
      </c>
      <c r="B2449">
        <v>0.41</v>
      </c>
      <c r="C2449">
        <v>0.55000000000000004</v>
      </c>
    </row>
    <row r="2450" spans="1:3" x14ac:dyDescent="0.25">
      <c r="A2450" t="s">
        <v>24</v>
      </c>
      <c r="B2450">
        <v>0.86</v>
      </c>
      <c r="C2450">
        <v>0.41</v>
      </c>
    </row>
    <row r="2451" spans="1:3" x14ac:dyDescent="0.25">
      <c r="A2451" t="s">
        <v>12</v>
      </c>
      <c r="B2451">
        <v>0.22</v>
      </c>
      <c r="C2451">
        <v>0.32</v>
      </c>
    </row>
    <row r="2452" spans="1:3" x14ac:dyDescent="0.25">
      <c r="A2452" t="s">
        <v>8</v>
      </c>
      <c r="B2452">
        <v>0.48</v>
      </c>
      <c r="C2452">
        <v>0.49</v>
      </c>
    </row>
    <row r="2453" spans="1:3" x14ac:dyDescent="0.25">
      <c r="A2453" t="s">
        <v>12</v>
      </c>
      <c r="B2453">
        <v>0.57999999999999996</v>
      </c>
      <c r="C2453">
        <v>0.9</v>
      </c>
    </row>
    <row r="2454" spans="1:3" x14ac:dyDescent="0.25">
      <c r="A2454" t="s">
        <v>8</v>
      </c>
      <c r="B2454">
        <v>0.21</v>
      </c>
      <c r="C2454">
        <v>0.16</v>
      </c>
    </row>
    <row r="2455" spans="1:3" x14ac:dyDescent="0.25">
      <c r="A2455" t="s">
        <v>24</v>
      </c>
      <c r="B2455">
        <v>0.96</v>
      </c>
      <c r="C2455">
        <v>0.75</v>
      </c>
    </row>
    <row r="2456" spans="1:3" x14ac:dyDescent="0.25">
      <c r="A2456" t="s">
        <v>12</v>
      </c>
      <c r="B2456">
        <v>0.48</v>
      </c>
      <c r="C2456">
        <v>0.1</v>
      </c>
    </row>
    <row r="2457" spans="1:3" x14ac:dyDescent="0.25">
      <c r="A2457" t="s">
        <v>10</v>
      </c>
      <c r="B2457">
        <v>0.45</v>
      </c>
      <c r="C2457">
        <v>0.12</v>
      </c>
    </row>
    <row r="2458" spans="1:3" x14ac:dyDescent="0.25">
      <c r="A2458" t="s">
        <v>10</v>
      </c>
      <c r="B2458">
        <v>0.37</v>
      </c>
      <c r="C2458">
        <v>0.36</v>
      </c>
    </row>
    <row r="2459" spans="1:3" x14ac:dyDescent="0.25">
      <c r="A2459" t="s">
        <v>24</v>
      </c>
      <c r="B2459">
        <v>0.2</v>
      </c>
      <c r="C2459">
        <v>0.35</v>
      </c>
    </row>
    <row r="2460" spans="1:3" x14ac:dyDescent="0.25">
      <c r="A2460" t="s">
        <v>8</v>
      </c>
      <c r="B2460">
        <v>0.11</v>
      </c>
      <c r="C2460">
        <v>0.35</v>
      </c>
    </row>
    <row r="2461" spans="1:3" x14ac:dyDescent="0.25">
      <c r="A2461" t="s">
        <v>10</v>
      </c>
      <c r="B2461">
        <v>0.47</v>
      </c>
      <c r="C2461">
        <v>0.25</v>
      </c>
    </row>
    <row r="2462" spans="1:3" x14ac:dyDescent="0.25">
      <c r="A2462" t="s">
        <v>12</v>
      </c>
      <c r="B2462">
        <v>0.04</v>
      </c>
      <c r="C2462">
        <v>0.3</v>
      </c>
    </row>
    <row r="2463" spans="1:3" x14ac:dyDescent="0.25">
      <c r="A2463" t="s">
        <v>12</v>
      </c>
      <c r="B2463">
        <v>0.94</v>
      </c>
      <c r="C2463">
        <v>0.62</v>
      </c>
    </row>
    <row r="2464" spans="1:3" x14ac:dyDescent="0.25">
      <c r="A2464" t="s">
        <v>24</v>
      </c>
      <c r="B2464">
        <v>0.81</v>
      </c>
      <c r="C2464">
        <v>0.56000000000000005</v>
      </c>
    </row>
    <row r="2465" spans="1:3" x14ac:dyDescent="0.25">
      <c r="A2465" t="s">
        <v>10</v>
      </c>
      <c r="B2465">
        <v>0.53</v>
      </c>
      <c r="C2465">
        <v>0.25</v>
      </c>
    </row>
    <row r="2466" spans="1:3" x14ac:dyDescent="0.25">
      <c r="A2466" t="s">
        <v>12</v>
      </c>
      <c r="B2466">
        <v>0.1</v>
      </c>
      <c r="C2466">
        <v>0.14000000000000001</v>
      </c>
    </row>
    <row r="2467" spans="1:3" x14ac:dyDescent="0.25">
      <c r="A2467" t="s">
        <v>12</v>
      </c>
      <c r="B2467">
        <v>0.01</v>
      </c>
      <c r="C2467">
        <v>0.59</v>
      </c>
    </row>
    <row r="2468" spans="1:3" x14ac:dyDescent="0.25">
      <c r="A2468" t="s">
        <v>10</v>
      </c>
      <c r="B2468">
        <v>0.01</v>
      </c>
      <c r="C2468">
        <v>0.49</v>
      </c>
    </row>
    <row r="2469" spans="1:3" x14ac:dyDescent="0.25">
      <c r="A2469" t="s">
        <v>8</v>
      </c>
      <c r="B2469">
        <v>0.7</v>
      </c>
      <c r="C2469">
        <v>0.9</v>
      </c>
    </row>
    <row r="2470" spans="1:3" x14ac:dyDescent="0.25">
      <c r="A2470" t="s">
        <v>8</v>
      </c>
      <c r="B2470">
        <v>0.77</v>
      </c>
      <c r="C2470">
        <v>0.57999999999999996</v>
      </c>
    </row>
    <row r="2471" spans="1:3" x14ac:dyDescent="0.25">
      <c r="A2471" t="s">
        <v>12</v>
      </c>
      <c r="B2471">
        <v>0.87</v>
      </c>
      <c r="C2471">
        <v>0.62</v>
      </c>
    </row>
    <row r="2472" spans="1:3" x14ac:dyDescent="0.25">
      <c r="A2472" t="s">
        <v>8</v>
      </c>
      <c r="B2472">
        <v>0.22</v>
      </c>
      <c r="C2472">
        <v>0.15</v>
      </c>
    </row>
    <row r="2473" spans="1:3" x14ac:dyDescent="0.25">
      <c r="A2473" t="s">
        <v>24</v>
      </c>
      <c r="B2473">
        <v>0.52</v>
      </c>
      <c r="C2473">
        <v>0.39</v>
      </c>
    </row>
    <row r="2474" spans="1:3" x14ac:dyDescent="0.25">
      <c r="A2474" t="s">
        <v>8</v>
      </c>
      <c r="B2474">
        <v>0.13</v>
      </c>
      <c r="C2474">
        <v>0.87</v>
      </c>
    </row>
    <row r="2475" spans="1:3" x14ac:dyDescent="0.25">
      <c r="A2475" t="s">
        <v>10</v>
      </c>
      <c r="B2475">
        <v>0.99</v>
      </c>
      <c r="C2475">
        <v>0.46</v>
      </c>
    </row>
    <row r="2476" spans="1:3" x14ac:dyDescent="0.25">
      <c r="A2476" t="s">
        <v>8</v>
      </c>
      <c r="B2476">
        <v>0.64</v>
      </c>
      <c r="C2476">
        <v>0.28000000000000003</v>
      </c>
    </row>
    <row r="2477" spans="1:3" x14ac:dyDescent="0.25">
      <c r="A2477" t="s">
        <v>12</v>
      </c>
      <c r="B2477">
        <v>0.31</v>
      </c>
      <c r="C2477">
        <v>0.38</v>
      </c>
    </row>
    <row r="2478" spans="1:3" x14ac:dyDescent="0.25">
      <c r="A2478" t="s">
        <v>10</v>
      </c>
      <c r="B2478">
        <v>0.36</v>
      </c>
      <c r="C2478">
        <v>0.84</v>
      </c>
    </row>
    <row r="2479" spans="1:3" x14ac:dyDescent="0.25">
      <c r="A2479" t="s">
        <v>10</v>
      </c>
      <c r="B2479">
        <v>0.64</v>
      </c>
      <c r="C2479">
        <v>0.09</v>
      </c>
    </row>
    <row r="2480" spans="1:3" x14ac:dyDescent="0.25">
      <c r="A2480" t="s">
        <v>10</v>
      </c>
      <c r="B2480">
        <v>0.73</v>
      </c>
      <c r="C2480">
        <v>0.24</v>
      </c>
    </row>
    <row r="2481" spans="1:3" x14ac:dyDescent="0.25">
      <c r="A2481" t="s">
        <v>12</v>
      </c>
      <c r="B2481">
        <v>0.43</v>
      </c>
      <c r="C2481">
        <v>0.8</v>
      </c>
    </row>
    <row r="2482" spans="1:3" x14ac:dyDescent="0.25">
      <c r="A2482" t="s">
        <v>12</v>
      </c>
      <c r="B2482">
        <v>0.47</v>
      </c>
      <c r="C2482">
        <v>0.56999999999999995</v>
      </c>
    </row>
    <row r="2483" spans="1:3" x14ac:dyDescent="0.25">
      <c r="A2483" t="s">
        <v>10</v>
      </c>
      <c r="B2483">
        <v>0.8</v>
      </c>
      <c r="C2483">
        <v>0.5</v>
      </c>
    </row>
    <row r="2484" spans="1:3" x14ac:dyDescent="0.25">
      <c r="A2484" t="s">
        <v>8</v>
      </c>
      <c r="B2484">
        <v>0.68</v>
      </c>
      <c r="C2484">
        <v>0.81</v>
      </c>
    </row>
    <row r="2485" spans="1:3" x14ac:dyDescent="0.25">
      <c r="A2485" t="s">
        <v>12</v>
      </c>
      <c r="B2485">
        <v>0.74</v>
      </c>
      <c r="C2485">
        <v>0.17</v>
      </c>
    </row>
    <row r="2486" spans="1:3" x14ac:dyDescent="0.25">
      <c r="A2486" t="s">
        <v>8</v>
      </c>
      <c r="B2486">
        <v>0.75</v>
      </c>
      <c r="C2486">
        <v>0.65</v>
      </c>
    </row>
    <row r="2487" spans="1:3" x14ac:dyDescent="0.25">
      <c r="A2487" t="s">
        <v>10</v>
      </c>
      <c r="B2487">
        <v>0.22</v>
      </c>
      <c r="C2487">
        <v>0.37</v>
      </c>
    </row>
    <row r="2488" spans="1:3" x14ac:dyDescent="0.25">
      <c r="A2488" t="s">
        <v>12</v>
      </c>
      <c r="B2488">
        <v>0.43</v>
      </c>
      <c r="C2488">
        <v>0.51</v>
      </c>
    </row>
    <row r="2489" spans="1:3" x14ac:dyDescent="0.25">
      <c r="A2489" t="s">
        <v>10</v>
      </c>
      <c r="B2489">
        <v>0.46</v>
      </c>
      <c r="C2489">
        <v>0.1</v>
      </c>
    </row>
    <row r="2490" spans="1:3" x14ac:dyDescent="0.25">
      <c r="A2490" t="s">
        <v>24</v>
      </c>
      <c r="B2490">
        <v>0.48</v>
      </c>
      <c r="C2490">
        <v>0.28999999999999998</v>
      </c>
    </row>
    <row r="2491" spans="1:3" x14ac:dyDescent="0.25">
      <c r="A2491" t="s">
        <v>24</v>
      </c>
      <c r="B2491">
        <v>0.49</v>
      </c>
      <c r="C2491">
        <v>0.87</v>
      </c>
    </row>
    <row r="2492" spans="1:3" x14ac:dyDescent="0.25">
      <c r="A2492" t="s">
        <v>8</v>
      </c>
      <c r="B2492">
        <v>0.91</v>
      </c>
      <c r="C2492">
        <v>0.36</v>
      </c>
    </row>
    <row r="2493" spans="1:3" x14ac:dyDescent="0.25">
      <c r="A2493" t="s">
        <v>8</v>
      </c>
      <c r="B2493">
        <v>0.92</v>
      </c>
      <c r="C2493">
        <v>0.4</v>
      </c>
    </row>
    <row r="2494" spans="1:3" x14ac:dyDescent="0.25">
      <c r="A2494" t="s">
        <v>10</v>
      </c>
      <c r="B2494">
        <v>0.28000000000000003</v>
      </c>
      <c r="C2494">
        <v>0.38</v>
      </c>
    </row>
    <row r="2495" spans="1:3" x14ac:dyDescent="0.25">
      <c r="A2495" t="s">
        <v>24</v>
      </c>
      <c r="B2495">
        <v>0.48</v>
      </c>
      <c r="C2495">
        <v>0.62</v>
      </c>
    </row>
    <row r="2496" spans="1:3" x14ac:dyDescent="0.25">
      <c r="A2496" t="s">
        <v>12</v>
      </c>
      <c r="B2496">
        <v>0.74</v>
      </c>
      <c r="C2496">
        <v>0.34</v>
      </c>
    </row>
    <row r="2497" spans="1:3" x14ac:dyDescent="0.25">
      <c r="A2497" t="s">
        <v>24</v>
      </c>
      <c r="B2497">
        <v>0.54</v>
      </c>
      <c r="C2497">
        <v>0.77</v>
      </c>
    </row>
    <row r="2498" spans="1:3" x14ac:dyDescent="0.25">
      <c r="A2498" t="s">
        <v>8</v>
      </c>
      <c r="B2498">
        <v>0.27</v>
      </c>
      <c r="C2498">
        <v>0.65</v>
      </c>
    </row>
    <row r="2499" spans="1:3" x14ac:dyDescent="0.25">
      <c r="A2499" t="s">
        <v>8</v>
      </c>
      <c r="B2499">
        <v>0.53</v>
      </c>
      <c r="C2499">
        <v>0.72</v>
      </c>
    </row>
    <row r="2500" spans="1:3" x14ac:dyDescent="0.25">
      <c r="A2500" t="s">
        <v>10</v>
      </c>
      <c r="B2500">
        <v>0.62</v>
      </c>
      <c r="C2500">
        <v>0.11</v>
      </c>
    </row>
    <row r="2501" spans="1:3" x14ac:dyDescent="0.25">
      <c r="A2501" t="s">
        <v>24</v>
      </c>
      <c r="B2501">
        <v>0.24</v>
      </c>
      <c r="C2501">
        <v>0.55000000000000004</v>
      </c>
    </row>
    <row r="2502" spans="1:3" x14ac:dyDescent="0.25">
      <c r="A2502" t="s">
        <v>12</v>
      </c>
      <c r="B2502">
        <v>0.21</v>
      </c>
      <c r="C2502">
        <v>0.4</v>
      </c>
    </row>
    <row r="2503" spans="1:3" x14ac:dyDescent="0.25">
      <c r="A2503" t="s">
        <v>24</v>
      </c>
      <c r="B2503">
        <v>0.65</v>
      </c>
      <c r="C2503">
        <v>0.6</v>
      </c>
    </row>
    <row r="2504" spans="1:3" x14ac:dyDescent="0.25">
      <c r="A2504" t="s">
        <v>10</v>
      </c>
      <c r="B2504">
        <v>0.49</v>
      </c>
      <c r="C2504">
        <v>0.62</v>
      </c>
    </row>
    <row r="2505" spans="1:3" x14ac:dyDescent="0.25">
      <c r="A2505" t="s">
        <v>8</v>
      </c>
      <c r="B2505">
        <v>0.44</v>
      </c>
      <c r="C2505">
        <v>0.37</v>
      </c>
    </row>
    <row r="2506" spans="1:3" x14ac:dyDescent="0.25">
      <c r="A2506" t="s">
        <v>8</v>
      </c>
      <c r="B2506">
        <v>0.56000000000000005</v>
      </c>
      <c r="C2506">
        <v>0.31</v>
      </c>
    </row>
    <row r="2507" spans="1:3" x14ac:dyDescent="0.25">
      <c r="A2507" t="s">
        <v>8</v>
      </c>
      <c r="B2507">
        <v>0.32</v>
      </c>
      <c r="C2507">
        <v>0.34</v>
      </c>
    </row>
    <row r="2508" spans="1:3" x14ac:dyDescent="0.25">
      <c r="A2508" t="s">
        <v>8</v>
      </c>
      <c r="B2508">
        <v>0.92</v>
      </c>
      <c r="C2508">
        <v>0.7</v>
      </c>
    </row>
    <row r="2509" spans="1:3" x14ac:dyDescent="0.25">
      <c r="A2509" t="s">
        <v>8</v>
      </c>
      <c r="B2509">
        <v>0.74</v>
      </c>
      <c r="C2509">
        <v>7.0000000000000007E-2</v>
      </c>
    </row>
    <row r="2510" spans="1:3" x14ac:dyDescent="0.25">
      <c r="A2510" t="s">
        <v>24</v>
      </c>
      <c r="B2510">
        <v>0.69</v>
      </c>
      <c r="C2510">
        <v>0.87</v>
      </c>
    </row>
    <row r="2511" spans="1:3" x14ac:dyDescent="0.25">
      <c r="A2511" t="s">
        <v>24</v>
      </c>
      <c r="B2511">
        <v>0.03</v>
      </c>
      <c r="C2511">
        <v>0.45</v>
      </c>
    </row>
    <row r="2512" spans="1:3" x14ac:dyDescent="0.25">
      <c r="A2512" t="s">
        <v>8</v>
      </c>
      <c r="B2512">
        <v>0.86</v>
      </c>
      <c r="C2512">
        <v>0.86</v>
      </c>
    </row>
    <row r="2513" spans="1:3" x14ac:dyDescent="0.25">
      <c r="A2513" t="s">
        <v>24</v>
      </c>
      <c r="B2513">
        <v>0.47</v>
      </c>
      <c r="C2513">
        <v>7.0000000000000007E-2</v>
      </c>
    </row>
    <row r="2514" spans="1:3" x14ac:dyDescent="0.25">
      <c r="A2514" t="s">
        <v>12</v>
      </c>
      <c r="B2514">
        <v>0.05</v>
      </c>
      <c r="C2514">
        <v>0.91</v>
      </c>
    </row>
    <row r="2515" spans="1:3" x14ac:dyDescent="0.25">
      <c r="A2515" t="s">
        <v>24</v>
      </c>
      <c r="B2515">
        <v>0.47</v>
      </c>
      <c r="C2515">
        <v>0.7</v>
      </c>
    </row>
    <row r="2516" spans="1:3" x14ac:dyDescent="0.25">
      <c r="A2516" t="s">
        <v>12</v>
      </c>
      <c r="B2516">
        <v>0.3</v>
      </c>
      <c r="C2516">
        <v>0.52</v>
      </c>
    </row>
    <row r="2517" spans="1:3" x14ac:dyDescent="0.25">
      <c r="A2517" t="s">
        <v>8</v>
      </c>
      <c r="B2517">
        <v>0.48</v>
      </c>
      <c r="C2517">
        <v>0.17</v>
      </c>
    </row>
    <row r="2518" spans="1:3" x14ac:dyDescent="0.25">
      <c r="A2518" t="s">
        <v>24</v>
      </c>
      <c r="B2518">
        <v>0.83</v>
      </c>
      <c r="C2518">
        <v>0.61</v>
      </c>
    </row>
    <row r="2519" spans="1:3" x14ac:dyDescent="0.25">
      <c r="A2519" t="s">
        <v>8</v>
      </c>
      <c r="B2519">
        <v>0.17</v>
      </c>
      <c r="C2519">
        <v>0.94</v>
      </c>
    </row>
    <row r="2520" spans="1:3" x14ac:dyDescent="0.25">
      <c r="A2520" t="s">
        <v>8</v>
      </c>
      <c r="B2520">
        <v>0.26</v>
      </c>
      <c r="C2520">
        <v>0.87</v>
      </c>
    </row>
    <row r="2521" spans="1:3" x14ac:dyDescent="0.25">
      <c r="A2521" t="s">
        <v>8</v>
      </c>
      <c r="B2521">
        <v>0.49</v>
      </c>
      <c r="C2521">
        <v>0.61</v>
      </c>
    </row>
    <row r="2522" spans="1:3" x14ac:dyDescent="0.25">
      <c r="A2522" t="s">
        <v>12</v>
      </c>
      <c r="B2522">
        <v>0.26</v>
      </c>
      <c r="C2522">
        <v>0.93</v>
      </c>
    </row>
    <row r="2523" spans="1:3" x14ac:dyDescent="0.25">
      <c r="A2523" t="s">
        <v>24</v>
      </c>
      <c r="B2523">
        <v>0.13</v>
      </c>
      <c r="C2523">
        <v>0.88</v>
      </c>
    </row>
    <row r="2524" spans="1:3" x14ac:dyDescent="0.25">
      <c r="A2524" t="s">
        <v>8</v>
      </c>
      <c r="B2524">
        <v>0.27</v>
      </c>
      <c r="C2524">
        <v>0.57999999999999996</v>
      </c>
    </row>
    <row r="2525" spans="1:3" x14ac:dyDescent="0.25">
      <c r="A2525" t="s">
        <v>24</v>
      </c>
      <c r="B2525">
        <v>0.92</v>
      </c>
      <c r="C2525">
        <v>0.9</v>
      </c>
    </row>
    <row r="2526" spans="1:3" x14ac:dyDescent="0.25">
      <c r="A2526" t="s">
        <v>8</v>
      </c>
      <c r="B2526">
        <v>0.37</v>
      </c>
      <c r="C2526">
        <v>0.71</v>
      </c>
    </row>
    <row r="2527" spans="1:3" x14ac:dyDescent="0.25">
      <c r="A2527" t="s">
        <v>8</v>
      </c>
      <c r="B2527">
        <v>0.41</v>
      </c>
      <c r="C2527">
        <v>0.48</v>
      </c>
    </row>
    <row r="2528" spans="1:3" x14ac:dyDescent="0.25">
      <c r="A2528" t="s">
        <v>12</v>
      </c>
      <c r="B2528">
        <v>0.8</v>
      </c>
      <c r="C2528">
        <v>0.71</v>
      </c>
    </row>
    <row r="2529" spans="1:3" x14ac:dyDescent="0.25">
      <c r="A2529" t="s">
        <v>8</v>
      </c>
      <c r="B2529">
        <v>0.53</v>
      </c>
      <c r="C2529">
        <v>0.17</v>
      </c>
    </row>
    <row r="2530" spans="1:3" x14ac:dyDescent="0.25">
      <c r="A2530" t="s">
        <v>12</v>
      </c>
      <c r="B2530">
        <v>0.46</v>
      </c>
      <c r="C2530">
        <v>0.8</v>
      </c>
    </row>
    <row r="2531" spans="1:3" x14ac:dyDescent="0.25">
      <c r="A2531" t="s">
        <v>24</v>
      </c>
      <c r="B2531">
        <v>0.69</v>
      </c>
      <c r="C2531">
        <v>0.28999999999999998</v>
      </c>
    </row>
    <row r="2532" spans="1:3" x14ac:dyDescent="0.25">
      <c r="A2532" t="s">
        <v>10</v>
      </c>
      <c r="B2532">
        <v>0.08</v>
      </c>
      <c r="C2532">
        <v>0.5</v>
      </c>
    </row>
    <row r="2533" spans="1:3" x14ac:dyDescent="0.25">
      <c r="A2533" t="s">
        <v>24</v>
      </c>
      <c r="B2533">
        <v>0.03</v>
      </c>
      <c r="C2533">
        <v>0.68</v>
      </c>
    </row>
    <row r="2534" spans="1:3" x14ac:dyDescent="0.25">
      <c r="A2534" t="s">
        <v>8</v>
      </c>
      <c r="B2534">
        <v>0.49</v>
      </c>
      <c r="C2534">
        <v>0.77</v>
      </c>
    </row>
    <row r="2535" spans="1:3" x14ac:dyDescent="0.25">
      <c r="A2535" t="s">
        <v>24</v>
      </c>
      <c r="B2535">
        <v>0.76</v>
      </c>
      <c r="C2535">
        <v>0.28000000000000003</v>
      </c>
    </row>
    <row r="2536" spans="1:3" x14ac:dyDescent="0.25">
      <c r="A2536" t="s">
        <v>12</v>
      </c>
      <c r="B2536">
        <v>0.43</v>
      </c>
      <c r="C2536">
        <v>0.64</v>
      </c>
    </row>
    <row r="2537" spans="1:3" x14ac:dyDescent="0.25">
      <c r="A2537" t="s">
        <v>12</v>
      </c>
      <c r="B2537">
        <v>0.78</v>
      </c>
      <c r="C2537">
        <v>0.32</v>
      </c>
    </row>
    <row r="2538" spans="1:3" x14ac:dyDescent="0.25">
      <c r="A2538" t="s">
        <v>10</v>
      </c>
      <c r="B2538">
        <v>0.93</v>
      </c>
      <c r="C2538">
        <v>0.93</v>
      </c>
    </row>
    <row r="2539" spans="1:3" x14ac:dyDescent="0.25">
      <c r="A2539" t="s">
        <v>10</v>
      </c>
      <c r="B2539">
        <v>0.43</v>
      </c>
      <c r="C2539">
        <v>0.78</v>
      </c>
    </row>
    <row r="2540" spans="1:3" x14ac:dyDescent="0.25">
      <c r="A2540" t="s">
        <v>12</v>
      </c>
      <c r="B2540">
        <v>0.03</v>
      </c>
      <c r="C2540">
        <v>0.79</v>
      </c>
    </row>
    <row r="2541" spans="1:3" x14ac:dyDescent="0.25">
      <c r="A2541" t="s">
        <v>10</v>
      </c>
      <c r="B2541">
        <v>0.94</v>
      </c>
      <c r="C2541">
        <v>0.3</v>
      </c>
    </row>
    <row r="2542" spans="1:3" x14ac:dyDescent="0.25">
      <c r="A2542" t="s">
        <v>24</v>
      </c>
      <c r="B2542">
        <v>0.78</v>
      </c>
      <c r="C2542">
        <v>0.52</v>
      </c>
    </row>
    <row r="2543" spans="1:3" x14ac:dyDescent="0.25">
      <c r="A2543" t="s">
        <v>12</v>
      </c>
      <c r="B2543">
        <v>0.55000000000000004</v>
      </c>
      <c r="C2543">
        <v>0.83</v>
      </c>
    </row>
    <row r="2544" spans="1:3" x14ac:dyDescent="0.25">
      <c r="A2544" t="s">
        <v>10</v>
      </c>
      <c r="B2544">
        <v>0.13</v>
      </c>
      <c r="C2544">
        <v>7.0000000000000007E-2</v>
      </c>
    </row>
    <row r="2545" spans="1:3" x14ac:dyDescent="0.25">
      <c r="A2545" t="s">
        <v>10</v>
      </c>
      <c r="B2545">
        <v>0.63</v>
      </c>
      <c r="C2545">
        <v>0.3</v>
      </c>
    </row>
    <row r="2546" spans="1:3" x14ac:dyDescent="0.25">
      <c r="A2546" t="s">
        <v>8</v>
      </c>
      <c r="B2546">
        <v>0.56000000000000005</v>
      </c>
      <c r="C2546">
        <v>0.18</v>
      </c>
    </row>
    <row r="2547" spans="1:3" x14ac:dyDescent="0.25">
      <c r="A2547" t="s">
        <v>12</v>
      </c>
      <c r="B2547">
        <v>0.63</v>
      </c>
      <c r="C2547">
        <v>0.49</v>
      </c>
    </row>
    <row r="2548" spans="1:3" x14ac:dyDescent="0.25">
      <c r="A2548" t="s">
        <v>12</v>
      </c>
      <c r="B2548">
        <v>0.1</v>
      </c>
      <c r="C2548">
        <v>0.8</v>
      </c>
    </row>
    <row r="2549" spans="1:3" x14ac:dyDescent="0.25">
      <c r="A2549" t="s">
        <v>8</v>
      </c>
      <c r="B2549">
        <v>0.88</v>
      </c>
      <c r="C2549">
        <v>0.14000000000000001</v>
      </c>
    </row>
    <row r="2550" spans="1:3" x14ac:dyDescent="0.25">
      <c r="A2550" t="s">
        <v>12</v>
      </c>
      <c r="B2550">
        <v>0.79</v>
      </c>
      <c r="C2550">
        <v>0.36</v>
      </c>
    </row>
    <row r="2551" spans="1:3" x14ac:dyDescent="0.25">
      <c r="A2551" t="s">
        <v>10</v>
      </c>
      <c r="B2551">
        <v>0.32</v>
      </c>
      <c r="C2551">
        <v>0.59</v>
      </c>
    </row>
    <row r="2552" spans="1:3" x14ac:dyDescent="0.25">
      <c r="A2552" t="s">
        <v>12</v>
      </c>
      <c r="B2552">
        <v>0.61</v>
      </c>
      <c r="C2552">
        <v>0.6</v>
      </c>
    </row>
    <row r="2553" spans="1:3" x14ac:dyDescent="0.25">
      <c r="A2553" t="s">
        <v>8</v>
      </c>
      <c r="B2553">
        <v>0.2</v>
      </c>
      <c r="C2553">
        <v>0.63</v>
      </c>
    </row>
    <row r="2554" spans="1:3" x14ac:dyDescent="0.25">
      <c r="A2554" t="s">
        <v>10</v>
      </c>
      <c r="B2554">
        <v>0.93</v>
      </c>
      <c r="C2554">
        <v>0.86</v>
      </c>
    </row>
    <row r="2555" spans="1:3" x14ac:dyDescent="0.25">
      <c r="A2555" t="s">
        <v>10</v>
      </c>
      <c r="B2555">
        <v>0.24</v>
      </c>
      <c r="C2555">
        <v>0.35</v>
      </c>
    </row>
    <row r="2556" spans="1:3" x14ac:dyDescent="0.25">
      <c r="A2556" t="s">
        <v>10</v>
      </c>
      <c r="B2556">
        <v>0.78</v>
      </c>
      <c r="C2556">
        <v>0.7</v>
      </c>
    </row>
    <row r="2557" spans="1:3" x14ac:dyDescent="0.25">
      <c r="A2557" t="s">
        <v>10</v>
      </c>
      <c r="B2557">
        <v>0.94</v>
      </c>
      <c r="C2557">
        <v>0.93</v>
      </c>
    </row>
    <row r="2558" spans="1:3" x14ac:dyDescent="0.25">
      <c r="A2558" t="s">
        <v>12</v>
      </c>
      <c r="B2558">
        <v>0.53</v>
      </c>
      <c r="C2558">
        <v>0.44</v>
      </c>
    </row>
    <row r="2559" spans="1:3" x14ac:dyDescent="0.25">
      <c r="A2559" t="s">
        <v>12</v>
      </c>
      <c r="B2559">
        <v>0.24</v>
      </c>
      <c r="C2559">
        <v>0.59</v>
      </c>
    </row>
    <row r="2560" spans="1:3" x14ac:dyDescent="0.25">
      <c r="A2560" t="s">
        <v>24</v>
      </c>
      <c r="B2560">
        <v>0.33</v>
      </c>
      <c r="C2560">
        <v>0.68</v>
      </c>
    </row>
    <row r="2561" spans="1:3" x14ac:dyDescent="0.25">
      <c r="A2561" t="s">
        <v>12</v>
      </c>
      <c r="B2561">
        <v>0.97</v>
      </c>
      <c r="C2561">
        <v>0.83</v>
      </c>
    </row>
    <row r="2562" spans="1:3" x14ac:dyDescent="0.25">
      <c r="A2562" t="s">
        <v>24</v>
      </c>
      <c r="B2562">
        <v>0.28000000000000003</v>
      </c>
      <c r="C2562">
        <v>0.66</v>
      </c>
    </row>
    <row r="2563" spans="1:3" x14ac:dyDescent="0.25">
      <c r="A2563" t="s">
        <v>8</v>
      </c>
      <c r="B2563">
        <v>0.72</v>
      </c>
      <c r="C2563">
        <v>0.5</v>
      </c>
    </row>
    <row r="2564" spans="1:3" x14ac:dyDescent="0.25">
      <c r="A2564" t="s">
        <v>10</v>
      </c>
      <c r="B2564">
        <v>0.36</v>
      </c>
      <c r="C2564">
        <v>0.54</v>
      </c>
    </row>
    <row r="2565" spans="1:3" x14ac:dyDescent="0.25">
      <c r="A2565" t="s">
        <v>12</v>
      </c>
      <c r="B2565">
        <v>0.78</v>
      </c>
      <c r="C2565">
        <v>0.41</v>
      </c>
    </row>
    <row r="2566" spans="1:3" x14ac:dyDescent="0.25">
      <c r="A2566" t="s">
        <v>8</v>
      </c>
      <c r="B2566">
        <v>0.66</v>
      </c>
      <c r="C2566">
        <v>7.0000000000000007E-2</v>
      </c>
    </row>
    <row r="2567" spans="1:3" x14ac:dyDescent="0.25">
      <c r="A2567" t="s">
        <v>8</v>
      </c>
      <c r="B2567">
        <v>0.28999999999999998</v>
      </c>
      <c r="C2567">
        <v>0.22</v>
      </c>
    </row>
    <row r="2568" spans="1:3" x14ac:dyDescent="0.25">
      <c r="A2568" t="s">
        <v>12</v>
      </c>
      <c r="B2568">
        <v>0.09</v>
      </c>
      <c r="C2568">
        <v>0.28999999999999998</v>
      </c>
    </row>
    <row r="2569" spans="1:3" x14ac:dyDescent="0.25">
      <c r="A2569" t="s">
        <v>8</v>
      </c>
      <c r="B2569">
        <v>0.89</v>
      </c>
      <c r="C2569">
        <v>0.18</v>
      </c>
    </row>
    <row r="2570" spans="1:3" x14ac:dyDescent="0.25">
      <c r="A2570" t="s">
        <v>8</v>
      </c>
      <c r="B2570">
        <v>0.19</v>
      </c>
      <c r="C2570">
        <v>0.82</v>
      </c>
    </row>
    <row r="2571" spans="1:3" x14ac:dyDescent="0.25">
      <c r="A2571" t="s">
        <v>8</v>
      </c>
      <c r="B2571">
        <v>0.82</v>
      </c>
      <c r="C2571">
        <v>0.5</v>
      </c>
    </row>
    <row r="2572" spans="1:3" x14ac:dyDescent="0.25">
      <c r="A2572" t="s">
        <v>12</v>
      </c>
      <c r="B2572">
        <v>0.73</v>
      </c>
      <c r="C2572">
        <v>0.51</v>
      </c>
    </row>
    <row r="2573" spans="1:3" x14ac:dyDescent="0.25">
      <c r="A2573" t="s">
        <v>10</v>
      </c>
      <c r="B2573">
        <v>0.85</v>
      </c>
      <c r="C2573">
        <v>0.75</v>
      </c>
    </row>
    <row r="2574" spans="1:3" x14ac:dyDescent="0.25">
      <c r="A2574" t="s">
        <v>12</v>
      </c>
      <c r="B2574">
        <v>0.5</v>
      </c>
      <c r="C2574">
        <v>0.15</v>
      </c>
    </row>
    <row r="2575" spans="1:3" x14ac:dyDescent="0.25">
      <c r="A2575" t="s">
        <v>10</v>
      </c>
      <c r="B2575">
        <v>0.62</v>
      </c>
      <c r="C2575">
        <v>0.17</v>
      </c>
    </row>
    <row r="2576" spans="1:3" x14ac:dyDescent="0.25">
      <c r="A2576" t="s">
        <v>12</v>
      </c>
      <c r="B2576">
        <v>0.38</v>
      </c>
      <c r="C2576">
        <v>0.5</v>
      </c>
    </row>
    <row r="2577" spans="1:3" x14ac:dyDescent="0.25">
      <c r="A2577" t="s">
        <v>8</v>
      </c>
      <c r="B2577">
        <v>0.95</v>
      </c>
      <c r="C2577">
        <v>0.73</v>
      </c>
    </row>
    <row r="2578" spans="1:3" x14ac:dyDescent="0.25">
      <c r="A2578" t="s">
        <v>8</v>
      </c>
      <c r="B2578">
        <v>0.56000000000000005</v>
      </c>
      <c r="C2578">
        <v>0.82</v>
      </c>
    </row>
    <row r="2579" spans="1:3" x14ac:dyDescent="0.25">
      <c r="A2579" t="s">
        <v>8</v>
      </c>
      <c r="B2579">
        <v>0.16</v>
      </c>
      <c r="C2579">
        <v>0.4</v>
      </c>
    </row>
    <row r="2580" spans="1:3" x14ac:dyDescent="0.25">
      <c r="A2580" t="s">
        <v>10</v>
      </c>
      <c r="B2580">
        <v>0.47</v>
      </c>
      <c r="C2580">
        <v>0.44</v>
      </c>
    </row>
    <row r="2581" spans="1:3" x14ac:dyDescent="0.25">
      <c r="A2581" t="s">
        <v>24</v>
      </c>
      <c r="B2581">
        <v>0.22</v>
      </c>
      <c r="C2581">
        <v>0.35</v>
      </c>
    </row>
    <row r="2582" spans="1:3" x14ac:dyDescent="0.25">
      <c r="A2582" t="s">
        <v>12</v>
      </c>
      <c r="B2582">
        <v>0.26</v>
      </c>
      <c r="C2582">
        <v>0.93</v>
      </c>
    </row>
    <row r="2583" spans="1:3" x14ac:dyDescent="0.25">
      <c r="A2583" t="s">
        <v>12</v>
      </c>
      <c r="B2583">
        <v>0.15</v>
      </c>
      <c r="C2583">
        <v>0.18</v>
      </c>
    </row>
    <row r="2584" spans="1:3" x14ac:dyDescent="0.25">
      <c r="A2584" t="s">
        <v>8</v>
      </c>
      <c r="B2584">
        <v>0.11</v>
      </c>
      <c r="C2584">
        <v>0.39</v>
      </c>
    </row>
    <row r="2585" spans="1:3" x14ac:dyDescent="0.25">
      <c r="A2585" t="s">
        <v>12</v>
      </c>
      <c r="B2585">
        <v>1</v>
      </c>
      <c r="C2585">
        <v>0.63</v>
      </c>
    </row>
    <row r="2586" spans="1:3" x14ac:dyDescent="0.25">
      <c r="A2586" t="s">
        <v>24</v>
      </c>
      <c r="B2586">
        <v>0.28000000000000003</v>
      </c>
      <c r="C2586">
        <v>0.15</v>
      </c>
    </row>
    <row r="2587" spans="1:3" x14ac:dyDescent="0.25">
      <c r="A2587" t="s">
        <v>12</v>
      </c>
      <c r="B2587">
        <v>0.31</v>
      </c>
      <c r="C2587">
        <v>0.76</v>
      </c>
    </row>
    <row r="2588" spans="1:3" x14ac:dyDescent="0.25">
      <c r="A2588" t="s">
        <v>8</v>
      </c>
      <c r="B2588">
        <v>0.94</v>
      </c>
      <c r="C2588">
        <v>0.72</v>
      </c>
    </row>
    <row r="2589" spans="1:3" x14ac:dyDescent="0.25">
      <c r="A2589" t="s">
        <v>8</v>
      </c>
      <c r="B2589">
        <v>0.92</v>
      </c>
      <c r="C2589">
        <v>0.37</v>
      </c>
    </row>
    <row r="2590" spans="1:3" x14ac:dyDescent="0.25">
      <c r="A2590" t="s">
        <v>10</v>
      </c>
      <c r="B2590">
        <v>0.55000000000000004</v>
      </c>
      <c r="C2590">
        <v>0.85</v>
      </c>
    </row>
    <row r="2591" spans="1:3" x14ac:dyDescent="0.25">
      <c r="A2591" t="s">
        <v>12</v>
      </c>
      <c r="B2591">
        <v>0.26</v>
      </c>
      <c r="C2591">
        <v>0.56000000000000005</v>
      </c>
    </row>
    <row r="2592" spans="1:3" x14ac:dyDescent="0.25">
      <c r="A2592" t="s">
        <v>8</v>
      </c>
      <c r="B2592">
        <v>0.18</v>
      </c>
      <c r="C2592">
        <v>0.76</v>
      </c>
    </row>
    <row r="2593" spans="1:3" x14ac:dyDescent="0.25">
      <c r="A2593" t="s">
        <v>12</v>
      </c>
      <c r="B2593">
        <v>0.34</v>
      </c>
      <c r="C2593">
        <v>0.7</v>
      </c>
    </row>
    <row r="2594" spans="1:3" x14ac:dyDescent="0.25">
      <c r="A2594" t="s">
        <v>24</v>
      </c>
      <c r="B2594">
        <v>0.24</v>
      </c>
      <c r="C2594">
        <v>0.92</v>
      </c>
    </row>
    <row r="2595" spans="1:3" x14ac:dyDescent="0.25">
      <c r="A2595" t="s">
        <v>8</v>
      </c>
      <c r="B2595">
        <v>0.25</v>
      </c>
      <c r="C2595">
        <v>0.43</v>
      </c>
    </row>
    <row r="2596" spans="1:3" x14ac:dyDescent="0.25">
      <c r="A2596" t="s">
        <v>24</v>
      </c>
      <c r="B2596">
        <v>0.2</v>
      </c>
      <c r="C2596">
        <v>0.91</v>
      </c>
    </row>
    <row r="2597" spans="1:3" x14ac:dyDescent="0.25">
      <c r="A2597" t="s">
        <v>8</v>
      </c>
      <c r="B2597">
        <v>0.37</v>
      </c>
      <c r="C2597">
        <v>0.61</v>
      </c>
    </row>
    <row r="2598" spans="1:3" x14ac:dyDescent="0.25">
      <c r="A2598" t="s">
        <v>8</v>
      </c>
      <c r="B2598">
        <v>0.75</v>
      </c>
      <c r="C2598">
        <v>0.53</v>
      </c>
    </row>
    <row r="2599" spans="1:3" x14ac:dyDescent="0.25">
      <c r="A2599" t="s">
        <v>8</v>
      </c>
      <c r="B2599">
        <v>0.17</v>
      </c>
      <c r="C2599">
        <v>0.51</v>
      </c>
    </row>
    <row r="2600" spans="1:3" x14ac:dyDescent="0.25">
      <c r="A2600" t="s">
        <v>24</v>
      </c>
      <c r="B2600">
        <v>0.47</v>
      </c>
      <c r="C2600">
        <v>0.44</v>
      </c>
    </row>
    <row r="2601" spans="1:3" x14ac:dyDescent="0.25">
      <c r="A2601" t="s">
        <v>24</v>
      </c>
      <c r="B2601">
        <v>0.18</v>
      </c>
      <c r="C2601">
        <v>0.78</v>
      </c>
    </row>
    <row r="2602" spans="1:3" x14ac:dyDescent="0.25">
      <c r="A2602" t="s">
        <v>24</v>
      </c>
      <c r="B2602">
        <v>0.35</v>
      </c>
      <c r="C2602">
        <v>0.86</v>
      </c>
    </row>
    <row r="2603" spans="1:3" x14ac:dyDescent="0.25">
      <c r="A2603" t="s">
        <v>24</v>
      </c>
      <c r="B2603">
        <v>0.89</v>
      </c>
      <c r="C2603">
        <v>0.12</v>
      </c>
    </row>
    <row r="2604" spans="1:3" x14ac:dyDescent="0.25">
      <c r="A2604" t="s">
        <v>24</v>
      </c>
      <c r="B2604">
        <v>0.43</v>
      </c>
      <c r="C2604">
        <v>0.43</v>
      </c>
    </row>
    <row r="2605" spans="1:3" x14ac:dyDescent="0.25">
      <c r="A2605" t="s">
        <v>24</v>
      </c>
      <c r="B2605">
        <v>0.11</v>
      </c>
      <c r="C2605">
        <v>0.51</v>
      </c>
    </row>
    <row r="2606" spans="1:3" x14ac:dyDescent="0.25">
      <c r="A2606" t="s">
        <v>8</v>
      </c>
      <c r="B2606">
        <v>0.22</v>
      </c>
      <c r="C2606">
        <v>0.37</v>
      </c>
    </row>
    <row r="2607" spans="1:3" x14ac:dyDescent="0.25">
      <c r="A2607" t="s">
        <v>10</v>
      </c>
      <c r="B2607">
        <v>0.73</v>
      </c>
      <c r="C2607">
        <v>0.68</v>
      </c>
    </row>
    <row r="2608" spans="1:3" x14ac:dyDescent="0.25">
      <c r="A2608" t="s">
        <v>12</v>
      </c>
      <c r="B2608">
        <v>0.53</v>
      </c>
      <c r="C2608">
        <v>0.26</v>
      </c>
    </row>
    <row r="2609" spans="1:3" x14ac:dyDescent="0.25">
      <c r="A2609" t="s">
        <v>10</v>
      </c>
      <c r="B2609">
        <v>0.14000000000000001</v>
      </c>
      <c r="C2609">
        <v>0.72</v>
      </c>
    </row>
    <row r="2610" spans="1:3" x14ac:dyDescent="0.25">
      <c r="A2610" t="s">
        <v>8</v>
      </c>
      <c r="B2610">
        <v>0.16</v>
      </c>
      <c r="C2610">
        <v>0.51</v>
      </c>
    </row>
    <row r="2611" spans="1:3" x14ac:dyDescent="0.25">
      <c r="A2611" t="s">
        <v>12</v>
      </c>
      <c r="B2611">
        <v>0.57999999999999996</v>
      </c>
      <c r="C2611">
        <v>0.09</v>
      </c>
    </row>
    <row r="2612" spans="1:3" x14ac:dyDescent="0.25">
      <c r="A2612" t="s">
        <v>24</v>
      </c>
      <c r="B2612">
        <v>0.41</v>
      </c>
      <c r="C2612">
        <v>0.95</v>
      </c>
    </row>
    <row r="2613" spans="1:3" x14ac:dyDescent="0.25">
      <c r="A2613" t="s">
        <v>8</v>
      </c>
      <c r="B2613">
        <v>0.18</v>
      </c>
      <c r="C2613">
        <v>0.59</v>
      </c>
    </row>
    <row r="2614" spans="1:3" x14ac:dyDescent="0.25">
      <c r="A2614" t="s">
        <v>12</v>
      </c>
      <c r="B2614">
        <v>0.28000000000000003</v>
      </c>
      <c r="C2614">
        <v>0.55000000000000004</v>
      </c>
    </row>
    <row r="2615" spans="1:3" x14ac:dyDescent="0.25">
      <c r="A2615" t="s">
        <v>10</v>
      </c>
      <c r="B2615">
        <v>0.08</v>
      </c>
      <c r="C2615">
        <v>0.27</v>
      </c>
    </row>
    <row r="2616" spans="1:3" x14ac:dyDescent="0.25">
      <c r="A2616" t="s">
        <v>8</v>
      </c>
      <c r="B2616">
        <v>0.4</v>
      </c>
      <c r="C2616">
        <v>0.32</v>
      </c>
    </row>
    <row r="2617" spans="1:3" x14ac:dyDescent="0.25">
      <c r="A2617" t="s">
        <v>12</v>
      </c>
      <c r="B2617">
        <v>0.43</v>
      </c>
      <c r="C2617">
        <v>0.52</v>
      </c>
    </row>
    <row r="2618" spans="1:3" x14ac:dyDescent="0.25">
      <c r="A2618" t="s">
        <v>8</v>
      </c>
      <c r="B2618">
        <v>0.12</v>
      </c>
      <c r="C2618">
        <v>0.48</v>
      </c>
    </row>
    <row r="2619" spans="1:3" x14ac:dyDescent="0.25">
      <c r="A2619" t="s">
        <v>12</v>
      </c>
      <c r="B2619">
        <v>0.15</v>
      </c>
      <c r="C2619">
        <v>0.15</v>
      </c>
    </row>
    <row r="2620" spans="1:3" x14ac:dyDescent="0.25">
      <c r="A2620" t="s">
        <v>8</v>
      </c>
      <c r="B2620">
        <v>0.1</v>
      </c>
      <c r="C2620">
        <v>0.41</v>
      </c>
    </row>
    <row r="2621" spans="1:3" x14ac:dyDescent="0.25">
      <c r="A2621" t="s">
        <v>12</v>
      </c>
      <c r="B2621">
        <v>0.59</v>
      </c>
      <c r="C2621">
        <v>0.36</v>
      </c>
    </row>
    <row r="2622" spans="1:3" x14ac:dyDescent="0.25">
      <c r="A2622" t="s">
        <v>10</v>
      </c>
      <c r="B2622">
        <v>0.77</v>
      </c>
      <c r="C2622">
        <v>0.6</v>
      </c>
    </row>
    <row r="2623" spans="1:3" x14ac:dyDescent="0.25">
      <c r="A2623" t="s">
        <v>24</v>
      </c>
      <c r="B2623">
        <v>0.41</v>
      </c>
      <c r="C2623">
        <v>0.43</v>
      </c>
    </row>
    <row r="2624" spans="1:3" x14ac:dyDescent="0.25">
      <c r="A2624" t="s">
        <v>8</v>
      </c>
      <c r="B2624">
        <v>0.15</v>
      </c>
      <c r="C2624">
        <v>0.16</v>
      </c>
    </row>
    <row r="2625" spans="1:3" x14ac:dyDescent="0.25">
      <c r="A2625" t="s">
        <v>8</v>
      </c>
      <c r="B2625">
        <v>0.35</v>
      </c>
      <c r="C2625">
        <v>0.12</v>
      </c>
    </row>
    <row r="2626" spans="1:3" x14ac:dyDescent="0.25">
      <c r="A2626" t="s">
        <v>8</v>
      </c>
      <c r="B2626">
        <v>0.71</v>
      </c>
      <c r="C2626">
        <v>0.52</v>
      </c>
    </row>
    <row r="2627" spans="1:3" x14ac:dyDescent="0.25">
      <c r="A2627" t="s">
        <v>8</v>
      </c>
      <c r="B2627">
        <v>0.6</v>
      </c>
      <c r="C2627">
        <v>0.48</v>
      </c>
    </row>
    <row r="2628" spans="1:3" x14ac:dyDescent="0.25">
      <c r="A2628" t="s">
        <v>10</v>
      </c>
      <c r="B2628">
        <v>0.35</v>
      </c>
      <c r="C2628">
        <v>0.13</v>
      </c>
    </row>
    <row r="2629" spans="1:3" x14ac:dyDescent="0.25">
      <c r="A2629" t="s">
        <v>12</v>
      </c>
      <c r="B2629">
        <v>0.59</v>
      </c>
      <c r="C2629">
        <v>0.2</v>
      </c>
    </row>
    <row r="2630" spans="1:3" x14ac:dyDescent="0.25">
      <c r="A2630" t="s">
        <v>24</v>
      </c>
      <c r="B2630">
        <v>0.68</v>
      </c>
      <c r="C2630">
        <v>0.63</v>
      </c>
    </row>
    <row r="2631" spans="1:3" x14ac:dyDescent="0.25">
      <c r="A2631" t="s">
        <v>12</v>
      </c>
      <c r="B2631">
        <v>0.55000000000000004</v>
      </c>
      <c r="C2631">
        <v>0.33</v>
      </c>
    </row>
    <row r="2632" spans="1:3" x14ac:dyDescent="0.25">
      <c r="A2632" t="s">
        <v>24</v>
      </c>
      <c r="B2632">
        <v>0.2</v>
      </c>
      <c r="C2632">
        <v>0.62</v>
      </c>
    </row>
    <row r="2633" spans="1:3" x14ac:dyDescent="0.25">
      <c r="A2633" t="s">
        <v>10</v>
      </c>
      <c r="B2633">
        <v>0.55000000000000004</v>
      </c>
      <c r="C2633">
        <v>0.9</v>
      </c>
    </row>
    <row r="2634" spans="1:3" x14ac:dyDescent="0.25">
      <c r="A2634" t="s">
        <v>24</v>
      </c>
      <c r="B2634">
        <v>0.9</v>
      </c>
      <c r="C2634">
        <v>0.26</v>
      </c>
    </row>
    <row r="2635" spans="1:3" x14ac:dyDescent="0.25">
      <c r="A2635" t="s">
        <v>24</v>
      </c>
      <c r="B2635">
        <v>0.38</v>
      </c>
      <c r="C2635">
        <v>0.74</v>
      </c>
    </row>
    <row r="2636" spans="1:3" x14ac:dyDescent="0.25">
      <c r="A2636" t="s">
        <v>8</v>
      </c>
      <c r="B2636">
        <v>7.0000000000000007E-2</v>
      </c>
      <c r="C2636">
        <v>0.41</v>
      </c>
    </row>
    <row r="2637" spans="1:3" x14ac:dyDescent="0.25">
      <c r="A2637" t="s">
        <v>10</v>
      </c>
      <c r="B2637">
        <v>0.66</v>
      </c>
      <c r="C2637">
        <v>0.35</v>
      </c>
    </row>
    <row r="2638" spans="1:3" x14ac:dyDescent="0.25">
      <c r="A2638" t="s">
        <v>8</v>
      </c>
      <c r="B2638">
        <v>0.56000000000000005</v>
      </c>
      <c r="C2638">
        <v>0.71</v>
      </c>
    </row>
    <row r="2639" spans="1:3" x14ac:dyDescent="0.25">
      <c r="A2639" t="s">
        <v>10</v>
      </c>
      <c r="B2639">
        <v>0.39</v>
      </c>
      <c r="C2639">
        <v>0.5</v>
      </c>
    </row>
    <row r="2640" spans="1:3" x14ac:dyDescent="0.25">
      <c r="A2640" t="s">
        <v>12</v>
      </c>
      <c r="B2640">
        <v>0.9</v>
      </c>
      <c r="C2640">
        <v>0.56999999999999995</v>
      </c>
    </row>
    <row r="2641" spans="1:3" x14ac:dyDescent="0.25">
      <c r="A2641" t="s">
        <v>24</v>
      </c>
      <c r="B2641">
        <v>0.62</v>
      </c>
      <c r="C2641">
        <v>0.44</v>
      </c>
    </row>
    <row r="2642" spans="1:3" x14ac:dyDescent="0.25">
      <c r="A2642" t="s">
        <v>8</v>
      </c>
      <c r="B2642">
        <v>0.05</v>
      </c>
      <c r="C2642">
        <v>0.88</v>
      </c>
    </row>
    <row r="2643" spans="1:3" x14ac:dyDescent="0.25">
      <c r="A2643" t="s">
        <v>8</v>
      </c>
      <c r="B2643">
        <v>0.21</v>
      </c>
      <c r="C2643">
        <v>0.44</v>
      </c>
    </row>
    <row r="2644" spans="1:3" x14ac:dyDescent="0.25">
      <c r="A2644" t="s">
        <v>12</v>
      </c>
      <c r="B2644">
        <v>0.25</v>
      </c>
      <c r="C2644">
        <v>0.82</v>
      </c>
    </row>
    <row r="2645" spans="1:3" x14ac:dyDescent="0.25">
      <c r="A2645" t="s">
        <v>8</v>
      </c>
      <c r="B2645">
        <v>0.39</v>
      </c>
      <c r="C2645">
        <v>0.35</v>
      </c>
    </row>
    <row r="2646" spans="1:3" x14ac:dyDescent="0.25">
      <c r="A2646" t="s">
        <v>8</v>
      </c>
      <c r="B2646">
        <v>0.34</v>
      </c>
      <c r="C2646">
        <v>0.91</v>
      </c>
    </row>
    <row r="2647" spans="1:3" x14ac:dyDescent="0.25">
      <c r="A2647" t="s">
        <v>10</v>
      </c>
      <c r="B2647">
        <v>0.38</v>
      </c>
      <c r="C2647">
        <v>0.61</v>
      </c>
    </row>
    <row r="2648" spans="1:3" x14ac:dyDescent="0.25">
      <c r="A2648" t="s">
        <v>24</v>
      </c>
      <c r="B2648">
        <v>0.77</v>
      </c>
      <c r="C2648">
        <v>0.93</v>
      </c>
    </row>
    <row r="2649" spans="1:3" x14ac:dyDescent="0.25">
      <c r="A2649" t="s">
        <v>24</v>
      </c>
      <c r="B2649">
        <v>0.46</v>
      </c>
      <c r="C2649">
        <v>0.76</v>
      </c>
    </row>
    <row r="2650" spans="1:3" x14ac:dyDescent="0.25">
      <c r="A2650" t="s">
        <v>24</v>
      </c>
      <c r="B2650">
        <v>0.03</v>
      </c>
      <c r="C2650">
        <v>0.2</v>
      </c>
    </row>
    <row r="2651" spans="1:3" x14ac:dyDescent="0.25">
      <c r="A2651" t="s">
        <v>12</v>
      </c>
      <c r="B2651">
        <v>0.01</v>
      </c>
      <c r="C2651">
        <v>0.21</v>
      </c>
    </row>
    <row r="2652" spans="1:3" x14ac:dyDescent="0.25">
      <c r="A2652" t="s">
        <v>12</v>
      </c>
      <c r="B2652">
        <v>0.15</v>
      </c>
      <c r="C2652">
        <v>0.14000000000000001</v>
      </c>
    </row>
    <row r="2653" spans="1:3" x14ac:dyDescent="0.25">
      <c r="A2653" t="s">
        <v>24</v>
      </c>
      <c r="B2653">
        <v>0.76</v>
      </c>
      <c r="C2653">
        <v>0.9</v>
      </c>
    </row>
    <row r="2654" spans="1:3" x14ac:dyDescent="0.25">
      <c r="A2654" t="s">
        <v>8</v>
      </c>
      <c r="B2654">
        <v>0.55000000000000004</v>
      </c>
      <c r="C2654">
        <v>0.45</v>
      </c>
    </row>
    <row r="2655" spans="1:3" x14ac:dyDescent="0.25">
      <c r="A2655" t="s">
        <v>8</v>
      </c>
      <c r="B2655">
        <v>0.89</v>
      </c>
      <c r="C2655">
        <v>0.39</v>
      </c>
    </row>
    <row r="2656" spans="1:3" x14ac:dyDescent="0.25">
      <c r="A2656" t="s">
        <v>10</v>
      </c>
      <c r="B2656">
        <v>0.09</v>
      </c>
      <c r="C2656">
        <v>0.54</v>
      </c>
    </row>
    <row r="2657" spans="1:3" x14ac:dyDescent="0.25">
      <c r="A2657" t="s">
        <v>12</v>
      </c>
      <c r="B2657">
        <v>0.05</v>
      </c>
      <c r="C2657">
        <v>0.71</v>
      </c>
    </row>
    <row r="2658" spans="1:3" x14ac:dyDescent="0.25">
      <c r="A2658" t="s">
        <v>12</v>
      </c>
      <c r="B2658">
        <v>0.01</v>
      </c>
      <c r="C2658">
        <v>0.5</v>
      </c>
    </row>
    <row r="2659" spans="1:3" x14ac:dyDescent="0.25">
      <c r="A2659" t="s">
        <v>10</v>
      </c>
      <c r="B2659">
        <v>0.19</v>
      </c>
      <c r="C2659">
        <v>0.8</v>
      </c>
    </row>
    <row r="2660" spans="1:3" x14ac:dyDescent="0.25">
      <c r="A2660" t="s">
        <v>8</v>
      </c>
      <c r="B2660">
        <v>0.51</v>
      </c>
      <c r="C2660">
        <v>0.48</v>
      </c>
    </row>
    <row r="2661" spans="1:3" x14ac:dyDescent="0.25">
      <c r="A2661" t="s">
        <v>12</v>
      </c>
      <c r="B2661">
        <v>0.28000000000000003</v>
      </c>
      <c r="C2661">
        <v>0.5</v>
      </c>
    </row>
    <row r="2662" spans="1:3" x14ac:dyDescent="0.25">
      <c r="A2662" t="s">
        <v>8</v>
      </c>
      <c r="B2662">
        <v>0.8</v>
      </c>
      <c r="C2662">
        <v>0.84</v>
      </c>
    </row>
    <row r="2663" spans="1:3" x14ac:dyDescent="0.25">
      <c r="A2663" t="s">
        <v>24</v>
      </c>
      <c r="B2663">
        <v>0.55000000000000004</v>
      </c>
      <c r="C2663">
        <v>0.65</v>
      </c>
    </row>
    <row r="2664" spans="1:3" x14ac:dyDescent="0.25">
      <c r="A2664" t="s">
        <v>10</v>
      </c>
      <c r="B2664">
        <v>0.53</v>
      </c>
      <c r="C2664">
        <v>0.63</v>
      </c>
    </row>
    <row r="2665" spans="1:3" x14ac:dyDescent="0.25">
      <c r="A2665" t="s">
        <v>24</v>
      </c>
      <c r="B2665">
        <v>0.77</v>
      </c>
      <c r="C2665">
        <v>0.12</v>
      </c>
    </row>
    <row r="2666" spans="1:3" x14ac:dyDescent="0.25">
      <c r="A2666" t="s">
        <v>8</v>
      </c>
      <c r="B2666">
        <v>0.25</v>
      </c>
      <c r="C2666">
        <v>0.36</v>
      </c>
    </row>
    <row r="2667" spans="1:3" x14ac:dyDescent="0.25">
      <c r="A2667" t="s">
        <v>10</v>
      </c>
      <c r="B2667">
        <v>0.76</v>
      </c>
      <c r="C2667">
        <v>0.94</v>
      </c>
    </row>
    <row r="2668" spans="1:3" x14ac:dyDescent="0.25">
      <c r="A2668" t="s">
        <v>24</v>
      </c>
      <c r="B2668">
        <v>0.35</v>
      </c>
      <c r="C2668">
        <v>0.26</v>
      </c>
    </row>
    <row r="2669" spans="1:3" x14ac:dyDescent="0.25">
      <c r="A2669" t="s">
        <v>10</v>
      </c>
      <c r="B2669">
        <v>0.98</v>
      </c>
      <c r="C2669">
        <v>0.77</v>
      </c>
    </row>
    <row r="2670" spans="1:3" x14ac:dyDescent="0.25">
      <c r="A2670" t="s">
        <v>12</v>
      </c>
      <c r="B2670">
        <v>0.62</v>
      </c>
      <c r="C2670">
        <v>0.42</v>
      </c>
    </row>
    <row r="2671" spans="1:3" x14ac:dyDescent="0.25">
      <c r="A2671" t="s">
        <v>10</v>
      </c>
      <c r="B2671">
        <v>0.27</v>
      </c>
      <c r="C2671">
        <v>0.89</v>
      </c>
    </row>
    <row r="2672" spans="1:3" x14ac:dyDescent="0.25">
      <c r="A2672" t="s">
        <v>8</v>
      </c>
      <c r="B2672">
        <v>0.77</v>
      </c>
      <c r="C2672">
        <v>0.43</v>
      </c>
    </row>
    <row r="2673" spans="1:3" x14ac:dyDescent="0.25">
      <c r="A2673" t="s">
        <v>12</v>
      </c>
      <c r="B2673">
        <v>0.87</v>
      </c>
      <c r="C2673">
        <v>0.3</v>
      </c>
    </row>
    <row r="2674" spans="1:3" x14ac:dyDescent="0.25">
      <c r="A2674" t="s">
        <v>12</v>
      </c>
      <c r="B2674">
        <v>0.65</v>
      </c>
      <c r="C2674">
        <v>0.77</v>
      </c>
    </row>
    <row r="2675" spans="1:3" x14ac:dyDescent="0.25">
      <c r="A2675" t="s">
        <v>24</v>
      </c>
      <c r="B2675">
        <v>0.56000000000000005</v>
      </c>
      <c r="C2675">
        <v>0.88</v>
      </c>
    </row>
    <row r="2676" spans="1:3" x14ac:dyDescent="0.25">
      <c r="A2676" t="s">
        <v>10</v>
      </c>
      <c r="B2676">
        <v>0.57999999999999996</v>
      </c>
      <c r="C2676">
        <v>0.77</v>
      </c>
    </row>
    <row r="2677" spans="1:3" x14ac:dyDescent="0.25">
      <c r="A2677" t="s">
        <v>10</v>
      </c>
      <c r="B2677">
        <v>0.48</v>
      </c>
      <c r="C2677">
        <v>0.33</v>
      </c>
    </row>
    <row r="2678" spans="1:3" x14ac:dyDescent="0.25">
      <c r="A2678" t="s">
        <v>8</v>
      </c>
      <c r="B2678">
        <v>0.03</v>
      </c>
      <c r="C2678">
        <v>0.33</v>
      </c>
    </row>
    <row r="2679" spans="1:3" x14ac:dyDescent="0.25">
      <c r="A2679" t="s">
        <v>12</v>
      </c>
      <c r="B2679">
        <v>0.5</v>
      </c>
      <c r="C2679">
        <v>0.9</v>
      </c>
    </row>
    <row r="2680" spans="1:3" x14ac:dyDescent="0.25">
      <c r="A2680" t="s">
        <v>24</v>
      </c>
      <c r="B2680">
        <v>0.5</v>
      </c>
      <c r="C2680">
        <v>0.39</v>
      </c>
    </row>
    <row r="2681" spans="1:3" x14ac:dyDescent="0.25">
      <c r="A2681" t="s">
        <v>24</v>
      </c>
      <c r="B2681">
        <v>0.69</v>
      </c>
      <c r="C2681">
        <v>0.17</v>
      </c>
    </row>
    <row r="2682" spans="1:3" x14ac:dyDescent="0.25">
      <c r="A2682" t="s">
        <v>8</v>
      </c>
      <c r="B2682">
        <v>0.47</v>
      </c>
      <c r="C2682">
        <v>0.56000000000000005</v>
      </c>
    </row>
    <row r="2683" spans="1:3" x14ac:dyDescent="0.25">
      <c r="A2683" t="s">
        <v>24</v>
      </c>
      <c r="B2683">
        <v>0.43</v>
      </c>
      <c r="C2683">
        <v>0.77</v>
      </c>
    </row>
    <row r="2684" spans="1:3" x14ac:dyDescent="0.25">
      <c r="A2684" t="s">
        <v>10</v>
      </c>
      <c r="B2684">
        <v>0.46</v>
      </c>
      <c r="C2684">
        <v>0.16</v>
      </c>
    </row>
    <row r="2685" spans="1:3" x14ac:dyDescent="0.25">
      <c r="A2685" t="s">
        <v>10</v>
      </c>
      <c r="B2685">
        <v>0.01</v>
      </c>
      <c r="C2685">
        <v>0.46</v>
      </c>
    </row>
    <row r="2686" spans="1:3" x14ac:dyDescent="0.25">
      <c r="A2686" t="s">
        <v>8</v>
      </c>
      <c r="B2686">
        <v>0.26</v>
      </c>
      <c r="C2686">
        <v>0.44</v>
      </c>
    </row>
    <row r="2687" spans="1:3" x14ac:dyDescent="0.25">
      <c r="A2687" t="s">
        <v>8</v>
      </c>
      <c r="B2687">
        <v>0.5</v>
      </c>
      <c r="C2687">
        <v>0.35</v>
      </c>
    </row>
    <row r="2688" spans="1:3" x14ac:dyDescent="0.25">
      <c r="A2688" t="s">
        <v>24</v>
      </c>
      <c r="B2688">
        <v>0.96</v>
      </c>
      <c r="C2688">
        <v>0.23</v>
      </c>
    </row>
    <row r="2689" spans="1:3" x14ac:dyDescent="0.25">
      <c r="A2689" t="s">
        <v>10</v>
      </c>
      <c r="B2689">
        <v>0.61</v>
      </c>
      <c r="C2689">
        <v>0.71</v>
      </c>
    </row>
    <row r="2690" spans="1:3" x14ac:dyDescent="0.25">
      <c r="A2690" t="s">
        <v>10</v>
      </c>
      <c r="B2690">
        <v>0.91</v>
      </c>
      <c r="C2690">
        <v>0.91</v>
      </c>
    </row>
    <row r="2691" spans="1:3" x14ac:dyDescent="0.25">
      <c r="A2691" t="s">
        <v>12</v>
      </c>
      <c r="B2691">
        <v>0.19</v>
      </c>
      <c r="C2691">
        <v>0.18</v>
      </c>
    </row>
    <row r="2692" spans="1:3" x14ac:dyDescent="0.25">
      <c r="A2692" t="s">
        <v>8</v>
      </c>
      <c r="B2692">
        <v>0.14000000000000001</v>
      </c>
      <c r="C2692">
        <v>0.42</v>
      </c>
    </row>
    <row r="2693" spans="1:3" x14ac:dyDescent="0.25">
      <c r="A2693" t="s">
        <v>10</v>
      </c>
      <c r="B2693">
        <v>0.56999999999999995</v>
      </c>
      <c r="C2693">
        <v>0.09</v>
      </c>
    </row>
    <row r="2694" spans="1:3" x14ac:dyDescent="0.25">
      <c r="A2694" t="s">
        <v>10</v>
      </c>
      <c r="B2694">
        <v>0.64</v>
      </c>
      <c r="C2694">
        <v>0.8</v>
      </c>
    </row>
    <row r="2695" spans="1:3" x14ac:dyDescent="0.25">
      <c r="A2695" t="s">
        <v>12</v>
      </c>
      <c r="B2695">
        <v>0.23</v>
      </c>
      <c r="C2695">
        <v>0.72</v>
      </c>
    </row>
    <row r="2696" spans="1:3" x14ac:dyDescent="0.25">
      <c r="A2696" t="s">
        <v>8</v>
      </c>
      <c r="B2696">
        <v>0.13</v>
      </c>
      <c r="C2696">
        <v>0.52</v>
      </c>
    </row>
    <row r="2697" spans="1:3" x14ac:dyDescent="0.25">
      <c r="A2697" t="s">
        <v>12</v>
      </c>
      <c r="B2697">
        <v>0.15</v>
      </c>
      <c r="C2697">
        <v>0.4</v>
      </c>
    </row>
    <row r="2698" spans="1:3" x14ac:dyDescent="0.25">
      <c r="A2698" t="s">
        <v>24</v>
      </c>
      <c r="B2698">
        <v>0.44</v>
      </c>
      <c r="C2698">
        <v>0.61</v>
      </c>
    </row>
    <row r="2699" spans="1:3" x14ac:dyDescent="0.25">
      <c r="A2699" t="s">
        <v>10</v>
      </c>
      <c r="B2699">
        <v>0.95</v>
      </c>
      <c r="C2699">
        <v>0.49</v>
      </c>
    </row>
    <row r="2700" spans="1:3" x14ac:dyDescent="0.25">
      <c r="A2700" t="s">
        <v>12</v>
      </c>
      <c r="B2700">
        <v>0.64</v>
      </c>
      <c r="C2700">
        <v>0.59</v>
      </c>
    </row>
    <row r="2701" spans="1:3" x14ac:dyDescent="0.25">
      <c r="A2701" t="s">
        <v>8</v>
      </c>
      <c r="B2701">
        <v>0.78</v>
      </c>
      <c r="C2701">
        <v>0.82</v>
      </c>
    </row>
    <row r="2702" spans="1:3" x14ac:dyDescent="0.25">
      <c r="A2702" t="s">
        <v>24</v>
      </c>
      <c r="B2702">
        <v>0.43</v>
      </c>
      <c r="C2702">
        <v>0.85</v>
      </c>
    </row>
    <row r="2703" spans="1:3" x14ac:dyDescent="0.25">
      <c r="A2703" t="s">
        <v>10</v>
      </c>
      <c r="B2703">
        <v>0.51</v>
      </c>
      <c r="C2703">
        <v>0.86</v>
      </c>
    </row>
    <row r="2704" spans="1:3" x14ac:dyDescent="0.25">
      <c r="A2704" t="s">
        <v>24</v>
      </c>
      <c r="B2704">
        <v>0.04</v>
      </c>
      <c r="C2704">
        <v>0.92</v>
      </c>
    </row>
    <row r="2705" spans="1:3" x14ac:dyDescent="0.25">
      <c r="A2705" t="s">
        <v>10</v>
      </c>
      <c r="B2705">
        <v>0.42</v>
      </c>
      <c r="C2705">
        <v>0.59</v>
      </c>
    </row>
    <row r="2706" spans="1:3" x14ac:dyDescent="0.25">
      <c r="A2706" t="s">
        <v>10</v>
      </c>
      <c r="B2706">
        <v>0.1</v>
      </c>
      <c r="C2706">
        <v>0.42</v>
      </c>
    </row>
    <row r="2707" spans="1:3" x14ac:dyDescent="0.25">
      <c r="A2707" t="s">
        <v>8</v>
      </c>
      <c r="B2707">
        <v>0.71</v>
      </c>
      <c r="C2707">
        <v>0.92</v>
      </c>
    </row>
    <row r="2708" spans="1:3" x14ac:dyDescent="0.25">
      <c r="A2708" t="s">
        <v>8</v>
      </c>
      <c r="B2708">
        <v>0.45</v>
      </c>
      <c r="C2708">
        <v>0.19</v>
      </c>
    </row>
    <row r="2709" spans="1:3" x14ac:dyDescent="0.25">
      <c r="A2709" t="s">
        <v>24</v>
      </c>
      <c r="B2709">
        <v>0.09</v>
      </c>
      <c r="C2709">
        <v>0.12</v>
      </c>
    </row>
    <row r="2710" spans="1:3" x14ac:dyDescent="0.25">
      <c r="A2710" t="s">
        <v>12</v>
      </c>
      <c r="B2710">
        <v>7.0000000000000007E-2</v>
      </c>
      <c r="C2710">
        <v>0.81</v>
      </c>
    </row>
    <row r="2711" spans="1:3" x14ac:dyDescent="0.25">
      <c r="A2711" t="s">
        <v>24</v>
      </c>
      <c r="B2711">
        <v>0.45</v>
      </c>
      <c r="C2711">
        <v>0.44</v>
      </c>
    </row>
    <row r="2712" spans="1:3" x14ac:dyDescent="0.25">
      <c r="A2712" t="s">
        <v>10</v>
      </c>
      <c r="B2712">
        <v>0.73</v>
      </c>
      <c r="C2712">
        <v>0.34</v>
      </c>
    </row>
    <row r="2713" spans="1:3" x14ac:dyDescent="0.25">
      <c r="A2713" t="s">
        <v>24</v>
      </c>
      <c r="B2713">
        <v>0.87</v>
      </c>
      <c r="C2713">
        <v>0.84</v>
      </c>
    </row>
    <row r="2714" spans="1:3" x14ac:dyDescent="0.25">
      <c r="A2714" t="s">
        <v>10</v>
      </c>
      <c r="B2714">
        <v>0.75</v>
      </c>
      <c r="C2714">
        <v>0.56000000000000005</v>
      </c>
    </row>
    <row r="2715" spans="1:3" x14ac:dyDescent="0.25">
      <c r="A2715" t="s">
        <v>12</v>
      </c>
      <c r="B2715">
        <v>0.45</v>
      </c>
      <c r="C2715">
        <v>0.67</v>
      </c>
    </row>
    <row r="2716" spans="1:3" x14ac:dyDescent="0.25">
      <c r="A2716" t="s">
        <v>10</v>
      </c>
      <c r="B2716">
        <v>0.8</v>
      </c>
      <c r="C2716">
        <v>0.39</v>
      </c>
    </row>
    <row r="2717" spans="1:3" x14ac:dyDescent="0.25">
      <c r="A2717" t="s">
        <v>24</v>
      </c>
      <c r="B2717">
        <v>0.64</v>
      </c>
      <c r="C2717">
        <v>0.2</v>
      </c>
    </row>
    <row r="2718" spans="1:3" x14ac:dyDescent="0.25">
      <c r="A2718" t="s">
        <v>24</v>
      </c>
      <c r="B2718">
        <v>0.37</v>
      </c>
      <c r="C2718">
        <v>0.43</v>
      </c>
    </row>
    <row r="2719" spans="1:3" x14ac:dyDescent="0.25">
      <c r="A2719" t="s">
        <v>8</v>
      </c>
      <c r="B2719">
        <v>0.5</v>
      </c>
      <c r="C2719">
        <v>0.67</v>
      </c>
    </row>
    <row r="2720" spans="1:3" x14ac:dyDescent="0.25">
      <c r="A2720" t="s">
        <v>12</v>
      </c>
      <c r="B2720">
        <v>0.04</v>
      </c>
      <c r="C2720">
        <v>0.42</v>
      </c>
    </row>
    <row r="2721" spans="1:3" x14ac:dyDescent="0.25">
      <c r="A2721" t="s">
        <v>12</v>
      </c>
      <c r="B2721">
        <v>0.78</v>
      </c>
      <c r="C2721">
        <v>0.32</v>
      </c>
    </row>
    <row r="2722" spans="1:3" x14ac:dyDescent="0.25">
      <c r="A2722" t="s">
        <v>10</v>
      </c>
      <c r="B2722">
        <v>0.55000000000000004</v>
      </c>
      <c r="C2722">
        <v>0.63</v>
      </c>
    </row>
    <row r="2723" spans="1:3" x14ac:dyDescent="0.25">
      <c r="A2723" t="s">
        <v>24</v>
      </c>
      <c r="B2723">
        <v>0.48</v>
      </c>
      <c r="C2723">
        <v>0.53</v>
      </c>
    </row>
    <row r="2724" spans="1:3" x14ac:dyDescent="0.25">
      <c r="A2724" t="s">
        <v>10</v>
      </c>
      <c r="B2724">
        <v>0.52</v>
      </c>
      <c r="C2724">
        <v>0.89</v>
      </c>
    </row>
    <row r="2725" spans="1:3" x14ac:dyDescent="0.25">
      <c r="A2725" t="s">
        <v>8</v>
      </c>
      <c r="B2725">
        <v>0.87</v>
      </c>
      <c r="C2725">
        <v>0.42</v>
      </c>
    </row>
    <row r="2726" spans="1:3" x14ac:dyDescent="0.25">
      <c r="A2726" t="s">
        <v>24</v>
      </c>
      <c r="B2726">
        <v>0.42</v>
      </c>
      <c r="C2726">
        <v>0.72</v>
      </c>
    </row>
    <row r="2727" spans="1:3" x14ac:dyDescent="0.25">
      <c r="A2727" t="s">
        <v>8</v>
      </c>
      <c r="B2727">
        <v>0.18</v>
      </c>
      <c r="C2727">
        <v>0.23</v>
      </c>
    </row>
    <row r="2728" spans="1:3" x14ac:dyDescent="0.25">
      <c r="A2728" t="s">
        <v>12</v>
      </c>
      <c r="B2728">
        <v>0.82</v>
      </c>
      <c r="C2728">
        <v>0.69</v>
      </c>
    </row>
    <row r="2729" spans="1:3" x14ac:dyDescent="0.25">
      <c r="A2729" t="s">
        <v>8</v>
      </c>
      <c r="B2729">
        <v>0.25</v>
      </c>
      <c r="C2729">
        <v>0.2</v>
      </c>
    </row>
    <row r="2730" spans="1:3" x14ac:dyDescent="0.25">
      <c r="A2730" t="s">
        <v>10</v>
      </c>
      <c r="B2730">
        <v>0.45</v>
      </c>
      <c r="C2730">
        <v>0.46</v>
      </c>
    </row>
    <row r="2731" spans="1:3" x14ac:dyDescent="0.25">
      <c r="A2731" t="s">
        <v>12</v>
      </c>
      <c r="B2731">
        <v>0.43</v>
      </c>
      <c r="C2731">
        <v>0.65</v>
      </c>
    </row>
    <row r="2732" spans="1:3" x14ac:dyDescent="0.25">
      <c r="A2732" t="s">
        <v>12</v>
      </c>
      <c r="B2732">
        <v>0.65</v>
      </c>
      <c r="C2732">
        <v>0.57999999999999996</v>
      </c>
    </row>
    <row r="2733" spans="1:3" x14ac:dyDescent="0.25">
      <c r="A2733" t="s">
        <v>10</v>
      </c>
      <c r="B2733">
        <v>0.42</v>
      </c>
      <c r="C2733">
        <v>0.09</v>
      </c>
    </row>
    <row r="2734" spans="1:3" x14ac:dyDescent="0.25">
      <c r="A2734" t="s">
        <v>10</v>
      </c>
      <c r="B2734">
        <v>0.4</v>
      </c>
      <c r="C2734">
        <v>0.85</v>
      </c>
    </row>
    <row r="2735" spans="1:3" x14ac:dyDescent="0.25">
      <c r="A2735" t="s">
        <v>10</v>
      </c>
      <c r="B2735">
        <v>0.92</v>
      </c>
      <c r="C2735">
        <v>0.38</v>
      </c>
    </row>
    <row r="2736" spans="1:3" x14ac:dyDescent="0.25">
      <c r="A2736" t="s">
        <v>10</v>
      </c>
      <c r="B2736">
        <v>0.67</v>
      </c>
      <c r="C2736">
        <v>0.77</v>
      </c>
    </row>
    <row r="2737" spans="1:3" x14ac:dyDescent="0.25">
      <c r="A2737" t="s">
        <v>10</v>
      </c>
      <c r="B2737">
        <v>0.66</v>
      </c>
      <c r="C2737">
        <v>0.68</v>
      </c>
    </row>
    <row r="2738" spans="1:3" x14ac:dyDescent="0.25">
      <c r="A2738" t="s">
        <v>8</v>
      </c>
      <c r="B2738">
        <v>0.31</v>
      </c>
      <c r="C2738">
        <v>0.52</v>
      </c>
    </row>
    <row r="2739" spans="1:3" x14ac:dyDescent="0.25">
      <c r="A2739" t="s">
        <v>12</v>
      </c>
      <c r="B2739">
        <v>0.82</v>
      </c>
      <c r="C2739">
        <v>0.72</v>
      </c>
    </row>
    <row r="2740" spans="1:3" x14ac:dyDescent="0.25">
      <c r="A2740" t="s">
        <v>12</v>
      </c>
      <c r="B2740">
        <v>0.11</v>
      </c>
      <c r="C2740">
        <v>0.89</v>
      </c>
    </row>
    <row r="2741" spans="1:3" x14ac:dyDescent="0.25">
      <c r="A2741" t="s">
        <v>24</v>
      </c>
      <c r="B2741">
        <v>0.37</v>
      </c>
      <c r="C2741">
        <v>0.44</v>
      </c>
    </row>
    <row r="2742" spans="1:3" x14ac:dyDescent="0.25">
      <c r="A2742" t="s">
        <v>8</v>
      </c>
      <c r="B2742">
        <v>0.3</v>
      </c>
      <c r="C2742">
        <v>0.93</v>
      </c>
    </row>
    <row r="2743" spans="1:3" x14ac:dyDescent="0.25">
      <c r="A2743" t="s">
        <v>24</v>
      </c>
      <c r="B2743">
        <v>0.19</v>
      </c>
      <c r="C2743">
        <v>0.38</v>
      </c>
    </row>
    <row r="2744" spans="1:3" x14ac:dyDescent="0.25">
      <c r="A2744" t="s">
        <v>12</v>
      </c>
      <c r="B2744">
        <v>0.74</v>
      </c>
      <c r="C2744">
        <v>0.63</v>
      </c>
    </row>
    <row r="2745" spans="1:3" x14ac:dyDescent="0.25">
      <c r="A2745" t="s">
        <v>24</v>
      </c>
      <c r="B2745">
        <v>0.92</v>
      </c>
      <c r="C2745">
        <v>0.4</v>
      </c>
    </row>
    <row r="2746" spans="1:3" x14ac:dyDescent="0.25">
      <c r="A2746" t="s">
        <v>12</v>
      </c>
      <c r="B2746">
        <v>0.81</v>
      </c>
      <c r="C2746">
        <v>0.05</v>
      </c>
    </row>
    <row r="2747" spans="1:3" x14ac:dyDescent="0.25">
      <c r="A2747" t="s">
        <v>8</v>
      </c>
      <c r="B2747">
        <v>0.51</v>
      </c>
      <c r="C2747">
        <v>0.87</v>
      </c>
    </row>
    <row r="2748" spans="1:3" x14ac:dyDescent="0.25">
      <c r="A2748" t="s">
        <v>24</v>
      </c>
      <c r="B2748">
        <v>0.49</v>
      </c>
      <c r="C2748">
        <v>0.51</v>
      </c>
    </row>
    <row r="2749" spans="1:3" x14ac:dyDescent="0.25">
      <c r="A2749" t="s">
        <v>12</v>
      </c>
      <c r="B2749">
        <v>0.6</v>
      </c>
      <c r="C2749">
        <v>0.53</v>
      </c>
    </row>
    <row r="2750" spans="1:3" x14ac:dyDescent="0.25">
      <c r="A2750" t="s">
        <v>24</v>
      </c>
      <c r="B2750">
        <v>0.48</v>
      </c>
      <c r="C2750">
        <v>0.34</v>
      </c>
    </row>
    <row r="2751" spans="1:3" x14ac:dyDescent="0.25">
      <c r="A2751" t="s">
        <v>8</v>
      </c>
      <c r="B2751">
        <v>0.64</v>
      </c>
      <c r="C2751">
        <v>0.82</v>
      </c>
    </row>
    <row r="2752" spans="1:3" x14ac:dyDescent="0.25">
      <c r="A2752" t="s">
        <v>24</v>
      </c>
      <c r="B2752">
        <v>0.93</v>
      </c>
      <c r="C2752">
        <v>0.48</v>
      </c>
    </row>
    <row r="2753" spans="1:3" x14ac:dyDescent="0.25">
      <c r="A2753" t="s">
        <v>24</v>
      </c>
      <c r="B2753">
        <v>0.05</v>
      </c>
      <c r="C2753">
        <v>0.86</v>
      </c>
    </row>
    <row r="2754" spans="1:3" x14ac:dyDescent="0.25">
      <c r="A2754" t="s">
        <v>12</v>
      </c>
      <c r="B2754">
        <v>0.92</v>
      </c>
      <c r="C2754">
        <v>0.71</v>
      </c>
    </row>
    <row r="2755" spans="1:3" x14ac:dyDescent="0.25">
      <c r="A2755" t="s">
        <v>10</v>
      </c>
      <c r="B2755">
        <v>0.8</v>
      </c>
      <c r="C2755">
        <v>0.57999999999999996</v>
      </c>
    </row>
    <row r="2756" spans="1:3" x14ac:dyDescent="0.25">
      <c r="A2756" t="s">
        <v>24</v>
      </c>
      <c r="B2756">
        <v>0.72</v>
      </c>
      <c r="C2756">
        <v>0.33</v>
      </c>
    </row>
    <row r="2757" spans="1:3" x14ac:dyDescent="0.25">
      <c r="A2757" t="s">
        <v>8</v>
      </c>
      <c r="B2757">
        <v>0.32</v>
      </c>
      <c r="C2757">
        <v>0.36</v>
      </c>
    </row>
    <row r="2758" spans="1:3" x14ac:dyDescent="0.25">
      <c r="A2758" t="s">
        <v>10</v>
      </c>
      <c r="B2758">
        <v>0.25</v>
      </c>
      <c r="C2758">
        <v>0.64</v>
      </c>
    </row>
    <row r="2759" spans="1:3" x14ac:dyDescent="0.25">
      <c r="A2759" t="s">
        <v>8</v>
      </c>
      <c r="B2759">
        <v>0.54</v>
      </c>
      <c r="C2759">
        <v>0.21</v>
      </c>
    </row>
    <row r="2760" spans="1:3" x14ac:dyDescent="0.25">
      <c r="A2760" t="s">
        <v>8</v>
      </c>
      <c r="B2760">
        <v>0.59</v>
      </c>
      <c r="C2760">
        <v>0.51</v>
      </c>
    </row>
    <row r="2761" spans="1:3" x14ac:dyDescent="0.25">
      <c r="A2761" t="s">
        <v>24</v>
      </c>
      <c r="B2761">
        <v>0.49</v>
      </c>
      <c r="C2761">
        <v>0.44</v>
      </c>
    </row>
    <row r="2762" spans="1:3" x14ac:dyDescent="0.25">
      <c r="A2762" t="s">
        <v>12</v>
      </c>
      <c r="B2762">
        <v>0.63</v>
      </c>
      <c r="C2762">
        <v>0.21</v>
      </c>
    </row>
    <row r="2763" spans="1:3" x14ac:dyDescent="0.25">
      <c r="A2763" t="s">
        <v>8</v>
      </c>
      <c r="B2763">
        <v>0.6</v>
      </c>
      <c r="C2763">
        <v>0.32</v>
      </c>
    </row>
    <row r="2764" spans="1:3" x14ac:dyDescent="0.25">
      <c r="A2764" t="s">
        <v>8</v>
      </c>
      <c r="B2764">
        <v>0.34</v>
      </c>
      <c r="C2764">
        <v>0.94</v>
      </c>
    </row>
    <row r="2765" spans="1:3" x14ac:dyDescent="0.25">
      <c r="A2765" t="s">
        <v>8</v>
      </c>
      <c r="B2765">
        <v>0.95</v>
      </c>
      <c r="C2765">
        <v>0.64</v>
      </c>
    </row>
    <row r="2766" spans="1:3" x14ac:dyDescent="0.25">
      <c r="A2766" t="s">
        <v>8</v>
      </c>
      <c r="B2766">
        <v>0.28000000000000003</v>
      </c>
      <c r="C2766">
        <v>0.64</v>
      </c>
    </row>
    <row r="2767" spans="1:3" x14ac:dyDescent="0.25">
      <c r="A2767" t="s">
        <v>10</v>
      </c>
      <c r="B2767">
        <v>0.08</v>
      </c>
      <c r="C2767">
        <v>0.59</v>
      </c>
    </row>
    <row r="2768" spans="1:3" x14ac:dyDescent="0.25">
      <c r="A2768" t="s">
        <v>12</v>
      </c>
      <c r="B2768">
        <v>0.28000000000000003</v>
      </c>
      <c r="C2768">
        <v>0.76</v>
      </c>
    </row>
    <row r="2769" spans="1:3" x14ac:dyDescent="0.25">
      <c r="A2769" t="s">
        <v>10</v>
      </c>
      <c r="B2769">
        <v>0.95</v>
      </c>
      <c r="C2769">
        <v>0.35</v>
      </c>
    </row>
    <row r="2770" spans="1:3" x14ac:dyDescent="0.25">
      <c r="A2770" t="s">
        <v>12</v>
      </c>
      <c r="B2770">
        <v>0.28999999999999998</v>
      </c>
      <c r="C2770">
        <v>0.06</v>
      </c>
    </row>
    <row r="2771" spans="1:3" x14ac:dyDescent="0.25">
      <c r="A2771" t="s">
        <v>8</v>
      </c>
      <c r="B2771">
        <v>0.76</v>
      </c>
      <c r="C2771">
        <v>0.44</v>
      </c>
    </row>
    <row r="2772" spans="1:3" x14ac:dyDescent="0.25">
      <c r="A2772" t="s">
        <v>10</v>
      </c>
      <c r="B2772">
        <v>0.62</v>
      </c>
      <c r="C2772">
        <v>0.56999999999999995</v>
      </c>
    </row>
    <row r="2773" spans="1:3" x14ac:dyDescent="0.25">
      <c r="A2773" t="s">
        <v>10</v>
      </c>
      <c r="B2773">
        <v>0.01</v>
      </c>
      <c r="C2773">
        <v>0.5</v>
      </c>
    </row>
    <row r="2774" spans="1:3" x14ac:dyDescent="0.25">
      <c r="A2774" t="s">
        <v>12</v>
      </c>
      <c r="B2774">
        <v>0.13</v>
      </c>
      <c r="C2774">
        <v>0.71</v>
      </c>
    </row>
    <row r="2775" spans="1:3" x14ac:dyDescent="0.25">
      <c r="A2775" t="s">
        <v>8</v>
      </c>
      <c r="B2775">
        <v>0.14000000000000001</v>
      </c>
      <c r="C2775">
        <v>0.63</v>
      </c>
    </row>
    <row r="2776" spans="1:3" x14ac:dyDescent="0.25">
      <c r="A2776" t="s">
        <v>12</v>
      </c>
      <c r="B2776">
        <v>0.91</v>
      </c>
      <c r="C2776">
        <v>0.48</v>
      </c>
    </row>
    <row r="2777" spans="1:3" x14ac:dyDescent="0.25">
      <c r="A2777" t="s">
        <v>12</v>
      </c>
      <c r="B2777">
        <v>0.16</v>
      </c>
      <c r="C2777">
        <v>0.2</v>
      </c>
    </row>
    <row r="2778" spans="1:3" x14ac:dyDescent="0.25">
      <c r="A2778" t="s">
        <v>24</v>
      </c>
      <c r="B2778">
        <v>0.25</v>
      </c>
      <c r="C2778">
        <v>0.49</v>
      </c>
    </row>
    <row r="2779" spans="1:3" x14ac:dyDescent="0.25">
      <c r="A2779" t="s">
        <v>12</v>
      </c>
      <c r="B2779">
        <v>0.99</v>
      </c>
      <c r="C2779">
        <v>0.67</v>
      </c>
    </row>
    <row r="2780" spans="1:3" x14ac:dyDescent="0.25">
      <c r="A2780" t="s">
        <v>10</v>
      </c>
      <c r="B2780">
        <v>0.87</v>
      </c>
      <c r="C2780">
        <v>0.28999999999999998</v>
      </c>
    </row>
    <row r="2781" spans="1:3" x14ac:dyDescent="0.25">
      <c r="A2781" t="s">
        <v>12</v>
      </c>
      <c r="B2781">
        <v>0.28000000000000003</v>
      </c>
      <c r="C2781">
        <v>0.48</v>
      </c>
    </row>
    <row r="2782" spans="1:3" x14ac:dyDescent="0.25">
      <c r="A2782" t="s">
        <v>8</v>
      </c>
      <c r="B2782">
        <v>0.21</v>
      </c>
      <c r="C2782">
        <v>0.76</v>
      </c>
    </row>
    <row r="2783" spans="1:3" x14ac:dyDescent="0.25">
      <c r="A2783" t="s">
        <v>8</v>
      </c>
      <c r="B2783">
        <v>0.87</v>
      </c>
      <c r="C2783">
        <v>0.52</v>
      </c>
    </row>
    <row r="2784" spans="1:3" x14ac:dyDescent="0.25">
      <c r="A2784" t="s">
        <v>24</v>
      </c>
      <c r="B2784">
        <v>0.06</v>
      </c>
      <c r="C2784">
        <v>0.2</v>
      </c>
    </row>
    <row r="2785" spans="1:3" x14ac:dyDescent="0.25">
      <c r="A2785" t="s">
        <v>24</v>
      </c>
      <c r="B2785">
        <v>0.32</v>
      </c>
      <c r="C2785">
        <v>0.94</v>
      </c>
    </row>
    <row r="2786" spans="1:3" x14ac:dyDescent="0.25">
      <c r="A2786" t="s">
        <v>12</v>
      </c>
      <c r="B2786">
        <v>0.44</v>
      </c>
      <c r="C2786">
        <v>0.43</v>
      </c>
    </row>
    <row r="2787" spans="1:3" x14ac:dyDescent="0.25">
      <c r="A2787" t="s">
        <v>8</v>
      </c>
      <c r="B2787">
        <v>0.39</v>
      </c>
      <c r="C2787">
        <v>0.51</v>
      </c>
    </row>
    <row r="2788" spans="1:3" x14ac:dyDescent="0.25">
      <c r="A2788" t="s">
        <v>8</v>
      </c>
      <c r="B2788">
        <v>0.2</v>
      </c>
      <c r="C2788">
        <v>0.76</v>
      </c>
    </row>
    <row r="2789" spans="1:3" x14ac:dyDescent="0.25">
      <c r="A2789" t="s">
        <v>24</v>
      </c>
      <c r="B2789">
        <v>0.18</v>
      </c>
      <c r="C2789">
        <v>0.57999999999999996</v>
      </c>
    </row>
    <row r="2790" spans="1:3" x14ac:dyDescent="0.25">
      <c r="A2790" t="s">
        <v>8</v>
      </c>
      <c r="B2790">
        <v>0.48</v>
      </c>
      <c r="C2790">
        <v>0.6</v>
      </c>
    </row>
    <row r="2791" spans="1:3" x14ac:dyDescent="0.25">
      <c r="A2791" t="s">
        <v>12</v>
      </c>
      <c r="B2791">
        <v>0.87</v>
      </c>
      <c r="C2791">
        <v>0.5</v>
      </c>
    </row>
    <row r="2792" spans="1:3" x14ac:dyDescent="0.25">
      <c r="A2792" t="s">
        <v>12</v>
      </c>
      <c r="B2792">
        <v>0.47</v>
      </c>
      <c r="C2792">
        <v>0.41</v>
      </c>
    </row>
    <row r="2793" spans="1:3" x14ac:dyDescent="0.25">
      <c r="A2793" t="s">
        <v>24</v>
      </c>
      <c r="B2793">
        <v>0.79</v>
      </c>
      <c r="C2793">
        <v>0.41</v>
      </c>
    </row>
    <row r="2794" spans="1:3" x14ac:dyDescent="0.25">
      <c r="A2794" t="s">
        <v>8</v>
      </c>
      <c r="B2794">
        <v>0.74</v>
      </c>
      <c r="C2794">
        <v>0.67</v>
      </c>
    </row>
    <row r="2795" spans="1:3" x14ac:dyDescent="0.25">
      <c r="A2795" t="s">
        <v>10</v>
      </c>
      <c r="B2795">
        <v>0.41</v>
      </c>
      <c r="C2795">
        <v>0.45</v>
      </c>
    </row>
    <row r="2796" spans="1:3" x14ac:dyDescent="0.25">
      <c r="A2796" t="s">
        <v>24</v>
      </c>
      <c r="B2796">
        <v>0.54</v>
      </c>
      <c r="C2796">
        <v>0.51</v>
      </c>
    </row>
    <row r="2797" spans="1:3" x14ac:dyDescent="0.25">
      <c r="A2797" t="s">
        <v>8</v>
      </c>
      <c r="B2797">
        <v>0.99</v>
      </c>
      <c r="C2797">
        <v>0.69</v>
      </c>
    </row>
    <row r="2798" spans="1:3" x14ac:dyDescent="0.25">
      <c r="A2798" t="s">
        <v>24</v>
      </c>
      <c r="B2798">
        <v>0.67</v>
      </c>
      <c r="C2798">
        <v>0.79</v>
      </c>
    </row>
    <row r="2799" spans="1:3" x14ac:dyDescent="0.25">
      <c r="A2799" t="s">
        <v>10</v>
      </c>
      <c r="B2799">
        <v>0.64</v>
      </c>
      <c r="C2799">
        <v>0.6</v>
      </c>
    </row>
    <row r="2800" spans="1:3" x14ac:dyDescent="0.25">
      <c r="A2800" t="s">
        <v>12</v>
      </c>
      <c r="B2800">
        <v>0.82</v>
      </c>
      <c r="C2800">
        <v>0.8</v>
      </c>
    </row>
    <row r="2801" spans="1:3" x14ac:dyDescent="0.25">
      <c r="A2801" t="s">
        <v>12</v>
      </c>
      <c r="B2801">
        <v>0.56999999999999995</v>
      </c>
      <c r="C2801">
        <v>0.13</v>
      </c>
    </row>
    <row r="2802" spans="1:3" x14ac:dyDescent="0.25">
      <c r="A2802" t="s">
        <v>24</v>
      </c>
      <c r="B2802">
        <v>0.65</v>
      </c>
      <c r="C2802">
        <v>0.56999999999999995</v>
      </c>
    </row>
    <row r="2803" spans="1:3" x14ac:dyDescent="0.25">
      <c r="A2803" t="s">
        <v>24</v>
      </c>
      <c r="B2803">
        <v>0.21</v>
      </c>
      <c r="C2803">
        <v>0.28999999999999998</v>
      </c>
    </row>
    <row r="2804" spans="1:3" x14ac:dyDescent="0.25">
      <c r="A2804" t="s">
        <v>10</v>
      </c>
      <c r="B2804">
        <v>0.37</v>
      </c>
      <c r="C2804">
        <v>0.65</v>
      </c>
    </row>
    <row r="2805" spans="1:3" x14ac:dyDescent="0.25">
      <c r="A2805" t="s">
        <v>10</v>
      </c>
      <c r="B2805">
        <v>0.49</v>
      </c>
      <c r="C2805">
        <v>0.51</v>
      </c>
    </row>
    <row r="2806" spans="1:3" x14ac:dyDescent="0.25">
      <c r="A2806" t="s">
        <v>24</v>
      </c>
      <c r="B2806">
        <v>0.45</v>
      </c>
      <c r="C2806">
        <v>0.35</v>
      </c>
    </row>
    <row r="2807" spans="1:3" x14ac:dyDescent="0.25">
      <c r="A2807" t="s">
        <v>12</v>
      </c>
      <c r="B2807">
        <v>0.4</v>
      </c>
      <c r="C2807">
        <v>0.57999999999999996</v>
      </c>
    </row>
    <row r="2808" spans="1:3" x14ac:dyDescent="0.25">
      <c r="A2808" t="s">
        <v>24</v>
      </c>
      <c r="B2808">
        <v>0.02</v>
      </c>
      <c r="C2808">
        <v>0.54</v>
      </c>
    </row>
    <row r="2809" spans="1:3" x14ac:dyDescent="0.25">
      <c r="A2809" t="s">
        <v>10</v>
      </c>
      <c r="B2809">
        <v>0.75</v>
      </c>
      <c r="C2809">
        <v>0.14000000000000001</v>
      </c>
    </row>
    <row r="2810" spans="1:3" x14ac:dyDescent="0.25">
      <c r="A2810" t="s">
        <v>24</v>
      </c>
      <c r="B2810">
        <v>0.11</v>
      </c>
      <c r="C2810">
        <v>0.64</v>
      </c>
    </row>
    <row r="2811" spans="1:3" x14ac:dyDescent="0.25">
      <c r="A2811" t="s">
        <v>24</v>
      </c>
      <c r="B2811">
        <v>0.06</v>
      </c>
      <c r="C2811">
        <v>0.38</v>
      </c>
    </row>
    <row r="2812" spans="1:3" x14ac:dyDescent="0.25">
      <c r="A2812" t="s">
        <v>12</v>
      </c>
      <c r="B2812">
        <v>0.38</v>
      </c>
      <c r="C2812">
        <v>0.88</v>
      </c>
    </row>
    <row r="2813" spans="1:3" x14ac:dyDescent="0.25">
      <c r="A2813" t="s">
        <v>8</v>
      </c>
      <c r="B2813">
        <v>0.65</v>
      </c>
      <c r="C2813">
        <v>0.63</v>
      </c>
    </row>
    <row r="2814" spans="1:3" x14ac:dyDescent="0.25">
      <c r="A2814" t="s">
        <v>12</v>
      </c>
      <c r="B2814">
        <v>0.87</v>
      </c>
      <c r="C2814">
        <v>0.88</v>
      </c>
    </row>
    <row r="2815" spans="1:3" x14ac:dyDescent="0.25">
      <c r="A2815" t="s">
        <v>24</v>
      </c>
      <c r="B2815">
        <v>0.89</v>
      </c>
      <c r="C2815">
        <v>0.45</v>
      </c>
    </row>
    <row r="2816" spans="1:3" x14ac:dyDescent="0.25">
      <c r="A2816" t="s">
        <v>10</v>
      </c>
      <c r="B2816">
        <v>0.19</v>
      </c>
      <c r="C2816">
        <v>0.6</v>
      </c>
    </row>
    <row r="2817" spans="1:3" x14ac:dyDescent="0.25">
      <c r="A2817" t="s">
        <v>10</v>
      </c>
      <c r="B2817">
        <v>0.24</v>
      </c>
      <c r="C2817">
        <v>0.71</v>
      </c>
    </row>
    <row r="2818" spans="1:3" x14ac:dyDescent="0.25">
      <c r="A2818" t="s">
        <v>8</v>
      </c>
      <c r="B2818">
        <v>0.03</v>
      </c>
      <c r="C2818">
        <v>0.44</v>
      </c>
    </row>
    <row r="2819" spans="1:3" x14ac:dyDescent="0.25">
      <c r="A2819" t="s">
        <v>24</v>
      </c>
      <c r="B2819">
        <v>0.18</v>
      </c>
      <c r="C2819">
        <v>0.38</v>
      </c>
    </row>
    <row r="2820" spans="1:3" x14ac:dyDescent="0.25">
      <c r="A2820" t="s">
        <v>8</v>
      </c>
      <c r="B2820">
        <v>0.19</v>
      </c>
      <c r="C2820">
        <v>0.1</v>
      </c>
    </row>
    <row r="2821" spans="1:3" x14ac:dyDescent="0.25">
      <c r="A2821" t="s">
        <v>10</v>
      </c>
      <c r="B2821">
        <v>0.89</v>
      </c>
      <c r="C2821">
        <v>0.17</v>
      </c>
    </row>
    <row r="2822" spans="1:3" x14ac:dyDescent="0.25">
      <c r="A2822" t="s">
        <v>24</v>
      </c>
      <c r="B2822">
        <v>0.12</v>
      </c>
      <c r="C2822">
        <v>0.57999999999999996</v>
      </c>
    </row>
    <row r="2823" spans="1:3" x14ac:dyDescent="0.25">
      <c r="A2823" t="s">
        <v>10</v>
      </c>
      <c r="B2823">
        <v>0.33</v>
      </c>
      <c r="C2823">
        <v>0.66</v>
      </c>
    </row>
    <row r="2824" spans="1:3" x14ac:dyDescent="0.25">
      <c r="A2824" t="s">
        <v>10</v>
      </c>
      <c r="B2824">
        <v>0.97</v>
      </c>
      <c r="C2824">
        <v>0.1</v>
      </c>
    </row>
    <row r="2825" spans="1:3" x14ac:dyDescent="0.25">
      <c r="A2825" t="s">
        <v>8</v>
      </c>
      <c r="B2825">
        <v>0.85</v>
      </c>
      <c r="C2825">
        <v>0.06</v>
      </c>
    </row>
    <row r="2826" spans="1:3" x14ac:dyDescent="0.25">
      <c r="A2826" t="s">
        <v>12</v>
      </c>
      <c r="B2826">
        <v>0.56999999999999995</v>
      </c>
      <c r="C2826">
        <v>0.76</v>
      </c>
    </row>
    <row r="2827" spans="1:3" x14ac:dyDescent="0.25">
      <c r="A2827" t="s">
        <v>10</v>
      </c>
      <c r="B2827">
        <v>0.7</v>
      </c>
      <c r="C2827">
        <v>0.21</v>
      </c>
    </row>
    <row r="2828" spans="1:3" x14ac:dyDescent="0.25">
      <c r="A2828" t="s">
        <v>8</v>
      </c>
      <c r="B2828">
        <v>0.35</v>
      </c>
      <c r="C2828">
        <v>0.12</v>
      </c>
    </row>
    <row r="2829" spans="1:3" x14ac:dyDescent="0.25">
      <c r="A2829" t="s">
        <v>8</v>
      </c>
      <c r="B2829">
        <v>0.2</v>
      </c>
      <c r="C2829">
        <v>0.57999999999999996</v>
      </c>
    </row>
    <row r="2830" spans="1:3" x14ac:dyDescent="0.25">
      <c r="A2830" t="s">
        <v>12</v>
      </c>
      <c r="B2830">
        <v>0.48</v>
      </c>
      <c r="C2830">
        <v>0.69</v>
      </c>
    </row>
    <row r="2831" spans="1:3" x14ac:dyDescent="0.25">
      <c r="A2831" t="s">
        <v>12</v>
      </c>
      <c r="B2831">
        <v>0.49</v>
      </c>
      <c r="C2831">
        <v>0.66</v>
      </c>
    </row>
    <row r="2832" spans="1:3" x14ac:dyDescent="0.25">
      <c r="A2832" t="s">
        <v>12</v>
      </c>
      <c r="B2832">
        <v>0.06</v>
      </c>
      <c r="C2832">
        <v>0.92</v>
      </c>
    </row>
    <row r="2833" spans="1:3" x14ac:dyDescent="0.25">
      <c r="A2833" t="s">
        <v>10</v>
      </c>
      <c r="B2833">
        <v>0.46</v>
      </c>
      <c r="C2833">
        <v>0.77</v>
      </c>
    </row>
    <row r="2834" spans="1:3" x14ac:dyDescent="0.25">
      <c r="A2834" t="s">
        <v>24</v>
      </c>
      <c r="B2834">
        <v>0.15</v>
      </c>
      <c r="C2834">
        <v>0.81</v>
      </c>
    </row>
    <row r="2835" spans="1:3" x14ac:dyDescent="0.25">
      <c r="A2835" t="s">
        <v>12</v>
      </c>
      <c r="B2835">
        <v>0.93</v>
      </c>
      <c r="C2835">
        <v>0.57999999999999996</v>
      </c>
    </row>
    <row r="2836" spans="1:3" x14ac:dyDescent="0.25">
      <c r="A2836" t="s">
        <v>8</v>
      </c>
      <c r="B2836">
        <v>0.77</v>
      </c>
      <c r="C2836">
        <v>0.59</v>
      </c>
    </row>
    <row r="2837" spans="1:3" x14ac:dyDescent="0.25">
      <c r="A2837" t="s">
        <v>8</v>
      </c>
      <c r="B2837">
        <v>0.51</v>
      </c>
      <c r="C2837">
        <v>0.31</v>
      </c>
    </row>
    <row r="2838" spans="1:3" x14ac:dyDescent="0.25">
      <c r="A2838" t="s">
        <v>8</v>
      </c>
      <c r="B2838">
        <v>0.62</v>
      </c>
      <c r="C2838">
        <v>0.05</v>
      </c>
    </row>
    <row r="2839" spans="1:3" x14ac:dyDescent="0.25">
      <c r="A2839" t="s">
        <v>8</v>
      </c>
      <c r="B2839">
        <v>0.49</v>
      </c>
      <c r="C2839">
        <v>0.74</v>
      </c>
    </row>
    <row r="2840" spans="1:3" x14ac:dyDescent="0.25">
      <c r="A2840" t="s">
        <v>10</v>
      </c>
      <c r="B2840">
        <v>0.55000000000000004</v>
      </c>
      <c r="C2840">
        <v>0.89</v>
      </c>
    </row>
    <row r="2841" spans="1:3" x14ac:dyDescent="0.25">
      <c r="A2841" t="s">
        <v>8</v>
      </c>
      <c r="B2841">
        <v>0.54</v>
      </c>
      <c r="C2841">
        <v>0.39</v>
      </c>
    </row>
    <row r="2842" spans="1:3" x14ac:dyDescent="0.25">
      <c r="A2842" t="s">
        <v>10</v>
      </c>
      <c r="B2842">
        <v>0.59</v>
      </c>
      <c r="C2842">
        <v>0.5</v>
      </c>
    </row>
    <row r="2843" spans="1:3" x14ac:dyDescent="0.25">
      <c r="A2843" t="s">
        <v>12</v>
      </c>
      <c r="B2843">
        <v>0.53</v>
      </c>
      <c r="C2843">
        <v>0.17</v>
      </c>
    </row>
    <row r="2844" spans="1:3" x14ac:dyDescent="0.25">
      <c r="A2844" t="s">
        <v>12</v>
      </c>
      <c r="B2844">
        <v>0.61</v>
      </c>
      <c r="C2844">
        <v>0.5</v>
      </c>
    </row>
    <row r="2845" spans="1:3" x14ac:dyDescent="0.25">
      <c r="A2845" t="s">
        <v>8</v>
      </c>
      <c r="B2845">
        <v>0.42</v>
      </c>
      <c r="C2845">
        <v>0.73</v>
      </c>
    </row>
    <row r="2846" spans="1:3" x14ac:dyDescent="0.25">
      <c r="A2846" t="s">
        <v>8</v>
      </c>
      <c r="B2846">
        <v>0.27</v>
      </c>
      <c r="C2846">
        <v>0.8</v>
      </c>
    </row>
    <row r="2847" spans="1:3" x14ac:dyDescent="0.25">
      <c r="A2847" t="s">
        <v>8</v>
      </c>
      <c r="B2847">
        <v>0.13</v>
      </c>
      <c r="C2847">
        <v>0.39</v>
      </c>
    </row>
    <row r="2848" spans="1:3" x14ac:dyDescent="0.25">
      <c r="A2848" t="s">
        <v>8</v>
      </c>
      <c r="B2848">
        <v>0.69</v>
      </c>
      <c r="C2848">
        <v>0.47</v>
      </c>
    </row>
    <row r="2849" spans="1:3" x14ac:dyDescent="0.25">
      <c r="A2849" t="s">
        <v>10</v>
      </c>
      <c r="B2849">
        <v>0.7</v>
      </c>
      <c r="C2849">
        <v>0.46</v>
      </c>
    </row>
    <row r="2850" spans="1:3" x14ac:dyDescent="0.25">
      <c r="A2850" t="s">
        <v>24</v>
      </c>
      <c r="B2850">
        <v>0.7</v>
      </c>
      <c r="C2850">
        <v>0.14000000000000001</v>
      </c>
    </row>
    <row r="2851" spans="1:3" x14ac:dyDescent="0.25">
      <c r="A2851" t="s">
        <v>24</v>
      </c>
      <c r="B2851">
        <v>0.69</v>
      </c>
      <c r="C2851">
        <v>0.92</v>
      </c>
    </row>
    <row r="2852" spans="1:3" x14ac:dyDescent="0.25">
      <c r="A2852" t="s">
        <v>10</v>
      </c>
      <c r="B2852">
        <v>0.94</v>
      </c>
      <c r="C2852">
        <v>0.34</v>
      </c>
    </row>
    <row r="2853" spans="1:3" x14ac:dyDescent="0.25">
      <c r="A2853" t="s">
        <v>24</v>
      </c>
      <c r="B2853">
        <v>0.91</v>
      </c>
      <c r="C2853">
        <v>0.69</v>
      </c>
    </row>
    <row r="2854" spans="1:3" x14ac:dyDescent="0.25">
      <c r="A2854" t="s">
        <v>24</v>
      </c>
      <c r="B2854">
        <v>0.88</v>
      </c>
      <c r="C2854">
        <v>0.69</v>
      </c>
    </row>
    <row r="2855" spans="1:3" x14ac:dyDescent="0.25">
      <c r="A2855" t="s">
        <v>24</v>
      </c>
      <c r="B2855">
        <v>0.44</v>
      </c>
      <c r="C2855">
        <v>0.82</v>
      </c>
    </row>
    <row r="2856" spans="1:3" x14ac:dyDescent="0.25">
      <c r="A2856" t="s">
        <v>10</v>
      </c>
      <c r="B2856">
        <v>0.14000000000000001</v>
      </c>
      <c r="C2856">
        <v>0.9</v>
      </c>
    </row>
    <row r="2857" spans="1:3" x14ac:dyDescent="0.25">
      <c r="A2857" t="s">
        <v>12</v>
      </c>
      <c r="B2857">
        <v>0.42</v>
      </c>
      <c r="C2857">
        <v>0.53</v>
      </c>
    </row>
    <row r="2858" spans="1:3" x14ac:dyDescent="0.25">
      <c r="A2858" t="s">
        <v>12</v>
      </c>
      <c r="B2858">
        <v>0.37</v>
      </c>
      <c r="C2858">
        <v>0.95</v>
      </c>
    </row>
    <row r="2859" spans="1:3" x14ac:dyDescent="0.25">
      <c r="A2859" t="s">
        <v>12</v>
      </c>
      <c r="B2859">
        <v>0.51</v>
      </c>
      <c r="C2859">
        <v>0.33</v>
      </c>
    </row>
    <row r="2860" spans="1:3" x14ac:dyDescent="0.25">
      <c r="A2860" t="s">
        <v>10</v>
      </c>
      <c r="B2860">
        <v>0.92</v>
      </c>
      <c r="C2860">
        <v>0.35</v>
      </c>
    </row>
    <row r="2861" spans="1:3" x14ac:dyDescent="0.25">
      <c r="A2861" t="s">
        <v>24</v>
      </c>
      <c r="B2861">
        <v>0.59</v>
      </c>
      <c r="C2861">
        <v>0.81</v>
      </c>
    </row>
    <row r="2862" spans="1:3" x14ac:dyDescent="0.25">
      <c r="A2862" t="s">
        <v>12</v>
      </c>
      <c r="B2862">
        <v>0.99</v>
      </c>
      <c r="C2862">
        <v>0.33</v>
      </c>
    </row>
    <row r="2863" spans="1:3" x14ac:dyDescent="0.25">
      <c r="A2863" t="s">
        <v>24</v>
      </c>
      <c r="B2863">
        <v>0.91</v>
      </c>
      <c r="C2863">
        <v>0.26</v>
      </c>
    </row>
    <row r="2864" spans="1:3" x14ac:dyDescent="0.25">
      <c r="A2864" t="s">
        <v>8</v>
      </c>
      <c r="B2864">
        <v>0.95</v>
      </c>
      <c r="C2864">
        <v>0.56999999999999995</v>
      </c>
    </row>
    <row r="2865" spans="1:3" x14ac:dyDescent="0.25">
      <c r="A2865" t="s">
        <v>12</v>
      </c>
      <c r="B2865">
        <v>0.55000000000000004</v>
      </c>
      <c r="C2865">
        <v>0.77</v>
      </c>
    </row>
    <row r="2866" spans="1:3" x14ac:dyDescent="0.25">
      <c r="A2866" t="s">
        <v>10</v>
      </c>
      <c r="B2866">
        <v>0.24</v>
      </c>
      <c r="C2866">
        <v>0.82</v>
      </c>
    </row>
    <row r="2867" spans="1:3" x14ac:dyDescent="0.25">
      <c r="A2867" t="s">
        <v>24</v>
      </c>
      <c r="B2867">
        <v>0.31</v>
      </c>
      <c r="C2867">
        <v>0.4</v>
      </c>
    </row>
    <row r="2868" spans="1:3" x14ac:dyDescent="0.25">
      <c r="A2868" t="s">
        <v>8</v>
      </c>
      <c r="B2868">
        <v>0.93</v>
      </c>
      <c r="C2868">
        <v>0.52</v>
      </c>
    </row>
    <row r="2869" spans="1:3" x14ac:dyDescent="0.25">
      <c r="A2869" t="s">
        <v>24</v>
      </c>
      <c r="B2869">
        <v>0.57999999999999996</v>
      </c>
      <c r="C2869">
        <v>0.19</v>
      </c>
    </row>
    <row r="2870" spans="1:3" x14ac:dyDescent="0.25">
      <c r="A2870" t="s">
        <v>8</v>
      </c>
      <c r="B2870">
        <v>0.6</v>
      </c>
      <c r="C2870">
        <v>0.38</v>
      </c>
    </row>
    <row r="2871" spans="1:3" x14ac:dyDescent="0.25">
      <c r="A2871" t="s">
        <v>10</v>
      </c>
      <c r="B2871">
        <v>0.86</v>
      </c>
      <c r="C2871">
        <v>0.38</v>
      </c>
    </row>
    <row r="2872" spans="1:3" x14ac:dyDescent="0.25">
      <c r="A2872" t="s">
        <v>12</v>
      </c>
      <c r="B2872">
        <v>0.62</v>
      </c>
      <c r="C2872">
        <v>0.71</v>
      </c>
    </row>
    <row r="2873" spans="1:3" x14ac:dyDescent="0.25">
      <c r="A2873" t="s">
        <v>24</v>
      </c>
      <c r="B2873">
        <v>0.9</v>
      </c>
      <c r="C2873">
        <v>0.61</v>
      </c>
    </row>
    <row r="2874" spans="1:3" x14ac:dyDescent="0.25">
      <c r="A2874" t="s">
        <v>24</v>
      </c>
      <c r="B2874">
        <v>0.03</v>
      </c>
      <c r="C2874">
        <v>0.56999999999999995</v>
      </c>
    </row>
    <row r="2875" spans="1:3" x14ac:dyDescent="0.25">
      <c r="A2875" t="s">
        <v>24</v>
      </c>
      <c r="B2875">
        <v>0.63</v>
      </c>
      <c r="C2875">
        <v>0.91</v>
      </c>
    </row>
    <row r="2876" spans="1:3" x14ac:dyDescent="0.25">
      <c r="A2876" t="s">
        <v>10</v>
      </c>
      <c r="B2876">
        <v>0.65</v>
      </c>
      <c r="C2876">
        <v>0.31</v>
      </c>
    </row>
    <row r="2877" spans="1:3" x14ac:dyDescent="0.25">
      <c r="A2877" t="s">
        <v>8</v>
      </c>
      <c r="B2877">
        <v>0.28999999999999998</v>
      </c>
      <c r="C2877">
        <v>0.69</v>
      </c>
    </row>
    <row r="2878" spans="1:3" x14ac:dyDescent="0.25">
      <c r="A2878" t="s">
        <v>8</v>
      </c>
      <c r="B2878">
        <v>0.96</v>
      </c>
      <c r="C2878">
        <v>0.4</v>
      </c>
    </row>
    <row r="2879" spans="1:3" x14ac:dyDescent="0.25">
      <c r="A2879" t="s">
        <v>8</v>
      </c>
      <c r="B2879">
        <v>0.9</v>
      </c>
      <c r="C2879">
        <v>0.79</v>
      </c>
    </row>
    <row r="2880" spans="1:3" x14ac:dyDescent="0.25">
      <c r="A2880" t="s">
        <v>8</v>
      </c>
      <c r="B2880">
        <v>0.53</v>
      </c>
      <c r="C2880">
        <v>0.45</v>
      </c>
    </row>
    <row r="2881" spans="1:3" x14ac:dyDescent="0.25">
      <c r="A2881" t="s">
        <v>8</v>
      </c>
      <c r="B2881">
        <v>0.64</v>
      </c>
      <c r="C2881">
        <v>0.76</v>
      </c>
    </row>
    <row r="2882" spans="1:3" x14ac:dyDescent="0.25">
      <c r="A2882" t="s">
        <v>8</v>
      </c>
      <c r="B2882">
        <v>0.54</v>
      </c>
      <c r="C2882">
        <v>0.78</v>
      </c>
    </row>
    <row r="2883" spans="1:3" x14ac:dyDescent="0.25">
      <c r="A2883" t="s">
        <v>24</v>
      </c>
      <c r="B2883">
        <v>0.53</v>
      </c>
      <c r="C2883">
        <v>0.35</v>
      </c>
    </row>
    <row r="2884" spans="1:3" x14ac:dyDescent="0.25">
      <c r="A2884" t="s">
        <v>8</v>
      </c>
      <c r="B2884">
        <v>0.59</v>
      </c>
      <c r="C2884">
        <v>0.33</v>
      </c>
    </row>
    <row r="2885" spans="1:3" x14ac:dyDescent="0.25">
      <c r="A2885" t="s">
        <v>10</v>
      </c>
      <c r="B2885">
        <v>0.62</v>
      </c>
      <c r="C2885">
        <v>0.74</v>
      </c>
    </row>
    <row r="2886" spans="1:3" x14ac:dyDescent="0.25">
      <c r="A2886" t="s">
        <v>24</v>
      </c>
      <c r="B2886">
        <v>0.25</v>
      </c>
      <c r="C2886">
        <v>0.37</v>
      </c>
    </row>
    <row r="2887" spans="1:3" x14ac:dyDescent="0.25">
      <c r="A2887" t="s">
        <v>24</v>
      </c>
      <c r="B2887">
        <v>0.15</v>
      </c>
      <c r="C2887">
        <v>0.47</v>
      </c>
    </row>
    <row r="2888" spans="1:3" x14ac:dyDescent="0.25">
      <c r="A2888" t="s">
        <v>8</v>
      </c>
      <c r="B2888">
        <v>0.33</v>
      </c>
      <c r="C2888">
        <v>7.0000000000000007E-2</v>
      </c>
    </row>
    <row r="2889" spans="1:3" x14ac:dyDescent="0.25">
      <c r="A2889" t="s">
        <v>10</v>
      </c>
      <c r="B2889">
        <v>0.24</v>
      </c>
      <c r="C2889">
        <v>0.72</v>
      </c>
    </row>
    <row r="2890" spans="1:3" x14ac:dyDescent="0.25">
      <c r="A2890" t="s">
        <v>8</v>
      </c>
      <c r="B2890">
        <v>0.51</v>
      </c>
      <c r="C2890">
        <v>0.46</v>
      </c>
    </row>
    <row r="2891" spans="1:3" x14ac:dyDescent="0.25">
      <c r="A2891" t="s">
        <v>8</v>
      </c>
      <c r="B2891">
        <v>0.37</v>
      </c>
      <c r="C2891">
        <v>0.09</v>
      </c>
    </row>
    <row r="2892" spans="1:3" x14ac:dyDescent="0.25">
      <c r="A2892" t="s">
        <v>10</v>
      </c>
      <c r="B2892">
        <v>0.99</v>
      </c>
      <c r="C2892">
        <v>0.11</v>
      </c>
    </row>
    <row r="2893" spans="1:3" x14ac:dyDescent="0.25">
      <c r="A2893" t="s">
        <v>8</v>
      </c>
      <c r="B2893">
        <v>0.18</v>
      </c>
      <c r="C2893">
        <v>0.37</v>
      </c>
    </row>
    <row r="2894" spans="1:3" x14ac:dyDescent="0.25">
      <c r="A2894" t="s">
        <v>12</v>
      </c>
      <c r="B2894">
        <v>0.28000000000000003</v>
      </c>
      <c r="C2894">
        <v>0.78</v>
      </c>
    </row>
    <row r="2895" spans="1:3" x14ac:dyDescent="0.25">
      <c r="A2895" t="s">
        <v>24</v>
      </c>
      <c r="B2895">
        <v>0.79</v>
      </c>
      <c r="C2895">
        <v>0.94</v>
      </c>
    </row>
    <row r="2896" spans="1:3" x14ac:dyDescent="0.25">
      <c r="A2896" t="s">
        <v>8</v>
      </c>
      <c r="B2896">
        <v>0.36</v>
      </c>
      <c r="C2896">
        <v>0.75</v>
      </c>
    </row>
    <row r="2897" spans="1:3" x14ac:dyDescent="0.25">
      <c r="A2897" t="s">
        <v>10</v>
      </c>
      <c r="B2897">
        <v>0.15</v>
      </c>
      <c r="C2897">
        <v>0.8</v>
      </c>
    </row>
    <row r="2898" spans="1:3" x14ac:dyDescent="0.25">
      <c r="A2898" t="s">
        <v>8</v>
      </c>
      <c r="B2898">
        <v>0.35</v>
      </c>
      <c r="C2898">
        <v>0.85</v>
      </c>
    </row>
    <row r="2899" spans="1:3" x14ac:dyDescent="0.25">
      <c r="A2899" t="s">
        <v>10</v>
      </c>
      <c r="B2899">
        <v>0.8</v>
      </c>
      <c r="C2899">
        <v>0.8</v>
      </c>
    </row>
    <row r="2900" spans="1:3" x14ac:dyDescent="0.25">
      <c r="A2900" t="s">
        <v>24</v>
      </c>
      <c r="B2900">
        <v>0.68</v>
      </c>
      <c r="C2900">
        <v>0.59</v>
      </c>
    </row>
    <row r="2901" spans="1:3" x14ac:dyDescent="0.25">
      <c r="A2901" t="s">
        <v>10</v>
      </c>
      <c r="B2901">
        <v>0.48</v>
      </c>
      <c r="C2901">
        <v>0.89</v>
      </c>
    </row>
    <row r="2902" spans="1:3" x14ac:dyDescent="0.25">
      <c r="A2902" t="s">
        <v>8</v>
      </c>
      <c r="B2902">
        <v>0.83</v>
      </c>
      <c r="C2902">
        <v>0.44</v>
      </c>
    </row>
    <row r="2903" spans="1:3" x14ac:dyDescent="0.25">
      <c r="A2903" t="s">
        <v>12</v>
      </c>
      <c r="B2903">
        <v>0.26</v>
      </c>
      <c r="C2903">
        <v>0.28999999999999998</v>
      </c>
    </row>
    <row r="2904" spans="1:3" x14ac:dyDescent="0.25">
      <c r="A2904" t="s">
        <v>24</v>
      </c>
      <c r="B2904">
        <v>0.59</v>
      </c>
      <c r="C2904">
        <v>0.41</v>
      </c>
    </row>
    <row r="2905" spans="1:3" x14ac:dyDescent="0.25">
      <c r="A2905" t="s">
        <v>10</v>
      </c>
      <c r="B2905">
        <v>0.15</v>
      </c>
      <c r="C2905">
        <v>0.64</v>
      </c>
    </row>
    <row r="2906" spans="1:3" x14ac:dyDescent="0.25">
      <c r="A2906" t="s">
        <v>12</v>
      </c>
      <c r="B2906">
        <v>0.82</v>
      </c>
      <c r="C2906">
        <v>0.2</v>
      </c>
    </row>
    <row r="2907" spans="1:3" x14ac:dyDescent="0.25">
      <c r="A2907" t="s">
        <v>12</v>
      </c>
      <c r="B2907">
        <v>0.32</v>
      </c>
      <c r="C2907">
        <v>0.21</v>
      </c>
    </row>
    <row r="2908" spans="1:3" x14ac:dyDescent="0.25">
      <c r="A2908" t="s">
        <v>12</v>
      </c>
      <c r="B2908">
        <v>0.89</v>
      </c>
      <c r="C2908">
        <v>0.48</v>
      </c>
    </row>
    <row r="2909" spans="1:3" x14ac:dyDescent="0.25">
      <c r="A2909" t="s">
        <v>24</v>
      </c>
      <c r="B2909">
        <v>0.84</v>
      </c>
      <c r="C2909">
        <v>7.0000000000000007E-2</v>
      </c>
    </row>
    <row r="2910" spans="1:3" x14ac:dyDescent="0.25">
      <c r="A2910" t="s">
        <v>10</v>
      </c>
      <c r="B2910">
        <v>0.35</v>
      </c>
      <c r="C2910">
        <v>0.8</v>
      </c>
    </row>
    <row r="2911" spans="1:3" x14ac:dyDescent="0.25">
      <c r="A2911" t="s">
        <v>12</v>
      </c>
      <c r="B2911">
        <v>0.33</v>
      </c>
      <c r="C2911">
        <v>0.35</v>
      </c>
    </row>
    <row r="2912" spans="1:3" x14ac:dyDescent="0.25">
      <c r="A2912" t="s">
        <v>8</v>
      </c>
      <c r="B2912">
        <v>0.57999999999999996</v>
      </c>
      <c r="C2912">
        <v>0.87</v>
      </c>
    </row>
    <row r="2913" spans="1:3" x14ac:dyDescent="0.25">
      <c r="A2913" t="s">
        <v>24</v>
      </c>
      <c r="B2913">
        <v>0.85</v>
      </c>
      <c r="C2913">
        <v>0.49</v>
      </c>
    </row>
    <row r="2914" spans="1:3" x14ac:dyDescent="0.25">
      <c r="A2914" t="s">
        <v>8</v>
      </c>
      <c r="B2914">
        <v>0.24</v>
      </c>
      <c r="C2914">
        <v>0.11</v>
      </c>
    </row>
    <row r="2915" spans="1:3" x14ac:dyDescent="0.25">
      <c r="A2915" t="s">
        <v>12</v>
      </c>
      <c r="B2915">
        <v>0.41</v>
      </c>
      <c r="C2915">
        <v>0.26</v>
      </c>
    </row>
    <row r="2916" spans="1:3" x14ac:dyDescent="0.25">
      <c r="A2916" t="s">
        <v>10</v>
      </c>
      <c r="B2916">
        <v>0.28000000000000003</v>
      </c>
      <c r="C2916">
        <v>0.16</v>
      </c>
    </row>
    <row r="2917" spans="1:3" x14ac:dyDescent="0.25">
      <c r="A2917" t="s">
        <v>12</v>
      </c>
      <c r="B2917">
        <v>0.71</v>
      </c>
      <c r="C2917">
        <v>0.79</v>
      </c>
    </row>
    <row r="2918" spans="1:3" x14ac:dyDescent="0.25">
      <c r="A2918" t="s">
        <v>8</v>
      </c>
      <c r="B2918">
        <v>0.41</v>
      </c>
      <c r="C2918">
        <v>0.71</v>
      </c>
    </row>
    <row r="2919" spans="1:3" x14ac:dyDescent="0.25">
      <c r="A2919" t="s">
        <v>10</v>
      </c>
      <c r="B2919">
        <v>0.44</v>
      </c>
      <c r="C2919">
        <v>0.31</v>
      </c>
    </row>
    <row r="2920" spans="1:3" x14ac:dyDescent="0.25">
      <c r="A2920" t="s">
        <v>10</v>
      </c>
      <c r="B2920">
        <v>0.1</v>
      </c>
      <c r="C2920">
        <v>0.81</v>
      </c>
    </row>
    <row r="2921" spans="1:3" x14ac:dyDescent="0.25">
      <c r="A2921" t="s">
        <v>10</v>
      </c>
      <c r="B2921">
        <v>0.03</v>
      </c>
      <c r="C2921">
        <v>0.23</v>
      </c>
    </row>
    <row r="2922" spans="1:3" x14ac:dyDescent="0.25">
      <c r="A2922" t="s">
        <v>10</v>
      </c>
      <c r="B2922">
        <v>0.04</v>
      </c>
      <c r="C2922">
        <v>0.74</v>
      </c>
    </row>
    <row r="2923" spans="1:3" x14ac:dyDescent="0.25">
      <c r="A2923" t="s">
        <v>10</v>
      </c>
      <c r="B2923">
        <v>0.68</v>
      </c>
      <c r="C2923">
        <v>0.34</v>
      </c>
    </row>
    <row r="2924" spans="1:3" x14ac:dyDescent="0.25">
      <c r="A2924" t="s">
        <v>12</v>
      </c>
      <c r="B2924">
        <v>0.82</v>
      </c>
      <c r="C2924">
        <v>0.45</v>
      </c>
    </row>
    <row r="2925" spans="1:3" x14ac:dyDescent="0.25">
      <c r="A2925" t="s">
        <v>12</v>
      </c>
      <c r="B2925">
        <v>0.9</v>
      </c>
      <c r="C2925">
        <v>0.6</v>
      </c>
    </row>
    <row r="2926" spans="1:3" x14ac:dyDescent="0.25">
      <c r="A2926" t="s">
        <v>12</v>
      </c>
      <c r="B2926">
        <v>0.23</v>
      </c>
      <c r="C2926">
        <v>0.23</v>
      </c>
    </row>
    <row r="2927" spans="1:3" x14ac:dyDescent="0.25">
      <c r="A2927" t="s">
        <v>12</v>
      </c>
      <c r="B2927">
        <v>0.21</v>
      </c>
      <c r="C2927">
        <v>0.41</v>
      </c>
    </row>
    <row r="2928" spans="1:3" x14ac:dyDescent="0.25">
      <c r="A2928" t="s">
        <v>8</v>
      </c>
      <c r="B2928">
        <v>0.05</v>
      </c>
      <c r="C2928">
        <v>0.21</v>
      </c>
    </row>
    <row r="2929" spans="1:3" x14ac:dyDescent="0.25">
      <c r="A2929" t="s">
        <v>12</v>
      </c>
      <c r="B2929">
        <v>0.64</v>
      </c>
      <c r="C2929">
        <v>0.31</v>
      </c>
    </row>
    <row r="2930" spans="1:3" x14ac:dyDescent="0.25">
      <c r="A2930" t="s">
        <v>12</v>
      </c>
      <c r="B2930">
        <v>0.18</v>
      </c>
      <c r="C2930">
        <v>0.38</v>
      </c>
    </row>
    <row r="2931" spans="1:3" x14ac:dyDescent="0.25">
      <c r="A2931" t="s">
        <v>10</v>
      </c>
      <c r="B2931">
        <v>0.04</v>
      </c>
      <c r="C2931">
        <v>0.45</v>
      </c>
    </row>
    <row r="2932" spans="1:3" x14ac:dyDescent="0.25">
      <c r="A2932" t="s">
        <v>8</v>
      </c>
      <c r="B2932">
        <v>0.67</v>
      </c>
      <c r="C2932">
        <v>0.56000000000000005</v>
      </c>
    </row>
    <row r="2933" spans="1:3" x14ac:dyDescent="0.25">
      <c r="A2933" t="s">
        <v>8</v>
      </c>
      <c r="B2933">
        <v>0.61</v>
      </c>
      <c r="C2933">
        <v>0.74</v>
      </c>
    </row>
    <row r="2934" spans="1:3" x14ac:dyDescent="0.25">
      <c r="A2934" t="s">
        <v>12</v>
      </c>
      <c r="B2934">
        <v>0.6</v>
      </c>
      <c r="C2934">
        <v>0.54</v>
      </c>
    </row>
    <row r="2935" spans="1:3" x14ac:dyDescent="0.25">
      <c r="A2935" t="s">
        <v>10</v>
      </c>
      <c r="B2935">
        <v>0.73</v>
      </c>
      <c r="C2935">
        <v>0.95</v>
      </c>
    </row>
    <row r="2936" spans="1:3" x14ac:dyDescent="0.25">
      <c r="A2936" t="s">
        <v>24</v>
      </c>
      <c r="B2936">
        <v>0.23</v>
      </c>
      <c r="C2936">
        <v>0.47</v>
      </c>
    </row>
    <row r="2937" spans="1:3" x14ac:dyDescent="0.25">
      <c r="A2937" t="s">
        <v>24</v>
      </c>
      <c r="B2937">
        <v>0.84</v>
      </c>
      <c r="C2937">
        <v>0.26</v>
      </c>
    </row>
    <row r="2938" spans="1:3" x14ac:dyDescent="0.25">
      <c r="A2938" t="s">
        <v>12</v>
      </c>
      <c r="B2938">
        <v>0.06</v>
      </c>
      <c r="C2938">
        <v>0.61</v>
      </c>
    </row>
    <row r="2939" spans="1:3" x14ac:dyDescent="0.25">
      <c r="A2939" t="s">
        <v>10</v>
      </c>
      <c r="B2939">
        <v>0.94</v>
      </c>
      <c r="C2939">
        <v>0.36</v>
      </c>
    </row>
    <row r="2940" spans="1:3" x14ac:dyDescent="0.25">
      <c r="A2940" t="s">
        <v>10</v>
      </c>
      <c r="B2940">
        <v>0.89</v>
      </c>
      <c r="C2940">
        <v>0.77</v>
      </c>
    </row>
    <row r="2941" spans="1:3" x14ac:dyDescent="0.25">
      <c r="A2941" t="s">
        <v>24</v>
      </c>
      <c r="B2941">
        <v>0.55000000000000004</v>
      </c>
      <c r="C2941">
        <v>0.71</v>
      </c>
    </row>
    <row r="2942" spans="1:3" x14ac:dyDescent="0.25">
      <c r="A2942" t="s">
        <v>10</v>
      </c>
      <c r="B2942">
        <v>0.33</v>
      </c>
      <c r="C2942">
        <v>0.76</v>
      </c>
    </row>
    <row r="2943" spans="1:3" x14ac:dyDescent="0.25">
      <c r="A2943" t="s">
        <v>12</v>
      </c>
      <c r="B2943">
        <v>0.7</v>
      </c>
      <c r="C2943">
        <v>0.42</v>
      </c>
    </row>
    <row r="2944" spans="1:3" x14ac:dyDescent="0.25">
      <c r="A2944" t="s">
        <v>12</v>
      </c>
      <c r="B2944">
        <v>0.87</v>
      </c>
      <c r="C2944">
        <v>0.83</v>
      </c>
    </row>
    <row r="2945" spans="1:3" x14ac:dyDescent="0.25">
      <c r="A2945" t="s">
        <v>10</v>
      </c>
      <c r="B2945">
        <v>0.86</v>
      </c>
      <c r="C2945">
        <v>0.75</v>
      </c>
    </row>
    <row r="2946" spans="1:3" x14ac:dyDescent="0.25">
      <c r="A2946" t="s">
        <v>12</v>
      </c>
      <c r="B2946">
        <v>0.65</v>
      </c>
      <c r="C2946">
        <v>0.26</v>
      </c>
    </row>
    <row r="2947" spans="1:3" x14ac:dyDescent="0.25">
      <c r="A2947" t="s">
        <v>10</v>
      </c>
      <c r="B2947">
        <v>0.97</v>
      </c>
      <c r="C2947">
        <v>0.93</v>
      </c>
    </row>
    <row r="2948" spans="1:3" x14ac:dyDescent="0.25">
      <c r="A2948" t="s">
        <v>8</v>
      </c>
      <c r="B2948">
        <v>0.65</v>
      </c>
      <c r="C2948">
        <v>0.54</v>
      </c>
    </row>
    <row r="2949" spans="1:3" x14ac:dyDescent="0.25">
      <c r="A2949" t="s">
        <v>8</v>
      </c>
      <c r="B2949">
        <v>0.76</v>
      </c>
      <c r="C2949">
        <v>0.94</v>
      </c>
    </row>
    <row r="2950" spans="1:3" x14ac:dyDescent="0.25">
      <c r="A2950" t="s">
        <v>24</v>
      </c>
      <c r="B2950">
        <v>0.47</v>
      </c>
      <c r="C2950">
        <v>0.78</v>
      </c>
    </row>
    <row r="2951" spans="1:3" x14ac:dyDescent="0.25">
      <c r="A2951" t="s">
        <v>24</v>
      </c>
      <c r="B2951">
        <v>0.68</v>
      </c>
      <c r="C2951">
        <v>0.31</v>
      </c>
    </row>
    <row r="2952" spans="1:3" x14ac:dyDescent="0.25">
      <c r="A2952" t="s">
        <v>24</v>
      </c>
      <c r="B2952">
        <v>0.12</v>
      </c>
      <c r="C2952">
        <v>0.64</v>
      </c>
    </row>
    <row r="2953" spans="1:3" x14ac:dyDescent="0.25">
      <c r="A2953" t="s">
        <v>10</v>
      </c>
      <c r="B2953">
        <v>0.33</v>
      </c>
      <c r="C2953">
        <v>0.3</v>
      </c>
    </row>
    <row r="2954" spans="1:3" x14ac:dyDescent="0.25">
      <c r="A2954" t="s">
        <v>10</v>
      </c>
      <c r="B2954">
        <v>0.38</v>
      </c>
      <c r="C2954">
        <v>0.7</v>
      </c>
    </row>
    <row r="2955" spans="1:3" x14ac:dyDescent="0.25">
      <c r="A2955" t="s">
        <v>8</v>
      </c>
      <c r="B2955">
        <v>0.64</v>
      </c>
      <c r="C2955">
        <v>0.93</v>
      </c>
    </row>
    <row r="2956" spans="1:3" x14ac:dyDescent="0.25">
      <c r="A2956" t="s">
        <v>24</v>
      </c>
      <c r="B2956">
        <v>0.32</v>
      </c>
      <c r="C2956">
        <v>0.67</v>
      </c>
    </row>
    <row r="2957" spans="1:3" x14ac:dyDescent="0.25">
      <c r="A2957" t="s">
        <v>12</v>
      </c>
      <c r="B2957">
        <v>0.85</v>
      </c>
      <c r="C2957">
        <v>0.25</v>
      </c>
    </row>
    <row r="2958" spans="1:3" x14ac:dyDescent="0.25">
      <c r="A2958" t="s">
        <v>10</v>
      </c>
      <c r="B2958">
        <v>0.54</v>
      </c>
      <c r="C2958">
        <v>0.39</v>
      </c>
    </row>
    <row r="2959" spans="1:3" x14ac:dyDescent="0.25">
      <c r="A2959" t="s">
        <v>12</v>
      </c>
      <c r="B2959">
        <v>0.86</v>
      </c>
      <c r="C2959">
        <v>0.55000000000000004</v>
      </c>
    </row>
    <row r="2960" spans="1:3" x14ac:dyDescent="0.25">
      <c r="A2960" t="s">
        <v>12</v>
      </c>
      <c r="B2960">
        <v>0.37</v>
      </c>
      <c r="C2960">
        <v>0.3</v>
      </c>
    </row>
    <row r="2961" spans="1:3" x14ac:dyDescent="0.25">
      <c r="A2961" t="s">
        <v>8</v>
      </c>
      <c r="B2961">
        <v>0.77</v>
      </c>
      <c r="C2961">
        <v>0.69</v>
      </c>
    </row>
    <row r="2962" spans="1:3" x14ac:dyDescent="0.25">
      <c r="A2962" t="s">
        <v>8</v>
      </c>
      <c r="B2962">
        <v>0.39</v>
      </c>
      <c r="C2962">
        <v>0.56999999999999995</v>
      </c>
    </row>
    <row r="2963" spans="1:3" x14ac:dyDescent="0.25">
      <c r="A2963" t="s">
        <v>8</v>
      </c>
      <c r="B2963">
        <v>0.91</v>
      </c>
      <c r="C2963">
        <v>0.31</v>
      </c>
    </row>
    <row r="2964" spans="1:3" x14ac:dyDescent="0.25">
      <c r="A2964" t="s">
        <v>24</v>
      </c>
      <c r="B2964">
        <v>0.87</v>
      </c>
      <c r="C2964">
        <v>0.82</v>
      </c>
    </row>
    <row r="2965" spans="1:3" x14ac:dyDescent="0.25">
      <c r="A2965" t="s">
        <v>8</v>
      </c>
      <c r="B2965">
        <v>0.76</v>
      </c>
      <c r="C2965">
        <v>0.45</v>
      </c>
    </row>
    <row r="2966" spans="1:3" x14ac:dyDescent="0.25">
      <c r="A2966" t="s">
        <v>10</v>
      </c>
      <c r="B2966">
        <v>0.31</v>
      </c>
      <c r="C2966">
        <v>0.43</v>
      </c>
    </row>
    <row r="2967" spans="1:3" x14ac:dyDescent="0.25">
      <c r="A2967" t="s">
        <v>8</v>
      </c>
      <c r="B2967">
        <v>0.13</v>
      </c>
      <c r="C2967">
        <v>0.68</v>
      </c>
    </row>
    <row r="2968" spans="1:3" x14ac:dyDescent="0.25">
      <c r="A2968" t="s">
        <v>12</v>
      </c>
      <c r="B2968">
        <v>0.36</v>
      </c>
      <c r="C2968">
        <v>0.1</v>
      </c>
    </row>
    <row r="2969" spans="1:3" x14ac:dyDescent="0.25">
      <c r="A2969" t="s">
        <v>24</v>
      </c>
      <c r="B2969">
        <v>0.94</v>
      </c>
      <c r="C2969">
        <v>0.6</v>
      </c>
    </row>
    <row r="2970" spans="1:3" x14ac:dyDescent="0.25">
      <c r="A2970" t="s">
        <v>10</v>
      </c>
      <c r="B2970">
        <v>0.31</v>
      </c>
      <c r="C2970">
        <v>0.75</v>
      </c>
    </row>
    <row r="2971" spans="1:3" x14ac:dyDescent="0.25">
      <c r="A2971" t="s">
        <v>10</v>
      </c>
      <c r="B2971">
        <v>0.54</v>
      </c>
      <c r="C2971">
        <v>0.2</v>
      </c>
    </row>
    <row r="2972" spans="1:3" x14ac:dyDescent="0.25">
      <c r="A2972" t="s">
        <v>8</v>
      </c>
      <c r="B2972">
        <v>0.89</v>
      </c>
      <c r="C2972">
        <v>0.55000000000000004</v>
      </c>
    </row>
    <row r="2973" spans="1:3" x14ac:dyDescent="0.25">
      <c r="A2973" t="s">
        <v>24</v>
      </c>
      <c r="B2973">
        <v>0.45</v>
      </c>
      <c r="C2973">
        <v>0.32</v>
      </c>
    </row>
    <row r="2974" spans="1:3" x14ac:dyDescent="0.25">
      <c r="A2974" t="s">
        <v>24</v>
      </c>
      <c r="B2974">
        <v>0.75</v>
      </c>
      <c r="C2974">
        <v>0.91</v>
      </c>
    </row>
    <row r="2975" spans="1:3" x14ac:dyDescent="0.25">
      <c r="A2975" t="s">
        <v>24</v>
      </c>
      <c r="B2975">
        <v>0.81</v>
      </c>
      <c r="C2975">
        <v>0.28000000000000003</v>
      </c>
    </row>
    <row r="2976" spans="1:3" x14ac:dyDescent="0.25">
      <c r="A2976" t="s">
        <v>12</v>
      </c>
      <c r="B2976">
        <v>0.89</v>
      </c>
      <c r="C2976">
        <v>0.6</v>
      </c>
    </row>
    <row r="2977" spans="1:3" x14ac:dyDescent="0.25">
      <c r="A2977" t="s">
        <v>24</v>
      </c>
      <c r="B2977">
        <v>0.21</v>
      </c>
      <c r="C2977">
        <v>0.33</v>
      </c>
    </row>
    <row r="2978" spans="1:3" x14ac:dyDescent="0.25">
      <c r="A2978" t="s">
        <v>8</v>
      </c>
      <c r="B2978">
        <v>0.28000000000000003</v>
      </c>
      <c r="C2978">
        <v>0.2</v>
      </c>
    </row>
    <row r="2979" spans="1:3" x14ac:dyDescent="0.25">
      <c r="A2979" t="s">
        <v>10</v>
      </c>
      <c r="B2979">
        <v>0.62</v>
      </c>
      <c r="C2979">
        <v>0.37</v>
      </c>
    </row>
    <row r="2980" spans="1:3" x14ac:dyDescent="0.25">
      <c r="A2980" t="s">
        <v>24</v>
      </c>
      <c r="B2980">
        <v>0.19</v>
      </c>
      <c r="C2980">
        <v>0.1</v>
      </c>
    </row>
    <row r="2981" spans="1:3" x14ac:dyDescent="0.25">
      <c r="A2981" t="s">
        <v>8</v>
      </c>
      <c r="B2981">
        <v>0.6</v>
      </c>
      <c r="C2981">
        <v>0.72</v>
      </c>
    </row>
    <row r="2982" spans="1:3" x14ac:dyDescent="0.25">
      <c r="A2982" t="s">
        <v>12</v>
      </c>
      <c r="B2982">
        <v>0.7</v>
      </c>
      <c r="C2982">
        <v>0.15</v>
      </c>
    </row>
    <row r="2983" spans="1:3" x14ac:dyDescent="0.25">
      <c r="A2983" t="s">
        <v>24</v>
      </c>
      <c r="B2983">
        <v>0.11</v>
      </c>
      <c r="C2983">
        <v>0.12</v>
      </c>
    </row>
    <row r="2984" spans="1:3" x14ac:dyDescent="0.25">
      <c r="A2984" t="s">
        <v>8</v>
      </c>
      <c r="B2984">
        <v>0.16</v>
      </c>
      <c r="C2984">
        <v>0.75</v>
      </c>
    </row>
    <row r="2985" spans="1:3" x14ac:dyDescent="0.25">
      <c r="A2985" t="s">
        <v>10</v>
      </c>
      <c r="B2985">
        <v>0.53</v>
      </c>
      <c r="C2985">
        <v>0.32</v>
      </c>
    </row>
    <row r="2986" spans="1:3" x14ac:dyDescent="0.25">
      <c r="A2986" t="s">
        <v>12</v>
      </c>
      <c r="B2986">
        <v>0.56000000000000005</v>
      </c>
      <c r="C2986">
        <v>0.1</v>
      </c>
    </row>
    <row r="2987" spans="1:3" x14ac:dyDescent="0.25">
      <c r="A2987" t="s">
        <v>24</v>
      </c>
      <c r="B2987">
        <v>0.38</v>
      </c>
      <c r="C2987">
        <v>0.76</v>
      </c>
    </row>
    <row r="2988" spans="1:3" x14ac:dyDescent="0.25">
      <c r="A2988" t="s">
        <v>24</v>
      </c>
      <c r="B2988">
        <v>0.2</v>
      </c>
      <c r="C2988">
        <v>0.88</v>
      </c>
    </row>
    <row r="2989" spans="1:3" x14ac:dyDescent="0.25">
      <c r="A2989" t="s">
        <v>24</v>
      </c>
      <c r="B2989">
        <v>0.91</v>
      </c>
      <c r="C2989">
        <v>0.67</v>
      </c>
    </row>
    <row r="2990" spans="1:3" x14ac:dyDescent="0.25">
      <c r="A2990" t="s">
        <v>12</v>
      </c>
      <c r="B2990">
        <v>0.5</v>
      </c>
      <c r="C2990">
        <v>0.84</v>
      </c>
    </row>
    <row r="2991" spans="1:3" x14ac:dyDescent="0.25">
      <c r="A2991" t="s">
        <v>12</v>
      </c>
      <c r="B2991">
        <v>0.68</v>
      </c>
      <c r="C2991">
        <v>0.4</v>
      </c>
    </row>
    <row r="2992" spans="1:3" x14ac:dyDescent="0.25">
      <c r="A2992" t="s">
        <v>24</v>
      </c>
      <c r="B2992">
        <v>0.85</v>
      </c>
      <c r="C2992">
        <v>0.7</v>
      </c>
    </row>
    <row r="2993" spans="1:3" x14ac:dyDescent="0.25">
      <c r="A2993" t="s">
        <v>8</v>
      </c>
      <c r="B2993">
        <v>0.85</v>
      </c>
      <c r="C2993">
        <v>0.52</v>
      </c>
    </row>
    <row r="2994" spans="1:3" x14ac:dyDescent="0.25">
      <c r="A2994" t="s">
        <v>24</v>
      </c>
      <c r="B2994">
        <v>0.26</v>
      </c>
      <c r="C2994">
        <v>0.73</v>
      </c>
    </row>
    <row r="2995" spans="1:3" x14ac:dyDescent="0.25">
      <c r="A2995" t="s">
        <v>12</v>
      </c>
      <c r="B2995">
        <v>0.27</v>
      </c>
      <c r="C2995">
        <v>0.28000000000000003</v>
      </c>
    </row>
    <row r="2996" spans="1:3" x14ac:dyDescent="0.25">
      <c r="A2996" t="s">
        <v>12</v>
      </c>
      <c r="B2996">
        <v>0.91</v>
      </c>
      <c r="C2996">
        <v>0.47</v>
      </c>
    </row>
    <row r="2997" spans="1:3" x14ac:dyDescent="0.25">
      <c r="A2997" t="s">
        <v>24</v>
      </c>
      <c r="B2997">
        <v>0.24</v>
      </c>
      <c r="C2997">
        <v>0.2</v>
      </c>
    </row>
    <row r="2998" spans="1:3" x14ac:dyDescent="0.25">
      <c r="A2998" t="s">
        <v>10</v>
      </c>
      <c r="B2998">
        <v>0.65</v>
      </c>
      <c r="C2998">
        <v>0.35</v>
      </c>
    </row>
    <row r="2999" spans="1:3" x14ac:dyDescent="0.25">
      <c r="A2999" t="s">
        <v>8</v>
      </c>
      <c r="B2999">
        <v>0.64</v>
      </c>
      <c r="C2999">
        <v>0.39</v>
      </c>
    </row>
    <row r="3000" spans="1:3" x14ac:dyDescent="0.25">
      <c r="A3000" t="s">
        <v>10</v>
      </c>
      <c r="B3000">
        <v>0.95</v>
      </c>
      <c r="C3000">
        <v>0.46</v>
      </c>
    </row>
    <row r="3001" spans="1:3" x14ac:dyDescent="0.25">
      <c r="A3001" t="s">
        <v>10</v>
      </c>
      <c r="B3001">
        <v>0.69</v>
      </c>
      <c r="C3001">
        <v>0.49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BFCFA2-42F2-4FE7-B861-C1F43BCFBE52}">
  <dimension ref="A1:AJ3001"/>
  <sheetViews>
    <sheetView tabSelected="1" topLeftCell="E1" workbookViewId="0">
      <selection activeCell="F33" sqref="F33"/>
    </sheetView>
  </sheetViews>
  <sheetFormatPr defaultRowHeight="15" x14ac:dyDescent="0.25"/>
  <cols>
    <col min="1" max="1" width="26.85546875" bestFit="1" customWidth="1"/>
    <col min="2" max="2" width="10.85546875" bestFit="1" customWidth="1"/>
    <col min="6" max="6" width="26.85546875" bestFit="1" customWidth="1"/>
    <col min="7" max="7" width="12" bestFit="1" customWidth="1"/>
    <col min="8" max="8" width="8.7109375" bestFit="1" customWidth="1"/>
    <col min="9" max="9" width="10.140625" bestFit="1" customWidth="1"/>
    <col min="10" max="36" width="5.42578125" customWidth="1"/>
  </cols>
  <sheetData>
    <row r="1" spans="1:36" x14ac:dyDescent="0.25">
      <c r="A1" t="s">
        <v>0</v>
      </c>
      <c r="B1" t="s">
        <v>2</v>
      </c>
      <c r="C1" t="s">
        <v>6</v>
      </c>
      <c r="G1" t="s">
        <v>36</v>
      </c>
      <c r="H1" t="s">
        <v>37</v>
      </c>
      <c r="I1" t="s">
        <v>38</v>
      </c>
    </row>
    <row r="2" spans="1:36" x14ac:dyDescent="0.25">
      <c r="A2" t="s">
        <v>22</v>
      </c>
      <c r="B2">
        <v>0</v>
      </c>
      <c r="C2">
        <v>0.53</v>
      </c>
      <c r="F2" t="s">
        <v>22</v>
      </c>
      <c r="G2" s="1">
        <f>AVERAGEIFS($C:$C,$A:$A,$F2,$B:$B,"&lt;3")</f>
        <v>0.45315789473684209</v>
      </c>
      <c r="H2" s="1">
        <f>AVERAGEIFS($C:$C,$A:$A,$F2,$B:$B,"&gt;=3")</f>
        <v>0.50182432432432444</v>
      </c>
      <c r="I2" s="8">
        <f>G2-H2</f>
        <v>-4.8666429587482352E-2</v>
      </c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1:36" x14ac:dyDescent="0.25">
      <c r="A3" t="s">
        <v>22</v>
      </c>
      <c r="B3">
        <v>0</v>
      </c>
      <c r="C3">
        <v>0.41</v>
      </c>
      <c r="F3" t="s">
        <v>29</v>
      </c>
      <c r="G3" s="1">
        <f t="shared" ref="G3:G21" si="0">AVERAGEIFS($C:$C,$A:$A,$F3,$B:$B,"&lt;3")</f>
        <v>0.18470588235294125</v>
      </c>
      <c r="H3" s="1">
        <f t="shared" ref="H3:H21" si="1">AVERAGEIFS($C:$C,$A:$A,$F3,$B:$B,"&gt;=3")</f>
        <v>0.17440000000000003</v>
      </c>
      <c r="I3" s="8">
        <f t="shared" ref="I3:I21" si="2">G3-H3</f>
        <v>1.030588235294122E-2</v>
      </c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</row>
    <row r="4" spans="1:36" x14ac:dyDescent="0.25">
      <c r="A4" t="s">
        <v>22</v>
      </c>
      <c r="B4">
        <v>0</v>
      </c>
      <c r="C4">
        <v>0.6</v>
      </c>
      <c r="F4" t="s">
        <v>7</v>
      </c>
      <c r="G4" s="1">
        <f t="shared" si="0"/>
        <v>0.80933333333333324</v>
      </c>
      <c r="H4" s="1">
        <f t="shared" si="1"/>
        <v>0.83561151079136686</v>
      </c>
      <c r="I4" s="8">
        <f t="shared" si="2"/>
        <v>-2.6278177458033625E-2</v>
      </c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</row>
    <row r="5" spans="1:36" x14ac:dyDescent="0.25">
      <c r="A5" t="s">
        <v>22</v>
      </c>
      <c r="B5">
        <v>0</v>
      </c>
      <c r="C5">
        <v>0.39</v>
      </c>
      <c r="F5" t="s">
        <v>11</v>
      </c>
      <c r="G5" s="1">
        <f t="shared" si="0"/>
        <v>0.84176470588235286</v>
      </c>
      <c r="H5" s="1">
        <f t="shared" si="1"/>
        <v>0.82402877697841681</v>
      </c>
      <c r="I5" s="8">
        <f t="shared" si="2"/>
        <v>1.7735928903936049E-2</v>
      </c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</row>
    <row r="6" spans="1:36" x14ac:dyDescent="0.25">
      <c r="A6" t="s">
        <v>22</v>
      </c>
      <c r="B6">
        <v>0</v>
      </c>
      <c r="C6">
        <v>0.34</v>
      </c>
      <c r="F6" t="s">
        <v>23</v>
      </c>
      <c r="G6" s="1">
        <f t="shared" si="0"/>
        <v>0.55499999999999994</v>
      </c>
      <c r="H6" s="1">
        <f t="shared" si="1"/>
        <v>0.52689189189189189</v>
      </c>
      <c r="I6" s="8">
        <f t="shared" si="2"/>
        <v>2.8108108108108043E-2</v>
      </c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</row>
    <row r="7" spans="1:36" x14ac:dyDescent="0.25">
      <c r="A7" t="s">
        <v>22</v>
      </c>
      <c r="B7">
        <v>0</v>
      </c>
      <c r="C7">
        <v>0.59</v>
      </c>
      <c r="F7" t="s">
        <v>18</v>
      </c>
      <c r="G7" s="1">
        <f t="shared" si="0"/>
        <v>0.49769230769230777</v>
      </c>
      <c r="H7" s="1">
        <f t="shared" si="1"/>
        <v>0.49013888888888918</v>
      </c>
      <c r="I7" s="8">
        <f t="shared" si="2"/>
        <v>7.5534188034185878E-3</v>
      </c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</row>
    <row r="8" spans="1:36" x14ac:dyDescent="0.25">
      <c r="A8" t="s">
        <v>22</v>
      </c>
      <c r="B8">
        <v>0</v>
      </c>
      <c r="C8">
        <v>0.4</v>
      </c>
      <c r="F8" t="s">
        <v>21</v>
      </c>
      <c r="G8" s="1">
        <f t="shared" si="0"/>
        <v>0.48266666666666669</v>
      </c>
      <c r="H8" s="1">
        <f t="shared" si="1"/>
        <v>0.4869230769230769</v>
      </c>
      <c r="I8" s="8">
        <f t="shared" si="2"/>
        <v>-4.2564102564102146E-3</v>
      </c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</row>
    <row r="9" spans="1:36" x14ac:dyDescent="0.25">
      <c r="A9" t="s">
        <v>22</v>
      </c>
      <c r="B9">
        <v>0</v>
      </c>
      <c r="C9">
        <v>0.53</v>
      </c>
      <c r="F9" t="s">
        <v>25</v>
      </c>
      <c r="G9" s="1">
        <f t="shared" si="0"/>
        <v>0.82687499999999992</v>
      </c>
      <c r="H9" s="1">
        <f t="shared" si="1"/>
        <v>0.83561151079136653</v>
      </c>
      <c r="I9" s="8">
        <f t="shared" si="2"/>
        <v>-8.736510791366614E-3</v>
      </c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</row>
    <row r="10" spans="1:36" x14ac:dyDescent="0.25">
      <c r="A10" t="s">
        <v>22</v>
      </c>
      <c r="B10">
        <v>0</v>
      </c>
      <c r="C10">
        <v>0.42</v>
      </c>
      <c r="F10" t="s">
        <v>30</v>
      </c>
      <c r="G10" s="1">
        <f t="shared" si="0"/>
        <v>0.50642857142857145</v>
      </c>
      <c r="H10" s="1">
        <f t="shared" si="1"/>
        <v>0.49341666666666634</v>
      </c>
      <c r="I10" s="8">
        <f t="shared" si="2"/>
        <v>1.3011904761905113E-2</v>
      </c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</row>
    <row r="11" spans="1:36" x14ac:dyDescent="0.25">
      <c r="A11" t="s">
        <v>29</v>
      </c>
      <c r="B11">
        <v>0</v>
      </c>
      <c r="C11">
        <v>0.09</v>
      </c>
      <c r="F11" t="s">
        <v>15</v>
      </c>
      <c r="G11" s="1">
        <f t="shared" si="0"/>
        <v>0.16125</v>
      </c>
      <c r="H11" s="1">
        <f t="shared" si="1"/>
        <v>0.17362903225806445</v>
      </c>
      <c r="I11" s="8">
        <f t="shared" si="2"/>
        <v>-1.2379032258064443E-2</v>
      </c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</row>
    <row r="12" spans="1:36" x14ac:dyDescent="0.25">
      <c r="A12" t="s">
        <v>29</v>
      </c>
      <c r="B12">
        <v>0</v>
      </c>
      <c r="C12">
        <v>0.06</v>
      </c>
      <c r="F12" t="s">
        <v>26</v>
      </c>
      <c r="G12" s="1">
        <f t="shared" si="0"/>
        <v>0.19307692307692306</v>
      </c>
      <c r="H12" s="1">
        <f t="shared" si="1"/>
        <v>0.17495798319327735</v>
      </c>
      <c r="I12" s="8">
        <f t="shared" si="2"/>
        <v>1.8118939883645713E-2</v>
      </c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</row>
    <row r="13" spans="1:36" x14ac:dyDescent="0.25">
      <c r="A13" t="s">
        <v>29</v>
      </c>
      <c r="B13">
        <v>0</v>
      </c>
      <c r="C13">
        <v>0.26</v>
      </c>
      <c r="F13" t="s">
        <v>14</v>
      </c>
      <c r="G13" s="1">
        <f t="shared" si="0"/>
        <v>0.49923076923076926</v>
      </c>
      <c r="H13" s="1">
        <f t="shared" si="1"/>
        <v>0.48376811594202923</v>
      </c>
      <c r="I13" s="8">
        <f t="shared" si="2"/>
        <v>1.5462653288740025E-2</v>
      </c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</row>
    <row r="14" spans="1:36" x14ac:dyDescent="0.25">
      <c r="A14" t="s">
        <v>29</v>
      </c>
      <c r="B14">
        <v>0</v>
      </c>
      <c r="C14">
        <v>0.14000000000000001</v>
      </c>
      <c r="F14" t="s">
        <v>28</v>
      </c>
      <c r="G14" s="1">
        <f t="shared" si="0"/>
        <v>0.48099999999999998</v>
      </c>
      <c r="H14" s="1">
        <f t="shared" si="1"/>
        <v>0.49679389312977096</v>
      </c>
      <c r="I14" s="8">
        <f t="shared" si="2"/>
        <v>-1.5793893129770975E-2</v>
      </c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</row>
    <row r="15" spans="1:36" x14ac:dyDescent="0.25">
      <c r="A15" t="s">
        <v>29</v>
      </c>
      <c r="B15">
        <v>0</v>
      </c>
      <c r="C15">
        <v>0.25</v>
      </c>
      <c r="F15" t="s">
        <v>16</v>
      </c>
      <c r="G15" s="1">
        <f t="shared" si="0"/>
        <v>0.52666666666666662</v>
      </c>
      <c r="H15" s="1">
        <f t="shared" si="1"/>
        <v>0.48236220472440966</v>
      </c>
      <c r="I15" s="8">
        <f t="shared" si="2"/>
        <v>4.4304461942256956E-2</v>
      </c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</row>
    <row r="16" spans="1:36" x14ac:dyDescent="0.25">
      <c r="A16" t="s">
        <v>29</v>
      </c>
      <c r="B16">
        <v>0</v>
      </c>
      <c r="C16">
        <v>0.27</v>
      </c>
      <c r="F16" t="s">
        <v>13</v>
      </c>
      <c r="G16" s="1">
        <f t="shared" si="0"/>
        <v>0.52799999999999991</v>
      </c>
      <c r="H16" s="1">
        <f t="shared" si="1"/>
        <v>0.5068750000000003</v>
      </c>
      <c r="I16" s="8">
        <f t="shared" si="2"/>
        <v>2.1124999999999616E-2</v>
      </c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</row>
    <row r="17" spans="1:36" x14ac:dyDescent="0.25">
      <c r="A17" t="s">
        <v>29</v>
      </c>
      <c r="B17">
        <v>0</v>
      </c>
      <c r="C17">
        <v>0.26</v>
      </c>
      <c r="F17" t="s">
        <v>17</v>
      </c>
      <c r="G17" s="1">
        <f t="shared" si="0"/>
        <v>0.16133333333333333</v>
      </c>
      <c r="H17" s="1">
        <f t="shared" si="1"/>
        <v>0.17721854304635762</v>
      </c>
      <c r="I17" s="8">
        <f t="shared" si="2"/>
        <v>-1.588520971302429E-2</v>
      </c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</row>
    <row r="18" spans="1:36" x14ac:dyDescent="0.25">
      <c r="A18" t="s">
        <v>7</v>
      </c>
      <c r="B18">
        <v>0</v>
      </c>
      <c r="C18">
        <v>0.85</v>
      </c>
      <c r="F18" t="s">
        <v>27</v>
      </c>
      <c r="G18" s="1">
        <f t="shared" si="0"/>
        <v>0.80882352941176483</v>
      </c>
      <c r="H18" s="1">
        <f t="shared" si="1"/>
        <v>0.81985294117647067</v>
      </c>
      <c r="I18" s="8">
        <f t="shared" si="2"/>
        <v>-1.1029411764705843E-2</v>
      </c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</row>
    <row r="19" spans="1:36" x14ac:dyDescent="0.25">
      <c r="A19" t="s">
        <v>7</v>
      </c>
      <c r="B19">
        <v>0</v>
      </c>
      <c r="C19">
        <v>0.82</v>
      </c>
      <c r="F19" t="s">
        <v>9</v>
      </c>
      <c r="G19" s="1">
        <f t="shared" si="0"/>
        <v>0.1853846153846154</v>
      </c>
      <c r="H19" s="1">
        <f t="shared" si="1"/>
        <v>0.17308823529411765</v>
      </c>
      <c r="I19" s="8">
        <f t="shared" si="2"/>
        <v>1.2296380090497744E-2</v>
      </c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</row>
    <row r="20" spans="1:36" x14ac:dyDescent="0.25">
      <c r="A20" t="s">
        <v>7</v>
      </c>
      <c r="B20">
        <v>0</v>
      </c>
      <c r="C20">
        <v>0.77</v>
      </c>
      <c r="F20" t="s">
        <v>20</v>
      </c>
      <c r="G20" s="1">
        <f t="shared" si="0"/>
        <v>0.52769230769230768</v>
      </c>
      <c r="H20" s="1">
        <f t="shared" si="1"/>
        <v>0.48941558441558425</v>
      </c>
      <c r="I20" s="8">
        <f t="shared" si="2"/>
        <v>3.8276723276723434E-2</v>
      </c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</row>
    <row r="21" spans="1:36" x14ac:dyDescent="0.25">
      <c r="A21" t="s">
        <v>7</v>
      </c>
      <c r="B21">
        <v>0</v>
      </c>
      <c r="C21">
        <v>0.9</v>
      </c>
      <c r="F21" t="s">
        <v>19</v>
      </c>
      <c r="G21" s="1">
        <f t="shared" si="0"/>
        <v>0.82</v>
      </c>
      <c r="H21" s="1">
        <f t="shared" si="1"/>
        <v>0.82593220338983042</v>
      </c>
      <c r="I21" s="8">
        <f t="shared" si="2"/>
        <v>-5.9322033898304705E-3</v>
      </c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</row>
    <row r="22" spans="1:36" x14ac:dyDescent="0.25">
      <c r="A22" t="s">
        <v>7</v>
      </c>
      <c r="B22">
        <v>0</v>
      </c>
      <c r="C22">
        <v>0.72</v>
      </c>
    </row>
    <row r="23" spans="1:36" x14ac:dyDescent="0.25">
      <c r="A23" t="s">
        <v>7</v>
      </c>
      <c r="B23">
        <v>0</v>
      </c>
      <c r="C23">
        <v>0.8</v>
      </c>
    </row>
    <row r="24" spans="1:36" x14ac:dyDescent="0.25">
      <c r="A24" t="s">
        <v>7</v>
      </c>
      <c r="B24">
        <v>0</v>
      </c>
      <c r="C24">
        <v>0.89</v>
      </c>
    </row>
    <row r="25" spans="1:36" x14ac:dyDescent="0.25">
      <c r="A25" t="s">
        <v>11</v>
      </c>
      <c r="B25">
        <v>0</v>
      </c>
      <c r="C25">
        <v>0.91</v>
      </c>
    </row>
    <row r="26" spans="1:36" x14ac:dyDescent="0.25">
      <c r="A26" t="s">
        <v>11</v>
      </c>
      <c r="B26">
        <v>0</v>
      </c>
      <c r="C26">
        <v>0.9</v>
      </c>
    </row>
    <row r="27" spans="1:36" x14ac:dyDescent="0.25">
      <c r="A27" t="s">
        <v>11</v>
      </c>
      <c r="B27">
        <v>0</v>
      </c>
      <c r="C27">
        <v>0.94</v>
      </c>
    </row>
    <row r="28" spans="1:36" x14ac:dyDescent="0.25">
      <c r="A28" t="s">
        <v>11</v>
      </c>
      <c r="B28">
        <v>0</v>
      </c>
      <c r="C28">
        <v>0.93</v>
      </c>
    </row>
    <row r="29" spans="1:36" x14ac:dyDescent="0.25">
      <c r="A29" t="s">
        <v>11</v>
      </c>
      <c r="B29">
        <v>0</v>
      </c>
      <c r="C29">
        <v>0.91</v>
      </c>
    </row>
    <row r="30" spans="1:36" x14ac:dyDescent="0.25">
      <c r="A30" t="s">
        <v>18</v>
      </c>
      <c r="B30">
        <v>0</v>
      </c>
      <c r="C30">
        <v>0.52</v>
      </c>
    </row>
    <row r="31" spans="1:36" x14ac:dyDescent="0.25">
      <c r="A31" t="s">
        <v>18</v>
      </c>
      <c r="B31">
        <v>0</v>
      </c>
      <c r="C31">
        <v>0.32</v>
      </c>
    </row>
    <row r="32" spans="1:36" x14ac:dyDescent="0.25">
      <c r="A32" t="s">
        <v>18</v>
      </c>
      <c r="B32">
        <v>0</v>
      </c>
      <c r="C32">
        <v>0.43</v>
      </c>
    </row>
    <row r="33" spans="1:3" x14ac:dyDescent="0.25">
      <c r="A33" t="s">
        <v>21</v>
      </c>
      <c r="B33">
        <v>0</v>
      </c>
      <c r="C33">
        <v>0.4</v>
      </c>
    </row>
    <row r="34" spans="1:3" x14ac:dyDescent="0.25">
      <c r="A34" t="s">
        <v>21</v>
      </c>
      <c r="B34">
        <v>0</v>
      </c>
      <c r="C34">
        <v>0.46</v>
      </c>
    </row>
    <row r="35" spans="1:3" x14ac:dyDescent="0.25">
      <c r="A35" t="s">
        <v>21</v>
      </c>
      <c r="B35">
        <v>0</v>
      </c>
      <c r="C35">
        <v>0.33</v>
      </c>
    </row>
    <row r="36" spans="1:3" x14ac:dyDescent="0.25">
      <c r="A36" t="s">
        <v>21</v>
      </c>
      <c r="B36">
        <v>0</v>
      </c>
      <c r="C36">
        <v>0.59</v>
      </c>
    </row>
    <row r="37" spans="1:3" x14ac:dyDescent="0.25">
      <c r="A37" t="s">
        <v>21</v>
      </c>
      <c r="B37">
        <v>0</v>
      </c>
      <c r="C37">
        <v>0.62</v>
      </c>
    </row>
    <row r="38" spans="1:3" x14ac:dyDescent="0.25">
      <c r="A38" t="s">
        <v>21</v>
      </c>
      <c r="B38">
        <v>0</v>
      </c>
      <c r="C38">
        <v>0.4</v>
      </c>
    </row>
    <row r="39" spans="1:3" x14ac:dyDescent="0.25">
      <c r="A39" t="s">
        <v>21</v>
      </c>
      <c r="B39">
        <v>0</v>
      </c>
      <c r="C39">
        <v>0.32</v>
      </c>
    </row>
    <row r="40" spans="1:3" x14ac:dyDescent="0.25">
      <c r="A40" t="s">
        <v>21</v>
      </c>
      <c r="B40">
        <v>0</v>
      </c>
      <c r="C40">
        <v>0.62</v>
      </c>
    </row>
    <row r="41" spans="1:3" x14ac:dyDescent="0.25">
      <c r="A41" t="s">
        <v>25</v>
      </c>
      <c r="B41">
        <v>0</v>
      </c>
      <c r="C41">
        <v>0.76</v>
      </c>
    </row>
    <row r="42" spans="1:3" x14ac:dyDescent="0.25">
      <c r="A42" t="s">
        <v>25</v>
      </c>
      <c r="B42">
        <v>0</v>
      </c>
      <c r="C42">
        <v>0.89</v>
      </c>
    </row>
    <row r="43" spans="1:3" x14ac:dyDescent="0.25">
      <c r="A43" t="s">
        <v>25</v>
      </c>
      <c r="B43">
        <v>0</v>
      </c>
      <c r="C43">
        <v>0.71</v>
      </c>
    </row>
    <row r="44" spans="1:3" x14ac:dyDescent="0.25">
      <c r="A44" t="s">
        <v>25</v>
      </c>
      <c r="B44">
        <v>0</v>
      </c>
      <c r="C44">
        <v>0.7</v>
      </c>
    </row>
    <row r="45" spans="1:3" x14ac:dyDescent="0.25">
      <c r="A45" t="s">
        <v>25</v>
      </c>
      <c r="B45">
        <v>0</v>
      </c>
      <c r="C45">
        <v>0.72</v>
      </c>
    </row>
    <row r="46" spans="1:3" x14ac:dyDescent="0.25">
      <c r="A46" t="s">
        <v>25</v>
      </c>
      <c r="B46">
        <v>0</v>
      </c>
      <c r="C46">
        <v>0.72</v>
      </c>
    </row>
    <row r="47" spans="1:3" x14ac:dyDescent="0.25">
      <c r="A47" t="s">
        <v>30</v>
      </c>
      <c r="B47">
        <v>0</v>
      </c>
      <c r="C47">
        <v>0.44</v>
      </c>
    </row>
    <row r="48" spans="1:3" x14ac:dyDescent="0.25">
      <c r="A48" t="s">
        <v>30</v>
      </c>
      <c r="B48">
        <v>0</v>
      </c>
      <c r="C48">
        <v>0.44</v>
      </c>
    </row>
    <row r="49" spans="1:3" x14ac:dyDescent="0.25">
      <c r="A49" t="s">
        <v>30</v>
      </c>
      <c r="B49">
        <v>0</v>
      </c>
      <c r="C49">
        <v>0.43</v>
      </c>
    </row>
    <row r="50" spans="1:3" x14ac:dyDescent="0.25">
      <c r="A50" t="s">
        <v>15</v>
      </c>
      <c r="B50">
        <v>0</v>
      </c>
      <c r="C50">
        <v>0.13</v>
      </c>
    </row>
    <row r="51" spans="1:3" x14ac:dyDescent="0.25">
      <c r="A51" t="s">
        <v>15</v>
      </c>
      <c r="B51">
        <v>0</v>
      </c>
      <c r="C51">
        <v>0.15</v>
      </c>
    </row>
    <row r="52" spans="1:3" x14ac:dyDescent="0.25">
      <c r="A52" t="s">
        <v>15</v>
      </c>
      <c r="B52">
        <v>0</v>
      </c>
      <c r="C52">
        <v>0.24</v>
      </c>
    </row>
    <row r="53" spans="1:3" x14ac:dyDescent="0.25">
      <c r="A53" t="s">
        <v>15</v>
      </c>
      <c r="B53">
        <v>0</v>
      </c>
      <c r="C53">
        <v>0.1</v>
      </c>
    </row>
    <row r="54" spans="1:3" x14ac:dyDescent="0.25">
      <c r="A54" t="s">
        <v>15</v>
      </c>
      <c r="B54">
        <v>0</v>
      </c>
      <c r="C54">
        <v>0.17</v>
      </c>
    </row>
    <row r="55" spans="1:3" x14ac:dyDescent="0.25">
      <c r="A55" t="s">
        <v>15</v>
      </c>
      <c r="B55">
        <v>0</v>
      </c>
      <c r="C55">
        <v>0.19</v>
      </c>
    </row>
    <row r="56" spans="1:3" x14ac:dyDescent="0.25">
      <c r="A56" t="s">
        <v>15</v>
      </c>
      <c r="B56">
        <v>0</v>
      </c>
      <c r="C56">
        <v>0.1</v>
      </c>
    </row>
    <row r="57" spans="1:3" x14ac:dyDescent="0.25">
      <c r="A57" t="s">
        <v>26</v>
      </c>
      <c r="B57">
        <v>0</v>
      </c>
      <c r="C57">
        <v>0.27</v>
      </c>
    </row>
    <row r="58" spans="1:3" x14ac:dyDescent="0.25">
      <c r="A58" t="s">
        <v>26</v>
      </c>
      <c r="B58">
        <v>0</v>
      </c>
      <c r="C58">
        <v>0.19</v>
      </c>
    </row>
    <row r="59" spans="1:3" x14ac:dyDescent="0.25">
      <c r="A59" t="s">
        <v>26</v>
      </c>
      <c r="B59">
        <v>0</v>
      </c>
      <c r="C59">
        <v>0.17</v>
      </c>
    </row>
    <row r="60" spans="1:3" x14ac:dyDescent="0.25">
      <c r="A60" t="s">
        <v>26</v>
      </c>
      <c r="B60">
        <v>0</v>
      </c>
      <c r="C60">
        <v>0.17</v>
      </c>
    </row>
    <row r="61" spans="1:3" x14ac:dyDescent="0.25">
      <c r="A61" t="s">
        <v>14</v>
      </c>
      <c r="B61">
        <v>0</v>
      </c>
      <c r="C61">
        <v>0.66</v>
      </c>
    </row>
    <row r="62" spans="1:3" x14ac:dyDescent="0.25">
      <c r="A62" t="s">
        <v>14</v>
      </c>
      <c r="B62">
        <v>0</v>
      </c>
      <c r="C62">
        <v>0.5</v>
      </c>
    </row>
    <row r="63" spans="1:3" x14ac:dyDescent="0.25">
      <c r="A63" t="s">
        <v>14</v>
      </c>
      <c r="B63">
        <v>0</v>
      </c>
      <c r="C63">
        <v>0.32</v>
      </c>
    </row>
    <row r="64" spans="1:3" x14ac:dyDescent="0.25">
      <c r="A64" t="s">
        <v>14</v>
      </c>
      <c r="B64">
        <v>0</v>
      </c>
      <c r="C64">
        <v>0.44</v>
      </c>
    </row>
    <row r="65" spans="1:3" x14ac:dyDescent="0.25">
      <c r="A65" t="s">
        <v>14</v>
      </c>
      <c r="B65">
        <v>0</v>
      </c>
      <c r="C65">
        <v>0.6</v>
      </c>
    </row>
    <row r="66" spans="1:3" x14ac:dyDescent="0.25">
      <c r="A66" t="s">
        <v>28</v>
      </c>
      <c r="B66">
        <v>0</v>
      </c>
      <c r="C66">
        <v>0.31</v>
      </c>
    </row>
    <row r="67" spans="1:3" x14ac:dyDescent="0.25">
      <c r="A67" t="s">
        <v>28</v>
      </c>
      <c r="B67">
        <v>0</v>
      </c>
      <c r="C67">
        <v>0.67</v>
      </c>
    </row>
    <row r="68" spans="1:3" x14ac:dyDescent="0.25">
      <c r="A68" t="s">
        <v>28</v>
      </c>
      <c r="B68">
        <v>0</v>
      </c>
      <c r="C68">
        <v>0.61</v>
      </c>
    </row>
    <row r="69" spans="1:3" x14ac:dyDescent="0.25">
      <c r="A69" t="s">
        <v>16</v>
      </c>
      <c r="B69">
        <v>0</v>
      </c>
      <c r="C69">
        <v>0.36</v>
      </c>
    </row>
    <row r="70" spans="1:3" x14ac:dyDescent="0.25">
      <c r="A70" t="s">
        <v>16</v>
      </c>
      <c r="B70">
        <v>0</v>
      </c>
      <c r="C70">
        <v>0.57999999999999996</v>
      </c>
    </row>
    <row r="71" spans="1:3" x14ac:dyDescent="0.25">
      <c r="A71" t="s">
        <v>16</v>
      </c>
      <c r="B71">
        <v>0</v>
      </c>
      <c r="C71">
        <v>0.45</v>
      </c>
    </row>
    <row r="72" spans="1:3" x14ac:dyDescent="0.25">
      <c r="A72" t="s">
        <v>13</v>
      </c>
      <c r="B72">
        <v>0</v>
      </c>
      <c r="C72">
        <v>0.48</v>
      </c>
    </row>
    <row r="73" spans="1:3" x14ac:dyDescent="0.25">
      <c r="A73" t="s">
        <v>13</v>
      </c>
      <c r="B73">
        <v>0</v>
      </c>
      <c r="C73">
        <v>0.52</v>
      </c>
    </row>
    <row r="74" spans="1:3" x14ac:dyDescent="0.25">
      <c r="A74" t="s">
        <v>13</v>
      </c>
      <c r="B74">
        <v>0</v>
      </c>
      <c r="C74">
        <v>0.48</v>
      </c>
    </row>
    <row r="75" spans="1:3" x14ac:dyDescent="0.25">
      <c r="A75" t="s">
        <v>13</v>
      </c>
      <c r="B75">
        <v>0</v>
      </c>
      <c r="C75">
        <v>0.52</v>
      </c>
    </row>
    <row r="76" spans="1:3" x14ac:dyDescent="0.25">
      <c r="A76" t="s">
        <v>13</v>
      </c>
      <c r="B76">
        <v>0</v>
      </c>
      <c r="C76">
        <v>0.3</v>
      </c>
    </row>
    <row r="77" spans="1:3" x14ac:dyDescent="0.25">
      <c r="A77" t="s">
        <v>13</v>
      </c>
      <c r="B77">
        <v>0</v>
      </c>
      <c r="C77">
        <v>0.55000000000000004</v>
      </c>
    </row>
    <row r="78" spans="1:3" x14ac:dyDescent="0.25">
      <c r="A78" t="s">
        <v>13</v>
      </c>
      <c r="B78">
        <v>0</v>
      </c>
      <c r="C78">
        <v>0.66</v>
      </c>
    </row>
    <row r="79" spans="1:3" x14ac:dyDescent="0.25">
      <c r="A79" t="s">
        <v>17</v>
      </c>
      <c r="B79">
        <v>0</v>
      </c>
      <c r="C79">
        <v>0.13</v>
      </c>
    </row>
    <row r="80" spans="1:3" x14ac:dyDescent="0.25">
      <c r="A80" t="s">
        <v>17</v>
      </c>
      <c r="B80">
        <v>0</v>
      </c>
      <c r="C80">
        <v>0.12</v>
      </c>
    </row>
    <row r="81" spans="1:3" x14ac:dyDescent="0.25">
      <c r="A81" t="s">
        <v>27</v>
      </c>
      <c r="B81">
        <v>0</v>
      </c>
      <c r="C81">
        <v>0.76</v>
      </c>
    </row>
    <row r="82" spans="1:3" x14ac:dyDescent="0.25">
      <c r="A82" t="s">
        <v>27</v>
      </c>
      <c r="B82">
        <v>0</v>
      </c>
      <c r="C82">
        <v>0.73</v>
      </c>
    </row>
    <row r="83" spans="1:3" x14ac:dyDescent="0.25">
      <c r="A83" t="s">
        <v>27</v>
      </c>
      <c r="B83">
        <v>0</v>
      </c>
      <c r="C83">
        <v>0.8</v>
      </c>
    </row>
    <row r="84" spans="1:3" x14ac:dyDescent="0.25">
      <c r="A84" t="s">
        <v>27</v>
      </c>
      <c r="B84">
        <v>0</v>
      </c>
      <c r="C84">
        <v>0.82</v>
      </c>
    </row>
    <row r="85" spans="1:3" x14ac:dyDescent="0.25">
      <c r="A85" t="s">
        <v>27</v>
      </c>
      <c r="B85">
        <v>0</v>
      </c>
      <c r="C85">
        <v>0.8</v>
      </c>
    </row>
    <row r="86" spans="1:3" x14ac:dyDescent="0.25">
      <c r="A86" t="s">
        <v>9</v>
      </c>
      <c r="B86">
        <v>0</v>
      </c>
      <c r="C86">
        <v>0.26</v>
      </c>
    </row>
    <row r="87" spans="1:3" x14ac:dyDescent="0.25">
      <c r="A87" t="s">
        <v>9</v>
      </c>
      <c r="B87">
        <v>0</v>
      </c>
      <c r="C87">
        <v>0.1</v>
      </c>
    </row>
    <row r="88" spans="1:3" x14ac:dyDescent="0.25">
      <c r="A88" t="s">
        <v>9</v>
      </c>
      <c r="B88">
        <v>0</v>
      </c>
      <c r="C88">
        <v>0.27</v>
      </c>
    </row>
    <row r="89" spans="1:3" x14ac:dyDescent="0.25">
      <c r="A89" t="s">
        <v>9</v>
      </c>
      <c r="B89">
        <v>0</v>
      </c>
      <c r="C89">
        <v>0.22</v>
      </c>
    </row>
    <row r="90" spans="1:3" x14ac:dyDescent="0.25">
      <c r="A90" t="s">
        <v>9</v>
      </c>
      <c r="B90">
        <v>0</v>
      </c>
      <c r="C90">
        <v>0.24</v>
      </c>
    </row>
    <row r="91" spans="1:3" x14ac:dyDescent="0.25">
      <c r="A91" t="s">
        <v>20</v>
      </c>
      <c r="B91">
        <v>0</v>
      </c>
      <c r="C91">
        <v>0.59</v>
      </c>
    </row>
    <row r="92" spans="1:3" x14ac:dyDescent="0.25">
      <c r="A92" t="s">
        <v>20</v>
      </c>
      <c r="B92">
        <v>0</v>
      </c>
      <c r="C92">
        <v>0.37</v>
      </c>
    </row>
    <row r="93" spans="1:3" x14ac:dyDescent="0.25">
      <c r="A93" t="s">
        <v>20</v>
      </c>
      <c r="B93">
        <v>0</v>
      </c>
      <c r="C93">
        <v>0.55000000000000004</v>
      </c>
    </row>
    <row r="94" spans="1:3" x14ac:dyDescent="0.25">
      <c r="A94" t="s">
        <v>20</v>
      </c>
      <c r="B94">
        <v>0</v>
      </c>
      <c r="C94">
        <v>0.44</v>
      </c>
    </row>
    <row r="95" spans="1:3" x14ac:dyDescent="0.25">
      <c r="A95" t="s">
        <v>19</v>
      </c>
      <c r="B95">
        <v>0</v>
      </c>
      <c r="C95">
        <v>0.74</v>
      </c>
    </row>
    <row r="96" spans="1:3" x14ac:dyDescent="0.25">
      <c r="A96" t="s">
        <v>19</v>
      </c>
      <c r="B96">
        <v>0</v>
      </c>
      <c r="C96">
        <v>0.8</v>
      </c>
    </row>
    <row r="97" spans="1:3" x14ac:dyDescent="0.25">
      <c r="A97" t="s">
        <v>19</v>
      </c>
      <c r="B97">
        <v>0</v>
      </c>
      <c r="C97">
        <v>0.77</v>
      </c>
    </row>
    <row r="98" spans="1:3" x14ac:dyDescent="0.25">
      <c r="A98" t="s">
        <v>19</v>
      </c>
      <c r="B98">
        <v>0</v>
      </c>
      <c r="C98">
        <v>0.86</v>
      </c>
    </row>
    <row r="99" spans="1:3" x14ac:dyDescent="0.25">
      <c r="A99" t="s">
        <v>19</v>
      </c>
      <c r="B99">
        <v>0</v>
      </c>
      <c r="C99">
        <v>0.82</v>
      </c>
    </row>
    <row r="100" spans="1:3" x14ac:dyDescent="0.25">
      <c r="A100" t="s">
        <v>22</v>
      </c>
      <c r="B100">
        <v>1</v>
      </c>
      <c r="C100">
        <v>0.43</v>
      </c>
    </row>
    <row r="101" spans="1:3" x14ac:dyDescent="0.25">
      <c r="A101" t="s">
        <v>22</v>
      </c>
      <c r="B101">
        <v>1</v>
      </c>
      <c r="C101">
        <v>0.59</v>
      </c>
    </row>
    <row r="102" spans="1:3" x14ac:dyDescent="0.25">
      <c r="A102" t="s">
        <v>22</v>
      </c>
      <c r="B102">
        <v>1</v>
      </c>
      <c r="C102">
        <v>0.37</v>
      </c>
    </row>
    <row r="103" spans="1:3" x14ac:dyDescent="0.25">
      <c r="A103" t="s">
        <v>22</v>
      </c>
      <c r="B103">
        <v>1</v>
      </c>
      <c r="C103">
        <v>0.4</v>
      </c>
    </row>
    <row r="104" spans="1:3" x14ac:dyDescent="0.25">
      <c r="A104" t="s">
        <v>22</v>
      </c>
      <c r="B104">
        <v>1</v>
      </c>
      <c r="C104">
        <v>0.48</v>
      </c>
    </row>
    <row r="105" spans="1:3" x14ac:dyDescent="0.25">
      <c r="A105" t="s">
        <v>22</v>
      </c>
      <c r="B105">
        <v>1</v>
      </c>
      <c r="C105">
        <v>0.43</v>
      </c>
    </row>
    <row r="106" spans="1:3" x14ac:dyDescent="0.25">
      <c r="A106" t="s">
        <v>29</v>
      </c>
      <c r="B106">
        <v>1</v>
      </c>
      <c r="C106">
        <v>0.11</v>
      </c>
    </row>
    <row r="107" spans="1:3" x14ac:dyDescent="0.25">
      <c r="A107" t="s">
        <v>29</v>
      </c>
      <c r="B107">
        <v>1</v>
      </c>
      <c r="C107">
        <v>0.11</v>
      </c>
    </row>
    <row r="108" spans="1:3" x14ac:dyDescent="0.25">
      <c r="A108" t="s">
        <v>29</v>
      </c>
      <c r="B108">
        <v>1</v>
      </c>
      <c r="C108">
        <v>0.14000000000000001</v>
      </c>
    </row>
    <row r="109" spans="1:3" x14ac:dyDescent="0.25">
      <c r="A109" t="s">
        <v>29</v>
      </c>
      <c r="B109">
        <v>1</v>
      </c>
      <c r="C109">
        <v>0.27</v>
      </c>
    </row>
    <row r="110" spans="1:3" x14ac:dyDescent="0.25">
      <c r="A110" t="s">
        <v>7</v>
      </c>
      <c r="B110">
        <v>1</v>
      </c>
      <c r="C110">
        <v>0.81</v>
      </c>
    </row>
    <row r="111" spans="1:3" x14ac:dyDescent="0.25">
      <c r="A111" t="s">
        <v>7</v>
      </c>
      <c r="B111">
        <v>1</v>
      </c>
      <c r="C111">
        <v>0.71</v>
      </c>
    </row>
    <row r="112" spans="1:3" x14ac:dyDescent="0.25">
      <c r="A112" t="s">
        <v>7</v>
      </c>
      <c r="B112">
        <v>1</v>
      </c>
      <c r="C112">
        <v>0.76</v>
      </c>
    </row>
    <row r="113" spans="1:3" x14ac:dyDescent="0.25">
      <c r="A113" t="s">
        <v>7</v>
      </c>
      <c r="B113">
        <v>1</v>
      </c>
      <c r="C113">
        <v>0.78</v>
      </c>
    </row>
    <row r="114" spans="1:3" x14ac:dyDescent="0.25">
      <c r="A114" t="s">
        <v>7</v>
      </c>
      <c r="B114">
        <v>1</v>
      </c>
      <c r="C114">
        <v>0.8</v>
      </c>
    </row>
    <row r="115" spans="1:3" x14ac:dyDescent="0.25">
      <c r="A115" t="s">
        <v>11</v>
      </c>
      <c r="B115">
        <v>1</v>
      </c>
      <c r="C115">
        <v>0.8</v>
      </c>
    </row>
    <row r="116" spans="1:3" x14ac:dyDescent="0.25">
      <c r="A116" t="s">
        <v>11</v>
      </c>
      <c r="B116">
        <v>1</v>
      </c>
      <c r="C116">
        <v>0.72</v>
      </c>
    </row>
    <row r="117" spans="1:3" x14ac:dyDescent="0.25">
      <c r="A117" t="s">
        <v>11</v>
      </c>
      <c r="B117">
        <v>1</v>
      </c>
      <c r="C117">
        <v>0.72</v>
      </c>
    </row>
    <row r="118" spans="1:3" x14ac:dyDescent="0.25">
      <c r="A118" t="s">
        <v>11</v>
      </c>
      <c r="B118">
        <v>1</v>
      </c>
      <c r="C118">
        <v>0.85</v>
      </c>
    </row>
    <row r="119" spans="1:3" x14ac:dyDescent="0.25">
      <c r="A119" t="s">
        <v>11</v>
      </c>
      <c r="B119">
        <v>1</v>
      </c>
      <c r="C119">
        <v>0.81</v>
      </c>
    </row>
    <row r="120" spans="1:3" x14ac:dyDescent="0.25">
      <c r="A120" t="s">
        <v>11</v>
      </c>
      <c r="B120">
        <v>1</v>
      </c>
      <c r="C120">
        <v>0.88</v>
      </c>
    </row>
    <row r="121" spans="1:3" x14ac:dyDescent="0.25">
      <c r="A121" t="s">
        <v>11</v>
      </c>
      <c r="B121">
        <v>1</v>
      </c>
      <c r="C121">
        <v>0.72</v>
      </c>
    </row>
    <row r="122" spans="1:3" x14ac:dyDescent="0.25">
      <c r="A122" t="s">
        <v>23</v>
      </c>
      <c r="B122">
        <v>1</v>
      </c>
      <c r="C122">
        <v>0.68</v>
      </c>
    </row>
    <row r="123" spans="1:3" x14ac:dyDescent="0.25">
      <c r="A123" t="s">
        <v>23</v>
      </c>
      <c r="B123">
        <v>1</v>
      </c>
      <c r="C123">
        <v>0.5</v>
      </c>
    </row>
    <row r="124" spans="1:3" x14ac:dyDescent="0.25">
      <c r="A124" t="s">
        <v>23</v>
      </c>
      <c r="B124">
        <v>1</v>
      </c>
      <c r="C124">
        <v>0.49</v>
      </c>
    </row>
    <row r="125" spans="1:3" x14ac:dyDescent="0.25">
      <c r="A125" t="s">
        <v>18</v>
      </c>
      <c r="B125">
        <v>1</v>
      </c>
      <c r="C125">
        <v>0.56999999999999995</v>
      </c>
    </row>
    <row r="126" spans="1:3" x14ac:dyDescent="0.25">
      <c r="A126" t="s">
        <v>18</v>
      </c>
      <c r="B126">
        <v>1</v>
      </c>
      <c r="C126">
        <v>0.31</v>
      </c>
    </row>
    <row r="127" spans="1:3" x14ac:dyDescent="0.25">
      <c r="A127" t="s">
        <v>18</v>
      </c>
      <c r="B127">
        <v>1</v>
      </c>
      <c r="C127">
        <v>0.46</v>
      </c>
    </row>
    <row r="128" spans="1:3" x14ac:dyDescent="0.25">
      <c r="A128" t="s">
        <v>21</v>
      </c>
      <c r="B128">
        <v>1</v>
      </c>
      <c r="C128">
        <v>0.51</v>
      </c>
    </row>
    <row r="129" spans="1:3" x14ac:dyDescent="0.25">
      <c r="A129" t="s">
        <v>21</v>
      </c>
      <c r="B129">
        <v>1</v>
      </c>
      <c r="C129">
        <v>0.59</v>
      </c>
    </row>
    <row r="130" spans="1:3" x14ac:dyDescent="0.25">
      <c r="A130" t="s">
        <v>21</v>
      </c>
      <c r="B130">
        <v>1</v>
      </c>
      <c r="C130">
        <v>0.34</v>
      </c>
    </row>
    <row r="131" spans="1:3" x14ac:dyDescent="0.25">
      <c r="A131" t="s">
        <v>21</v>
      </c>
      <c r="B131">
        <v>1</v>
      </c>
      <c r="C131">
        <v>0.61</v>
      </c>
    </row>
    <row r="132" spans="1:3" x14ac:dyDescent="0.25">
      <c r="A132" t="s">
        <v>21</v>
      </c>
      <c r="B132">
        <v>1</v>
      </c>
      <c r="C132">
        <v>0.63</v>
      </c>
    </row>
    <row r="133" spans="1:3" x14ac:dyDescent="0.25">
      <c r="A133" t="s">
        <v>21</v>
      </c>
      <c r="B133">
        <v>1</v>
      </c>
      <c r="C133">
        <v>0.5</v>
      </c>
    </row>
    <row r="134" spans="1:3" x14ac:dyDescent="0.25">
      <c r="A134" t="s">
        <v>25</v>
      </c>
      <c r="B134">
        <v>1</v>
      </c>
      <c r="C134">
        <v>0.81</v>
      </c>
    </row>
    <row r="135" spans="1:3" x14ac:dyDescent="0.25">
      <c r="A135" t="s">
        <v>25</v>
      </c>
      <c r="B135">
        <v>1</v>
      </c>
      <c r="C135">
        <v>0.87</v>
      </c>
    </row>
    <row r="136" spans="1:3" x14ac:dyDescent="0.25">
      <c r="A136" t="s">
        <v>25</v>
      </c>
      <c r="B136">
        <v>1</v>
      </c>
      <c r="C136">
        <v>0.89</v>
      </c>
    </row>
    <row r="137" spans="1:3" x14ac:dyDescent="0.25">
      <c r="A137" t="s">
        <v>25</v>
      </c>
      <c r="B137">
        <v>1</v>
      </c>
      <c r="C137">
        <v>0.91</v>
      </c>
    </row>
    <row r="138" spans="1:3" x14ac:dyDescent="0.25">
      <c r="A138" t="s">
        <v>25</v>
      </c>
      <c r="B138">
        <v>1</v>
      </c>
      <c r="C138">
        <v>0.76</v>
      </c>
    </row>
    <row r="139" spans="1:3" x14ac:dyDescent="0.25">
      <c r="A139" t="s">
        <v>25</v>
      </c>
      <c r="B139">
        <v>1</v>
      </c>
      <c r="C139">
        <v>0.89</v>
      </c>
    </row>
    <row r="140" spans="1:3" x14ac:dyDescent="0.25">
      <c r="A140" t="s">
        <v>30</v>
      </c>
      <c r="B140">
        <v>1</v>
      </c>
      <c r="C140">
        <v>0.56999999999999995</v>
      </c>
    </row>
    <row r="141" spans="1:3" x14ac:dyDescent="0.25">
      <c r="A141" t="s">
        <v>30</v>
      </c>
      <c r="B141">
        <v>1</v>
      </c>
      <c r="C141">
        <v>0.45</v>
      </c>
    </row>
    <row r="142" spans="1:3" x14ac:dyDescent="0.25">
      <c r="A142" t="s">
        <v>30</v>
      </c>
      <c r="B142">
        <v>1</v>
      </c>
      <c r="C142">
        <v>0.36</v>
      </c>
    </row>
    <row r="143" spans="1:3" x14ac:dyDescent="0.25">
      <c r="A143" t="s">
        <v>30</v>
      </c>
      <c r="B143">
        <v>1</v>
      </c>
      <c r="C143">
        <v>0.7</v>
      </c>
    </row>
    <row r="144" spans="1:3" x14ac:dyDescent="0.25">
      <c r="A144" t="s">
        <v>30</v>
      </c>
      <c r="B144">
        <v>1</v>
      </c>
      <c r="C144">
        <v>0.54</v>
      </c>
    </row>
    <row r="145" spans="1:3" x14ac:dyDescent="0.25">
      <c r="A145" t="s">
        <v>30</v>
      </c>
      <c r="B145">
        <v>1</v>
      </c>
      <c r="C145">
        <v>0.5</v>
      </c>
    </row>
    <row r="146" spans="1:3" x14ac:dyDescent="0.25">
      <c r="A146" t="s">
        <v>15</v>
      </c>
      <c r="B146">
        <v>1</v>
      </c>
      <c r="C146">
        <v>0.06</v>
      </c>
    </row>
    <row r="147" spans="1:3" x14ac:dyDescent="0.25">
      <c r="A147" t="s">
        <v>15</v>
      </c>
      <c r="B147">
        <v>1</v>
      </c>
      <c r="C147">
        <v>0.25</v>
      </c>
    </row>
    <row r="148" spans="1:3" x14ac:dyDescent="0.25">
      <c r="A148" t="s">
        <v>15</v>
      </c>
      <c r="B148">
        <v>1</v>
      </c>
      <c r="C148">
        <v>0.21</v>
      </c>
    </row>
    <row r="149" spans="1:3" x14ac:dyDescent="0.25">
      <c r="A149" t="s">
        <v>15</v>
      </c>
      <c r="B149">
        <v>1</v>
      </c>
      <c r="C149">
        <v>0.12</v>
      </c>
    </row>
    <row r="150" spans="1:3" x14ac:dyDescent="0.25">
      <c r="A150" t="s">
        <v>15</v>
      </c>
      <c r="B150">
        <v>1</v>
      </c>
      <c r="C150">
        <v>0.17</v>
      </c>
    </row>
    <row r="151" spans="1:3" x14ac:dyDescent="0.25">
      <c r="A151" t="s">
        <v>15</v>
      </c>
      <c r="B151">
        <v>1</v>
      </c>
      <c r="C151">
        <v>0.24</v>
      </c>
    </row>
    <row r="152" spans="1:3" x14ac:dyDescent="0.25">
      <c r="A152" t="s">
        <v>26</v>
      </c>
      <c r="B152">
        <v>1</v>
      </c>
      <c r="C152">
        <v>0.11</v>
      </c>
    </row>
    <row r="153" spans="1:3" x14ac:dyDescent="0.25">
      <c r="A153" t="s">
        <v>26</v>
      </c>
      <c r="B153">
        <v>1</v>
      </c>
      <c r="C153">
        <v>0.26</v>
      </c>
    </row>
    <row r="154" spans="1:3" x14ac:dyDescent="0.25">
      <c r="A154" t="s">
        <v>26</v>
      </c>
      <c r="B154">
        <v>1</v>
      </c>
      <c r="C154">
        <v>0.26</v>
      </c>
    </row>
    <row r="155" spans="1:3" x14ac:dyDescent="0.25">
      <c r="A155" t="s">
        <v>26</v>
      </c>
      <c r="B155">
        <v>1</v>
      </c>
      <c r="C155">
        <v>0.21</v>
      </c>
    </row>
    <row r="156" spans="1:3" x14ac:dyDescent="0.25">
      <c r="A156" t="s">
        <v>26</v>
      </c>
      <c r="B156">
        <v>1</v>
      </c>
      <c r="C156">
        <v>0.22</v>
      </c>
    </row>
    <row r="157" spans="1:3" x14ac:dyDescent="0.25">
      <c r="A157" t="s">
        <v>26</v>
      </c>
      <c r="B157">
        <v>1</v>
      </c>
      <c r="C157">
        <v>0.09</v>
      </c>
    </row>
    <row r="158" spans="1:3" x14ac:dyDescent="0.25">
      <c r="A158" t="s">
        <v>14</v>
      </c>
      <c r="B158">
        <v>1</v>
      </c>
      <c r="C158">
        <v>0.33</v>
      </c>
    </row>
    <row r="159" spans="1:3" x14ac:dyDescent="0.25">
      <c r="A159" t="s">
        <v>28</v>
      </c>
      <c r="B159">
        <v>1</v>
      </c>
      <c r="C159">
        <v>0.35</v>
      </c>
    </row>
    <row r="160" spans="1:3" x14ac:dyDescent="0.25">
      <c r="A160" t="s">
        <v>28</v>
      </c>
      <c r="B160">
        <v>1</v>
      </c>
      <c r="C160">
        <v>0.33</v>
      </c>
    </row>
    <row r="161" spans="1:3" x14ac:dyDescent="0.25">
      <c r="A161" t="s">
        <v>28</v>
      </c>
      <c r="B161">
        <v>1</v>
      </c>
      <c r="C161">
        <v>0.52</v>
      </c>
    </row>
    <row r="162" spans="1:3" x14ac:dyDescent="0.25">
      <c r="A162" t="s">
        <v>28</v>
      </c>
      <c r="B162">
        <v>1</v>
      </c>
      <c r="C162">
        <v>0.56999999999999995</v>
      </c>
    </row>
    <row r="163" spans="1:3" x14ac:dyDescent="0.25">
      <c r="A163" t="s">
        <v>16</v>
      </c>
      <c r="B163">
        <v>1</v>
      </c>
      <c r="C163">
        <v>0.51</v>
      </c>
    </row>
    <row r="164" spans="1:3" x14ac:dyDescent="0.25">
      <c r="A164" t="s">
        <v>16</v>
      </c>
      <c r="B164">
        <v>1</v>
      </c>
      <c r="C164">
        <v>0.61</v>
      </c>
    </row>
    <row r="165" spans="1:3" x14ac:dyDescent="0.25">
      <c r="A165" t="s">
        <v>16</v>
      </c>
      <c r="B165">
        <v>1</v>
      </c>
      <c r="C165">
        <v>0.62</v>
      </c>
    </row>
    <row r="166" spans="1:3" x14ac:dyDescent="0.25">
      <c r="A166" t="s">
        <v>13</v>
      </c>
      <c r="B166">
        <v>1</v>
      </c>
      <c r="C166">
        <v>0.32</v>
      </c>
    </row>
    <row r="167" spans="1:3" x14ac:dyDescent="0.25">
      <c r="A167" t="s">
        <v>13</v>
      </c>
      <c r="B167">
        <v>1</v>
      </c>
      <c r="C167">
        <v>0.69</v>
      </c>
    </row>
    <row r="168" spans="1:3" x14ac:dyDescent="0.25">
      <c r="A168" t="s">
        <v>13</v>
      </c>
      <c r="B168">
        <v>1</v>
      </c>
      <c r="C168">
        <v>0.51</v>
      </c>
    </row>
    <row r="169" spans="1:3" x14ac:dyDescent="0.25">
      <c r="A169" t="s">
        <v>13</v>
      </c>
      <c r="B169">
        <v>1</v>
      </c>
      <c r="C169">
        <v>0.64</v>
      </c>
    </row>
    <row r="170" spans="1:3" x14ac:dyDescent="0.25">
      <c r="A170" t="s">
        <v>13</v>
      </c>
      <c r="B170">
        <v>1</v>
      </c>
      <c r="C170">
        <v>0.57999999999999996</v>
      </c>
    </row>
    <row r="171" spans="1:3" x14ac:dyDescent="0.25">
      <c r="A171" t="s">
        <v>17</v>
      </c>
      <c r="B171">
        <v>1</v>
      </c>
      <c r="C171">
        <v>0.17</v>
      </c>
    </row>
    <row r="172" spans="1:3" x14ac:dyDescent="0.25">
      <c r="A172" t="s">
        <v>17</v>
      </c>
      <c r="B172">
        <v>1</v>
      </c>
      <c r="C172">
        <v>0.16</v>
      </c>
    </row>
    <row r="173" spans="1:3" x14ac:dyDescent="0.25">
      <c r="A173" t="s">
        <v>17</v>
      </c>
      <c r="B173">
        <v>1</v>
      </c>
      <c r="C173">
        <v>0.06</v>
      </c>
    </row>
    <row r="174" spans="1:3" x14ac:dyDescent="0.25">
      <c r="A174" t="s">
        <v>17</v>
      </c>
      <c r="B174">
        <v>1</v>
      </c>
      <c r="C174">
        <v>0.13</v>
      </c>
    </row>
    <row r="175" spans="1:3" x14ac:dyDescent="0.25">
      <c r="A175" t="s">
        <v>17</v>
      </c>
      <c r="B175">
        <v>1</v>
      </c>
      <c r="C175">
        <v>0.26</v>
      </c>
    </row>
    <row r="176" spans="1:3" x14ac:dyDescent="0.25">
      <c r="A176" t="s">
        <v>17</v>
      </c>
      <c r="B176">
        <v>1</v>
      </c>
      <c r="C176">
        <v>0.22</v>
      </c>
    </row>
    <row r="177" spans="1:3" x14ac:dyDescent="0.25">
      <c r="A177" t="s">
        <v>27</v>
      </c>
      <c r="B177">
        <v>1</v>
      </c>
      <c r="C177">
        <v>0.9</v>
      </c>
    </row>
    <row r="178" spans="1:3" x14ac:dyDescent="0.25">
      <c r="A178" t="s">
        <v>27</v>
      </c>
      <c r="B178">
        <v>1</v>
      </c>
      <c r="C178">
        <v>0.75</v>
      </c>
    </row>
    <row r="179" spans="1:3" x14ac:dyDescent="0.25">
      <c r="A179" t="s">
        <v>27</v>
      </c>
      <c r="B179">
        <v>1</v>
      </c>
      <c r="C179">
        <v>0.95</v>
      </c>
    </row>
    <row r="180" spans="1:3" x14ac:dyDescent="0.25">
      <c r="A180" t="s">
        <v>27</v>
      </c>
      <c r="B180">
        <v>1</v>
      </c>
      <c r="C180">
        <v>0.73</v>
      </c>
    </row>
    <row r="181" spans="1:3" x14ac:dyDescent="0.25">
      <c r="A181" t="s">
        <v>27</v>
      </c>
      <c r="B181">
        <v>1</v>
      </c>
      <c r="C181">
        <v>0.81</v>
      </c>
    </row>
    <row r="182" spans="1:3" x14ac:dyDescent="0.25">
      <c r="A182" t="s">
        <v>27</v>
      </c>
      <c r="B182">
        <v>1</v>
      </c>
      <c r="C182">
        <v>0.89</v>
      </c>
    </row>
    <row r="183" spans="1:3" x14ac:dyDescent="0.25">
      <c r="A183" t="s">
        <v>27</v>
      </c>
      <c r="B183">
        <v>1</v>
      </c>
      <c r="C183">
        <v>0.82</v>
      </c>
    </row>
    <row r="184" spans="1:3" x14ac:dyDescent="0.25">
      <c r="A184" t="s">
        <v>9</v>
      </c>
      <c r="B184">
        <v>1</v>
      </c>
      <c r="C184">
        <v>0.17</v>
      </c>
    </row>
    <row r="185" spans="1:3" x14ac:dyDescent="0.25">
      <c r="A185" t="s">
        <v>9</v>
      </c>
      <c r="B185">
        <v>1</v>
      </c>
      <c r="C185">
        <v>0.17</v>
      </c>
    </row>
    <row r="186" spans="1:3" x14ac:dyDescent="0.25">
      <c r="A186" t="s">
        <v>9</v>
      </c>
      <c r="B186">
        <v>1</v>
      </c>
      <c r="C186">
        <v>0.08</v>
      </c>
    </row>
    <row r="187" spans="1:3" x14ac:dyDescent="0.25">
      <c r="A187" t="s">
        <v>9</v>
      </c>
      <c r="B187">
        <v>1</v>
      </c>
      <c r="C187">
        <v>0.09</v>
      </c>
    </row>
    <row r="188" spans="1:3" x14ac:dyDescent="0.25">
      <c r="A188" t="s">
        <v>20</v>
      </c>
      <c r="B188">
        <v>1</v>
      </c>
      <c r="C188">
        <v>0.53</v>
      </c>
    </row>
    <row r="189" spans="1:3" x14ac:dyDescent="0.25">
      <c r="A189" t="s">
        <v>20</v>
      </c>
      <c r="B189">
        <v>1</v>
      </c>
      <c r="C189">
        <v>0.62</v>
      </c>
    </row>
    <row r="190" spans="1:3" x14ac:dyDescent="0.25">
      <c r="A190" t="s">
        <v>20</v>
      </c>
      <c r="B190">
        <v>1</v>
      </c>
      <c r="C190">
        <v>0.65</v>
      </c>
    </row>
    <row r="191" spans="1:3" x14ac:dyDescent="0.25">
      <c r="A191" t="s">
        <v>20</v>
      </c>
      <c r="B191">
        <v>1</v>
      </c>
      <c r="C191">
        <v>0.37</v>
      </c>
    </row>
    <row r="192" spans="1:3" x14ac:dyDescent="0.25">
      <c r="A192" t="s">
        <v>20</v>
      </c>
      <c r="B192">
        <v>1</v>
      </c>
      <c r="C192">
        <v>0.63</v>
      </c>
    </row>
    <row r="193" spans="1:3" x14ac:dyDescent="0.25">
      <c r="A193" t="s">
        <v>20</v>
      </c>
      <c r="B193">
        <v>1</v>
      </c>
      <c r="C193">
        <v>0.41</v>
      </c>
    </row>
    <row r="194" spans="1:3" x14ac:dyDescent="0.25">
      <c r="A194" t="s">
        <v>19</v>
      </c>
      <c r="B194">
        <v>1</v>
      </c>
      <c r="C194">
        <v>0.89</v>
      </c>
    </row>
    <row r="195" spans="1:3" x14ac:dyDescent="0.25">
      <c r="A195" t="s">
        <v>19</v>
      </c>
      <c r="B195">
        <v>1</v>
      </c>
      <c r="C195">
        <v>0.86</v>
      </c>
    </row>
    <row r="196" spans="1:3" x14ac:dyDescent="0.25">
      <c r="A196" t="s">
        <v>19</v>
      </c>
      <c r="B196">
        <v>1</v>
      </c>
      <c r="C196">
        <v>0.87</v>
      </c>
    </row>
    <row r="197" spans="1:3" x14ac:dyDescent="0.25">
      <c r="A197" t="s">
        <v>19</v>
      </c>
      <c r="B197">
        <v>1</v>
      </c>
      <c r="C197">
        <v>0.75</v>
      </c>
    </row>
    <row r="198" spans="1:3" x14ac:dyDescent="0.25">
      <c r="A198" t="s">
        <v>19</v>
      </c>
      <c r="B198">
        <v>1</v>
      </c>
      <c r="C198">
        <v>0.88</v>
      </c>
    </row>
    <row r="199" spans="1:3" x14ac:dyDescent="0.25">
      <c r="A199" t="s">
        <v>19</v>
      </c>
      <c r="B199">
        <v>1</v>
      </c>
      <c r="C199">
        <v>0.93</v>
      </c>
    </row>
    <row r="200" spans="1:3" x14ac:dyDescent="0.25">
      <c r="A200" t="s">
        <v>22</v>
      </c>
      <c r="B200">
        <v>2</v>
      </c>
      <c r="C200">
        <v>0.3</v>
      </c>
    </row>
    <row r="201" spans="1:3" x14ac:dyDescent="0.25">
      <c r="A201" t="s">
        <v>22</v>
      </c>
      <c r="B201">
        <v>2</v>
      </c>
      <c r="C201">
        <v>0.37</v>
      </c>
    </row>
    <row r="202" spans="1:3" x14ac:dyDescent="0.25">
      <c r="A202" t="s">
        <v>22</v>
      </c>
      <c r="B202">
        <v>2</v>
      </c>
      <c r="C202">
        <v>0.69</v>
      </c>
    </row>
    <row r="203" spans="1:3" x14ac:dyDescent="0.25">
      <c r="A203" t="s">
        <v>22</v>
      </c>
      <c r="B203">
        <v>2</v>
      </c>
      <c r="C203">
        <v>0.34</v>
      </c>
    </row>
    <row r="204" spans="1:3" x14ac:dyDescent="0.25">
      <c r="A204" t="s">
        <v>29</v>
      </c>
      <c r="B204">
        <v>2</v>
      </c>
      <c r="C204">
        <v>0.24</v>
      </c>
    </row>
    <row r="205" spans="1:3" x14ac:dyDescent="0.25">
      <c r="A205" t="s">
        <v>29</v>
      </c>
      <c r="B205">
        <v>2</v>
      </c>
      <c r="C205">
        <v>0.18</v>
      </c>
    </row>
    <row r="206" spans="1:3" x14ac:dyDescent="0.25">
      <c r="A206" t="s">
        <v>29</v>
      </c>
      <c r="B206">
        <v>2</v>
      </c>
      <c r="C206">
        <v>0.1</v>
      </c>
    </row>
    <row r="207" spans="1:3" x14ac:dyDescent="0.25">
      <c r="A207" t="s">
        <v>29</v>
      </c>
      <c r="B207">
        <v>2</v>
      </c>
      <c r="C207">
        <v>0.24</v>
      </c>
    </row>
    <row r="208" spans="1:3" x14ac:dyDescent="0.25">
      <c r="A208" t="s">
        <v>29</v>
      </c>
      <c r="B208">
        <v>2</v>
      </c>
      <c r="C208">
        <v>0.28000000000000003</v>
      </c>
    </row>
    <row r="209" spans="1:3" x14ac:dyDescent="0.25">
      <c r="A209" t="s">
        <v>29</v>
      </c>
      <c r="B209">
        <v>2</v>
      </c>
      <c r="C209">
        <v>0.14000000000000001</v>
      </c>
    </row>
    <row r="210" spans="1:3" x14ac:dyDescent="0.25">
      <c r="A210" t="s">
        <v>7</v>
      </c>
      <c r="B210">
        <v>2</v>
      </c>
      <c r="C210">
        <v>0.92</v>
      </c>
    </row>
    <row r="211" spans="1:3" x14ac:dyDescent="0.25">
      <c r="A211" t="s">
        <v>7</v>
      </c>
      <c r="B211">
        <v>2</v>
      </c>
      <c r="C211">
        <v>0.83</v>
      </c>
    </row>
    <row r="212" spans="1:3" x14ac:dyDescent="0.25">
      <c r="A212" t="s">
        <v>7</v>
      </c>
      <c r="B212">
        <v>2</v>
      </c>
      <c r="C212">
        <v>0.78</v>
      </c>
    </row>
    <row r="213" spans="1:3" x14ac:dyDescent="0.25">
      <c r="A213" t="s">
        <v>11</v>
      </c>
      <c r="B213">
        <v>2</v>
      </c>
      <c r="C213">
        <v>0.81</v>
      </c>
    </row>
    <row r="214" spans="1:3" x14ac:dyDescent="0.25">
      <c r="A214" t="s">
        <v>11</v>
      </c>
      <c r="B214">
        <v>2</v>
      </c>
      <c r="C214">
        <v>0.85</v>
      </c>
    </row>
    <row r="215" spans="1:3" x14ac:dyDescent="0.25">
      <c r="A215" t="s">
        <v>11</v>
      </c>
      <c r="B215">
        <v>2</v>
      </c>
      <c r="C215">
        <v>0.94</v>
      </c>
    </row>
    <row r="216" spans="1:3" x14ac:dyDescent="0.25">
      <c r="A216" t="s">
        <v>11</v>
      </c>
      <c r="B216">
        <v>2</v>
      </c>
      <c r="C216">
        <v>0.83</v>
      </c>
    </row>
    <row r="217" spans="1:3" x14ac:dyDescent="0.25">
      <c r="A217" t="s">
        <v>11</v>
      </c>
      <c r="B217">
        <v>2</v>
      </c>
      <c r="C217">
        <v>0.79</v>
      </c>
    </row>
    <row r="218" spans="1:3" x14ac:dyDescent="0.25">
      <c r="A218" t="s">
        <v>23</v>
      </c>
      <c r="B218">
        <v>2</v>
      </c>
      <c r="C218">
        <v>0.57999999999999996</v>
      </c>
    </row>
    <row r="219" spans="1:3" x14ac:dyDescent="0.25">
      <c r="A219" t="s">
        <v>23</v>
      </c>
      <c r="B219">
        <v>2</v>
      </c>
      <c r="C219">
        <v>0.36</v>
      </c>
    </row>
    <row r="220" spans="1:3" x14ac:dyDescent="0.25">
      <c r="A220" t="s">
        <v>23</v>
      </c>
      <c r="B220">
        <v>2</v>
      </c>
      <c r="C220">
        <v>0.66</v>
      </c>
    </row>
    <row r="221" spans="1:3" x14ac:dyDescent="0.25">
      <c r="A221" t="s">
        <v>23</v>
      </c>
      <c r="B221">
        <v>2</v>
      </c>
      <c r="C221">
        <v>0.63</v>
      </c>
    </row>
    <row r="222" spans="1:3" x14ac:dyDescent="0.25">
      <c r="A222" t="s">
        <v>23</v>
      </c>
      <c r="B222">
        <v>2</v>
      </c>
      <c r="C222">
        <v>0.61</v>
      </c>
    </row>
    <row r="223" spans="1:3" x14ac:dyDescent="0.25">
      <c r="A223" t="s">
        <v>23</v>
      </c>
      <c r="B223">
        <v>2</v>
      </c>
      <c r="C223">
        <v>0.52</v>
      </c>
    </row>
    <row r="224" spans="1:3" x14ac:dyDescent="0.25">
      <c r="A224" t="s">
        <v>23</v>
      </c>
      <c r="B224">
        <v>2</v>
      </c>
      <c r="C224">
        <v>0.44</v>
      </c>
    </row>
    <row r="225" spans="1:3" x14ac:dyDescent="0.25">
      <c r="A225" t="s">
        <v>23</v>
      </c>
      <c r="B225">
        <v>2</v>
      </c>
      <c r="C225">
        <v>0.55000000000000004</v>
      </c>
    </row>
    <row r="226" spans="1:3" x14ac:dyDescent="0.25">
      <c r="A226" t="s">
        <v>23</v>
      </c>
      <c r="B226">
        <v>2</v>
      </c>
      <c r="C226">
        <v>0.64</v>
      </c>
    </row>
    <row r="227" spans="1:3" x14ac:dyDescent="0.25">
      <c r="A227" t="s">
        <v>18</v>
      </c>
      <c r="B227">
        <v>2</v>
      </c>
      <c r="C227">
        <v>0.53</v>
      </c>
    </row>
    <row r="228" spans="1:3" x14ac:dyDescent="0.25">
      <c r="A228" t="s">
        <v>18</v>
      </c>
      <c r="B228">
        <v>2</v>
      </c>
      <c r="C228">
        <v>0.56000000000000005</v>
      </c>
    </row>
    <row r="229" spans="1:3" x14ac:dyDescent="0.25">
      <c r="A229" t="s">
        <v>18</v>
      </c>
      <c r="B229">
        <v>2</v>
      </c>
      <c r="C229">
        <v>0.43</v>
      </c>
    </row>
    <row r="230" spans="1:3" x14ac:dyDescent="0.25">
      <c r="A230" t="s">
        <v>18</v>
      </c>
      <c r="B230">
        <v>2</v>
      </c>
      <c r="C230">
        <v>0.62</v>
      </c>
    </row>
    <row r="231" spans="1:3" x14ac:dyDescent="0.25">
      <c r="A231" t="s">
        <v>18</v>
      </c>
      <c r="B231">
        <v>2</v>
      </c>
      <c r="C231">
        <v>0.55000000000000004</v>
      </c>
    </row>
    <row r="232" spans="1:3" x14ac:dyDescent="0.25">
      <c r="A232" t="s">
        <v>18</v>
      </c>
      <c r="B232">
        <v>2</v>
      </c>
      <c r="C232">
        <v>0.61</v>
      </c>
    </row>
    <row r="233" spans="1:3" x14ac:dyDescent="0.25">
      <c r="A233" t="s">
        <v>18</v>
      </c>
      <c r="B233">
        <v>2</v>
      </c>
      <c r="C233">
        <v>0.56000000000000005</v>
      </c>
    </row>
    <row r="234" spans="1:3" x14ac:dyDescent="0.25">
      <c r="A234" t="s">
        <v>21</v>
      </c>
      <c r="B234">
        <v>2</v>
      </c>
      <c r="C234">
        <v>0.32</v>
      </c>
    </row>
    <row r="235" spans="1:3" x14ac:dyDescent="0.25">
      <c r="A235" t="s">
        <v>25</v>
      </c>
      <c r="B235">
        <v>2</v>
      </c>
      <c r="C235">
        <v>0.93</v>
      </c>
    </row>
    <row r="236" spans="1:3" x14ac:dyDescent="0.25">
      <c r="A236" t="s">
        <v>25</v>
      </c>
      <c r="B236">
        <v>2</v>
      </c>
      <c r="C236">
        <v>0.93</v>
      </c>
    </row>
    <row r="237" spans="1:3" x14ac:dyDescent="0.25">
      <c r="A237" t="s">
        <v>25</v>
      </c>
      <c r="B237">
        <v>2</v>
      </c>
      <c r="C237">
        <v>0.89</v>
      </c>
    </row>
    <row r="238" spans="1:3" x14ac:dyDescent="0.25">
      <c r="A238" t="s">
        <v>25</v>
      </c>
      <c r="B238">
        <v>2</v>
      </c>
      <c r="C238">
        <v>0.85</v>
      </c>
    </row>
    <row r="239" spans="1:3" x14ac:dyDescent="0.25">
      <c r="A239" t="s">
        <v>30</v>
      </c>
      <c r="B239">
        <v>2</v>
      </c>
      <c r="C239">
        <v>0.39</v>
      </c>
    </row>
    <row r="240" spans="1:3" x14ac:dyDescent="0.25">
      <c r="A240" t="s">
        <v>30</v>
      </c>
      <c r="B240">
        <v>2</v>
      </c>
      <c r="C240">
        <v>0.67</v>
      </c>
    </row>
    <row r="241" spans="1:3" x14ac:dyDescent="0.25">
      <c r="A241" t="s">
        <v>30</v>
      </c>
      <c r="B241">
        <v>2</v>
      </c>
      <c r="C241">
        <v>0.66</v>
      </c>
    </row>
    <row r="242" spans="1:3" x14ac:dyDescent="0.25">
      <c r="A242" t="s">
        <v>30</v>
      </c>
      <c r="B242">
        <v>2</v>
      </c>
      <c r="C242">
        <v>0.49</v>
      </c>
    </row>
    <row r="243" spans="1:3" x14ac:dyDescent="0.25">
      <c r="A243" t="s">
        <v>30</v>
      </c>
      <c r="B243">
        <v>2</v>
      </c>
      <c r="C243">
        <v>0.45</v>
      </c>
    </row>
    <row r="244" spans="1:3" x14ac:dyDescent="0.25">
      <c r="A244" t="s">
        <v>15</v>
      </c>
      <c r="B244">
        <v>2</v>
      </c>
      <c r="C244">
        <v>0.16</v>
      </c>
    </row>
    <row r="245" spans="1:3" x14ac:dyDescent="0.25">
      <c r="A245" t="s">
        <v>15</v>
      </c>
      <c r="B245">
        <v>2</v>
      </c>
      <c r="C245">
        <v>0.1</v>
      </c>
    </row>
    <row r="246" spans="1:3" x14ac:dyDescent="0.25">
      <c r="A246" t="s">
        <v>15</v>
      </c>
      <c r="B246">
        <v>2</v>
      </c>
      <c r="C246">
        <v>0.19</v>
      </c>
    </row>
    <row r="247" spans="1:3" x14ac:dyDescent="0.25">
      <c r="A247" t="s">
        <v>26</v>
      </c>
      <c r="B247">
        <v>2</v>
      </c>
      <c r="C247">
        <v>0.08</v>
      </c>
    </row>
    <row r="248" spans="1:3" x14ac:dyDescent="0.25">
      <c r="A248" t="s">
        <v>26</v>
      </c>
      <c r="B248">
        <v>2</v>
      </c>
      <c r="C248">
        <v>0.28000000000000003</v>
      </c>
    </row>
    <row r="249" spans="1:3" x14ac:dyDescent="0.25">
      <c r="A249" t="s">
        <v>26</v>
      </c>
      <c r="B249">
        <v>2</v>
      </c>
      <c r="C249">
        <v>0.2</v>
      </c>
    </row>
    <row r="250" spans="1:3" x14ac:dyDescent="0.25">
      <c r="A250" t="s">
        <v>14</v>
      </c>
      <c r="B250">
        <v>2</v>
      </c>
      <c r="C250">
        <v>0.42</v>
      </c>
    </row>
    <row r="251" spans="1:3" x14ac:dyDescent="0.25">
      <c r="A251" t="s">
        <v>14</v>
      </c>
      <c r="B251">
        <v>2</v>
      </c>
      <c r="C251">
        <v>0.64</v>
      </c>
    </row>
    <row r="252" spans="1:3" x14ac:dyDescent="0.25">
      <c r="A252" t="s">
        <v>14</v>
      </c>
      <c r="B252">
        <v>2</v>
      </c>
      <c r="C252">
        <v>0.59</v>
      </c>
    </row>
    <row r="253" spans="1:3" x14ac:dyDescent="0.25">
      <c r="A253" t="s">
        <v>14</v>
      </c>
      <c r="B253">
        <v>2</v>
      </c>
      <c r="C253">
        <v>0.56999999999999995</v>
      </c>
    </row>
    <row r="254" spans="1:3" x14ac:dyDescent="0.25">
      <c r="A254" t="s">
        <v>14</v>
      </c>
      <c r="B254">
        <v>2</v>
      </c>
      <c r="C254">
        <v>0.6</v>
      </c>
    </row>
    <row r="255" spans="1:3" x14ac:dyDescent="0.25">
      <c r="A255" t="s">
        <v>14</v>
      </c>
      <c r="B255">
        <v>2</v>
      </c>
      <c r="C255">
        <v>0.42</v>
      </c>
    </row>
    <row r="256" spans="1:3" x14ac:dyDescent="0.25">
      <c r="A256" t="s">
        <v>14</v>
      </c>
      <c r="B256">
        <v>2</v>
      </c>
      <c r="C256">
        <v>0.4</v>
      </c>
    </row>
    <row r="257" spans="1:3" x14ac:dyDescent="0.25">
      <c r="A257" t="s">
        <v>28</v>
      </c>
      <c r="B257">
        <v>2</v>
      </c>
      <c r="C257">
        <v>0.6</v>
      </c>
    </row>
    <row r="258" spans="1:3" x14ac:dyDescent="0.25">
      <c r="A258" t="s">
        <v>28</v>
      </c>
      <c r="B258">
        <v>2</v>
      </c>
      <c r="C258">
        <v>0.43</v>
      </c>
    </row>
    <row r="259" spans="1:3" x14ac:dyDescent="0.25">
      <c r="A259" t="s">
        <v>28</v>
      </c>
      <c r="B259">
        <v>2</v>
      </c>
      <c r="C259">
        <v>0.42</v>
      </c>
    </row>
    <row r="260" spans="1:3" x14ac:dyDescent="0.25">
      <c r="A260" t="s">
        <v>16</v>
      </c>
      <c r="B260">
        <v>2</v>
      </c>
      <c r="C260">
        <v>0.59</v>
      </c>
    </row>
    <row r="261" spans="1:3" x14ac:dyDescent="0.25">
      <c r="A261" t="s">
        <v>16</v>
      </c>
      <c r="B261">
        <v>2</v>
      </c>
      <c r="C261">
        <v>0.59</v>
      </c>
    </row>
    <row r="262" spans="1:3" x14ac:dyDescent="0.25">
      <c r="A262" t="s">
        <v>16</v>
      </c>
      <c r="B262">
        <v>2</v>
      </c>
      <c r="C262">
        <v>0.43</v>
      </c>
    </row>
    <row r="263" spans="1:3" x14ac:dyDescent="0.25">
      <c r="A263" t="s">
        <v>13</v>
      </c>
      <c r="B263">
        <v>2</v>
      </c>
      <c r="C263">
        <v>0.41</v>
      </c>
    </row>
    <row r="264" spans="1:3" x14ac:dyDescent="0.25">
      <c r="A264" t="s">
        <v>13</v>
      </c>
      <c r="B264">
        <v>2</v>
      </c>
      <c r="C264">
        <v>0.67</v>
      </c>
    </row>
    <row r="265" spans="1:3" x14ac:dyDescent="0.25">
      <c r="A265" t="s">
        <v>13</v>
      </c>
      <c r="B265">
        <v>2</v>
      </c>
      <c r="C265">
        <v>0.59</v>
      </c>
    </row>
    <row r="266" spans="1:3" x14ac:dyDescent="0.25">
      <c r="A266" t="s">
        <v>17</v>
      </c>
      <c r="B266">
        <v>2</v>
      </c>
      <c r="C266">
        <v>0.16</v>
      </c>
    </row>
    <row r="267" spans="1:3" x14ac:dyDescent="0.25">
      <c r="A267" t="s">
        <v>17</v>
      </c>
      <c r="B267">
        <v>2</v>
      </c>
      <c r="C267">
        <v>0.26</v>
      </c>
    </row>
    <row r="268" spans="1:3" x14ac:dyDescent="0.25">
      <c r="A268" t="s">
        <v>17</v>
      </c>
      <c r="B268">
        <v>2</v>
      </c>
      <c r="C268">
        <v>0.28000000000000003</v>
      </c>
    </row>
    <row r="269" spans="1:3" x14ac:dyDescent="0.25">
      <c r="A269" t="s">
        <v>17</v>
      </c>
      <c r="B269">
        <v>2</v>
      </c>
      <c r="C269">
        <v>7.0000000000000007E-2</v>
      </c>
    </row>
    <row r="270" spans="1:3" x14ac:dyDescent="0.25">
      <c r="A270" t="s">
        <v>17</v>
      </c>
      <c r="B270">
        <v>2</v>
      </c>
      <c r="C270">
        <v>0.09</v>
      </c>
    </row>
    <row r="271" spans="1:3" x14ac:dyDescent="0.25">
      <c r="A271" t="s">
        <v>17</v>
      </c>
      <c r="B271">
        <v>2</v>
      </c>
      <c r="C271">
        <v>0.14000000000000001</v>
      </c>
    </row>
    <row r="272" spans="1:3" x14ac:dyDescent="0.25">
      <c r="A272" t="s">
        <v>17</v>
      </c>
      <c r="B272">
        <v>2</v>
      </c>
      <c r="C272">
        <v>0.17</v>
      </c>
    </row>
    <row r="273" spans="1:3" x14ac:dyDescent="0.25">
      <c r="A273" t="s">
        <v>27</v>
      </c>
      <c r="B273">
        <v>2</v>
      </c>
      <c r="C273">
        <v>0.77</v>
      </c>
    </row>
    <row r="274" spans="1:3" x14ac:dyDescent="0.25">
      <c r="A274" t="s">
        <v>27</v>
      </c>
      <c r="B274">
        <v>2</v>
      </c>
      <c r="C274">
        <v>0.86</v>
      </c>
    </row>
    <row r="275" spans="1:3" x14ac:dyDescent="0.25">
      <c r="A275" t="s">
        <v>27</v>
      </c>
      <c r="B275">
        <v>2</v>
      </c>
      <c r="C275">
        <v>0.74</v>
      </c>
    </row>
    <row r="276" spans="1:3" x14ac:dyDescent="0.25">
      <c r="A276" t="s">
        <v>27</v>
      </c>
      <c r="B276">
        <v>2</v>
      </c>
      <c r="C276">
        <v>0.8</v>
      </c>
    </row>
    <row r="277" spans="1:3" x14ac:dyDescent="0.25">
      <c r="A277" t="s">
        <v>27</v>
      </c>
      <c r="B277">
        <v>2</v>
      </c>
      <c r="C277">
        <v>0.82</v>
      </c>
    </row>
    <row r="278" spans="1:3" x14ac:dyDescent="0.25">
      <c r="A278" t="s">
        <v>9</v>
      </c>
      <c r="B278">
        <v>2</v>
      </c>
      <c r="C278">
        <v>0.2</v>
      </c>
    </row>
    <row r="279" spans="1:3" x14ac:dyDescent="0.25">
      <c r="A279" t="s">
        <v>9</v>
      </c>
      <c r="B279">
        <v>2</v>
      </c>
      <c r="C279">
        <v>0.14000000000000001</v>
      </c>
    </row>
    <row r="280" spans="1:3" x14ac:dyDescent="0.25">
      <c r="A280" t="s">
        <v>9</v>
      </c>
      <c r="B280">
        <v>2</v>
      </c>
      <c r="C280">
        <v>0.28999999999999998</v>
      </c>
    </row>
    <row r="281" spans="1:3" x14ac:dyDescent="0.25">
      <c r="A281" t="s">
        <v>9</v>
      </c>
      <c r="B281">
        <v>2</v>
      </c>
      <c r="C281">
        <v>0.18</v>
      </c>
    </row>
    <row r="282" spans="1:3" x14ac:dyDescent="0.25">
      <c r="A282" t="s">
        <v>20</v>
      </c>
      <c r="B282">
        <v>2</v>
      </c>
      <c r="C282">
        <v>0.56999999999999995</v>
      </c>
    </row>
    <row r="283" spans="1:3" x14ac:dyDescent="0.25">
      <c r="A283" t="s">
        <v>20</v>
      </c>
      <c r="B283">
        <v>2</v>
      </c>
      <c r="C283">
        <v>0.5</v>
      </c>
    </row>
    <row r="284" spans="1:3" x14ac:dyDescent="0.25">
      <c r="A284" t="s">
        <v>20</v>
      </c>
      <c r="B284">
        <v>2</v>
      </c>
      <c r="C284">
        <v>0.63</v>
      </c>
    </row>
    <row r="285" spans="1:3" x14ac:dyDescent="0.25">
      <c r="A285" t="s">
        <v>19</v>
      </c>
      <c r="B285">
        <v>2</v>
      </c>
      <c r="C285">
        <v>0.8</v>
      </c>
    </row>
    <row r="286" spans="1:3" x14ac:dyDescent="0.25">
      <c r="A286" t="s">
        <v>19</v>
      </c>
      <c r="B286">
        <v>2</v>
      </c>
      <c r="C286">
        <v>0.84</v>
      </c>
    </row>
    <row r="287" spans="1:3" x14ac:dyDescent="0.25">
      <c r="A287" t="s">
        <v>19</v>
      </c>
      <c r="B287">
        <v>2</v>
      </c>
      <c r="C287">
        <v>0.71</v>
      </c>
    </row>
    <row r="288" spans="1:3" x14ac:dyDescent="0.25">
      <c r="A288" t="s">
        <v>19</v>
      </c>
      <c r="B288">
        <v>2</v>
      </c>
      <c r="C288">
        <v>0.78</v>
      </c>
    </row>
    <row r="289" spans="1:3" x14ac:dyDescent="0.25">
      <c r="A289" t="s">
        <v>22</v>
      </c>
      <c r="B289">
        <v>3</v>
      </c>
      <c r="C289">
        <v>0.54</v>
      </c>
    </row>
    <row r="290" spans="1:3" x14ac:dyDescent="0.25">
      <c r="A290" t="s">
        <v>22</v>
      </c>
      <c r="B290">
        <v>3</v>
      </c>
      <c r="C290">
        <v>0.59</v>
      </c>
    </row>
    <row r="291" spans="1:3" x14ac:dyDescent="0.25">
      <c r="A291" t="s">
        <v>22</v>
      </c>
      <c r="B291">
        <v>3</v>
      </c>
      <c r="C291">
        <v>0.43</v>
      </c>
    </row>
    <row r="292" spans="1:3" x14ac:dyDescent="0.25">
      <c r="A292" t="s">
        <v>22</v>
      </c>
      <c r="B292">
        <v>3</v>
      </c>
      <c r="C292">
        <v>0.51</v>
      </c>
    </row>
    <row r="293" spans="1:3" x14ac:dyDescent="0.25">
      <c r="A293" t="s">
        <v>29</v>
      </c>
      <c r="B293">
        <v>3</v>
      </c>
      <c r="C293">
        <v>0.08</v>
      </c>
    </row>
    <row r="294" spans="1:3" x14ac:dyDescent="0.25">
      <c r="A294" t="s">
        <v>29</v>
      </c>
      <c r="B294">
        <v>3</v>
      </c>
      <c r="C294">
        <v>0.23</v>
      </c>
    </row>
    <row r="295" spans="1:3" x14ac:dyDescent="0.25">
      <c r="A295" t="s">
        <v>7</v>
      </c>
      <c r="B295">
        <v>3</v>
      </c>
      <c r="C295">
        <v>0.87</v>
      </c>
    </row>
    <row r="296" spans="1:3" x14ac:dyDescent="0.25">
      <c r="A296" t="s">
        <v>7</v>
      </c>
      <c r="B296">
        <v>3</v>
      </c>
      <c r="C296">
        <v>0.93</v>
      </c>
    </row>
    <row r="297" spans="1:3" x14ac:dyDescent="0.25">
      <c r="A297" t="s">
        <v>7</v>
      </c>
      <c r="B297">
        <v>3</v>
      </c>
      <c r="C297">
        <v>0.84</v>
      </c>
    </row>
    <row r="298" spans="1:3" x14ac:dyDescent="0.25">
      <c r="A298" t="s">
        <v>11</v>
      </c>
      <c r="B298">
        <v>3</v>
      </c>
      <c r="C298">
        <v>0.82</v>
      </c>
    </row>
    <row r="299" spans="1:3" x14ac:dyDescent="0.25">
      <c r="A299" t="s">
        <v>11</v>
      </c>
      <c r="B299">
        <v>3</v>
      </c>
      <c r="C299">
        <v>0.76</v>
      </c>
    </row>
    <row r="300" spans="1:3" x14ac:dyDescent="0.25">
      <c r="A300" t="s">
        <v>11</v>
      </c>
      <c r="B300">
        <v>3</v>
      </c>
      <c r="C300">
        <v>0.81</v>
      </c>
    </row>
    <row r="301" spans="1:3" x14ac:dyDescent="0.25">
      <c r="A301" t="s">
        <v>11</v>
      </c>
      <c r="B301">
        <v>3</v>
      </c>
      <c r="C301">
        <v>0.9</v>
      </c>
    </row>
    <row r="302" spans="1:3" x14ac:dyDescent="0.25">
      <c r="A302" t="s">
        <v>11</v>
      </c>
      <c r="B302">
        <v>3</v>
      </c>
      <c r="C302">
        <v>0.88</v>
      </c>
    </row>
    <row r="303" spans="1:3" x14ac:dyDescent="0.25">
      <c r="A303" t="s">
        <v>11</v>
      </c>
      <c r="B303">
        <v>3</v>
      </c>
      <c r="C303">
        <v>0.79</v>
      </c>
    </row>
    <row r="304" spans="1:3" x14ac:dyDescent="0.25">
      <c r="A304" t="s">
        <v>11</v>
      </c>
      <c r="B304">
        <v>3</v>
      </c>
      <c r="C304">
        <v>0.89</v>
      </c>
    </row>
    <row r="305" spans="1:3" x14ac:dyDescent="0.25">
      <c r="A305" t="s">
        <v>23</v>
      </c>
      <c r="B305">
        <v>3</v>
      </c>
      <c r="C305">
        <v>0.44</v>
      </c>
    </row>
    <row r="306" spans="1:3" x14ac:dyDescent="0.25">
      <c r="A306" t="s">
        <v>23</v>
      </c>
      <c r="B306">
        <v>3</v>
      </c>
      <c r="C306">
        <v>0.43</v>
      </c>
    </row>
    <row r="307" spans="1:3" x14ac:dyDescent="0.25">
      <c r="A307" t="s">
        <v>23</v>
      </c>
      <c r="B307">
        <v>3</v>
      </c>
      <c r="C307">
        <v>0.49</v>
      </c>
    </row>
    <row r="308" spans="1:3" x14ac:dyDescent="0.25">
      <c r="A308" t="s">
        <v>23</v>
      </c>
      <c r="B308">
        <v>3</v>
      </c>
      <c r="C308">
        <v>0.53</v>
      </c>
    </row>
    <row r="309" spans="1:3" x14ac:dyDescent="0.25">
      <c r="A309" t="s">
        <v>23</v>
      </c>
      <c r="B309">
        <v>3</v>
      </c>
      <c r="C309">
        <v>0.32</v>
      </c>
    </row>
    <row r="310" spans="1:3" x14ac:dyDescent="0.25">
      <c r="A310" t="s">
        <v>23</v>
      </c>
      <c r="B310">
        <v>3</v>
      </c>
      <c r="C310">
        <v>0.56999999999999995</v>
      </c>
    </row>
    <row r="311" spans="1:3" x14ac:dyDescent="0.25">
      <c r="A311" t="s">
        <v>23</v>
      </c>
      <c r="B311">
        <v>3</v>
      </c>
      <c r="C311">
        <v>0.55000000000000004</v>
      </c>
    </row>
    <row r="312" spans="1:3" x14ac:dyDescent="0.25">
      <c r="A312" t="s">
        <v>23</v>
      </c>
      <c r="B312">
        <v>3</v>
      </c>
      <c r="C312">
        <v>0.61</v>
      </c>
    </row>
    <row r="313" spans="1:3" x14ac:dyDescent="0.25">
      <c r="A313" t="s">
        <v>23</v>
      </c>
      <c r="B313">
        <v>3</v>
      </c>
      <c r="C313">
        <v>0.65</v>
      </c>
    </row>
    <row r="314" spans="1:3" x14ac:dyDescent="0.25">
      <c r="A314" t="s">
        <v>18</v>
      </c>
      <c r="B314">
        <v>3</v>
      </c>
      <c r="C314">
        <v>0.47</v>
      </c>
    </row>
    <row r="315" spans="1:3" x14ac:dyDescent="0.25">
      <c r="A315" t="s">
        <v>18</v>
      </c>
      <c r="B315">
        <v>3</v>
      </c>
      <c r="C315">
        <v>0.36</v>
      </c>
    </row>
    <row r="316" spans="1:3" x14ac:dyDescent="0.25">
      <c r="A316" t="s">
        <v>18</v>
      </c>
      <c r="B316">
        <v>3</v>
      </c>
      <c r="C316">
        <v>0.33</v>
      </c>
    </row>
    <row r="317" spans="1:3" x14ac:dyDescent="0.25">
      <c r="A317" t="s">
        <v>18</v>
      </c>
      <c r="B317">
        <v>3</v>
      </c>
      <c r="C317">
        <v>0.67</v>
      </c>
    </row>
    <row r="318" spans="1:3" x14ac:dyDescent="0.25">
      <c r="A318" t="s">
        <v>18</v>
      </c>
      <c r="B318">
        <v>3</v>
      </c>
      <c r="C318">
        <v>0.59</v>
      </c>
    </row>
    <row r="319" spans="1:3" x14ac:dyDescent="0.25">
      <c r="A319" t="s">
        <v>18</v>
      </c>
      <c r="B319">
        <v>3</v>
      </c>
      <c r="C319">
        <v>0.45</v>
      </c>
    </row>
    <row r="320" spans="1:3" x14ac:dyDescent="0.25">
      <c r="A320" t="s">
        <v>21</v>
      </c>
      <c r="B320">
        <v>3</v>
      </c>
      <c r="C320">
        <v>0.62</v>
      </c>
    </row>
    <row r="321" spans="1:3" x14ac:dyDescent="0.25">
      <c r="A321" t="s">
        <v>21</v>
      </c>
      <c r="B321">
        <v>3</v>
      </c>
      <c r="C321">
        <v>0.54</v>
      </c>
    </row>
    <row r="322" spans="1:3" x14ac:dyDescent="0.25">
      <c r="A322" t="s">
        <v>21</v>
      </c>
      <c r="B322">
        <v>3</v>
      </c>
      <c r="C322">
        <v>0.4</v>
      </c>
    </row>
    <row r="323" spans="1:3" x14ac:dyDescent="0.25">
      <c r="A323" t="s">
        <v>21</v>
      </c>
      <c r="B323">
        <v>3</v>
      </c>
      <c r="C323">
        <v>0.32</v>
      </c>
    </row>
    <row r="324" spans="1:3" x14ac:dyDescent="0.25">
      <c r="A324" t="s">
        <v>21</v>
      </c>
      <c r="B324">
        <v>3</v>
      </c>
      <c r="C324">
        <v>0.32</v>
      </c>
    </row>
    <row r="325" spans="1:3" x14ac:dyDescent="0.25">
      <c r="A325" t="s">
        <v>21</v>
      </c>
      <c r="B325">
        <v>3</v>
      </c>
      <c r="C325">
        <v>0.44</v>
      </c>
    </row>
    <row r="326" spans="1:3" x14ac:dyDescent="0.25">
      <c r="A326" t="s">
        <v>25</v>
      </c>
      <c r="B326">
        <v>3</v>
      </c>
      <c r="C326">
        <v>0.76</v>
      </c>
    </row>
    <row r="327" spans="1:3" x14ac:dyDescent="0.25">
      <c r="A327" t="s">
        <v>25</v>
      </c>
      <c r="B327">
        <v>3</v>
      </c>
      <c r="C327">
        <v>0.86</v>
      </c>
    </row>
    <row r="328" spans="1:3" x14ac:dyDescent="0.25">
      <c r="A328" t="s">
        <v>25</v>
      </c>
      <c r="B328">
        <v>3</v>
      </c>
      <c r="C328">
        <v>0.78</v>
      </c>
    </row>
    <row r="329" spans="1:3" x14ac:dyDescent="0.25">
      <c r="A329" t="s">
        <v>25</v>
      </c>
      <c r="B329">
        <v>3</v>
      </c>
      <c r="C329">
        <v>0.92</v>
      </c>
    </row>
    <row r="330" spans="1:3" x14ac:dyDescent="0.25">
      <c r="A330" t="s">
        <v>25</v>
      </c>
      <c r="B330">
        <v>3</v>
      </c>
      <c r="C330">
        <v>0.73</v>
      </c>
    </row>
    <row r="331" spans="1:3" x14ac:dyDescent="0.25">
      <c r="A331" t="s">
        <v>25</v>
      </c>
      <c r="B331">
        <v>3</v>
      </c>
      <c r="C331">
        <v>0.87</v>
      </c>
    </row>
    <row r="332" spans="1:3" x14ac:dyDescent="0.25">
      <c r="A332" t="s">
        <v>25</v>
      </c>
      <c r="B332">
        <v>3</v>
      </c>
      <c r="C332">
        <v>0.94</v>
      </c>
    </row>
    <row r="333" spans="1:3" x14ac:dyDescent="0.25">
      <c r="A333" t="s">
        <v>30</v>
      </c>
      <c r="B333">
        <v>3</v>
      </c>
      <c r="C333">
        <v>0.66</v>
      </c>
    </row>
    <row r="334" spans="1:3" x14ac:dyDescent="0.25">
      <c r="A334" t="s">
        <v>30</v>
      </c>
      <c r="B334">
        <v>3</v>
      </c>
      <c r="C334">
        <v>0.55000000000000004</v>
      </c>
    </row>
    <row r="335" spans="1:3" x14ac:dyDescent="0.25">
      <c r="A335" t="s">
        <v>30</v>
      </c>
      <c r="B335">
        <v>3</v>
      </c>
      <c r="C335">
        <v>0.33</v>
      </c>
    </row>
    <row r="336" spans="1:3" x14ac:dyDescent="0.25">
      <c r="A336" t="s">
        <v>30</v>
      </c>
      <c r="B336">
        <v>3</v>
      </c>
      <c r="C336">
        <v>0.33</v>
      </c>
    </row>
    <row r="337" spans="1:3" x14ac:dyDescent="0.25">
      <c r="A337" t="s">
        <v>15</v>
      </c>
      <c r="B337">
        <v>3</v>
      </c>
      <c r="C337">
        <v>0.28999999999999998</v>
      </c>
    </row>
    <row r="338" spans="1:3" x14ac:dyDescent="0.25">
      <c r="A338" t="s">
        <v>15</v>
      </c>
      <c r="B338">
        <v>3</v>
      </c>
      <c r="C338">
        <v>0.14000000000000001</v>
      </c>
    </row>
    <row r="339" spans="1:3" x14ac:dyDescent="0.25">
      <c r="A339" t="s">
        <v>15</v>
      </c>
      <c r="B339">
        <v>3</v>
      </c>
      <c r="C339">
        <v>0.22</v>
      </c>
    </row>
    <row r="340" spans="1:3" x14ac:dyDescent="0.25">
      <c r="A340" t="s">
        <v>15</v>
      </c>
      <c r="B340">
        <v>3</v>
      </c>
      <c r="C340">
        <v>0.13</v>
      </c>
    </row>
    <row r="341" spans="1:3" x14ac:dyDescent="0.25">
      <c r="A341" t="s">
        <v>26</v>
      </c>
      <c r="B341">
        <v>3</v>
      </c>
      <c r="C341">
        <v>0.12</v>
      </c>
    </row>
    <row r="342" spans="1:3" x14ac:dyDescent="0.25">
      <c r="A342" t="s">
        <v>26</v>
      </c>
      <c r="B342">
        <v>3</v>
      </c>
      <c r="C342">
        <v>0.12</v>
      </c>
    </row>
    <row r="343" spans="1:3" x14ac:dyDescent="0.25">
      <c r="A343" t="s">
        <v>26</v>
      </c>
      <c r="B343">
        <v>3</v>
      </c>
      <c r="C343">
        <v>0.09</v>
      </c>
    </row>
    <row r="344" spans="1:3" x14ac:dyDescent="0.25">
      <c r="A344" t="s">
        <v>26</v>
      </c>
      <c r="B344">
        <v>3</v>
      </c>
      <c r="C344">
        <v>0.28000000000000003</v>
      </c>
    </row>
    <row r="345" spans="1:3" x14ac:dyDescent="0.25">
      <c r="A345" t="s">
        <v>14</v>
      </c>
      <c r="B345">
        <v>3</v>
      </c>
      <c r="C345">
        <v>0.36</v>
      </c>
    </row>
    <row r="346" spans="1:3" x14ac:dyDescent="0.25">
      <c r="A346" t="s">
        <v>14</v>
      </c>
      <c r="B346">
        <v>3</v>
      </c>
      <c r="C346">
        <v>0.35</v>
      </c>
    </row>
    <row r="347" spans="1:3" x14ac:dyDescent="0.25">
      <c r="A347" t="s">
        <v>14</v>
      </c>
      <c r="B347">
        <v>3</v>
      </c>
      <c r="C347">
        <v>0.38</v>
      </c>
    </row>
    <row r="348" spans="1:3" x14ac:dyDescent="0.25">
      <c r="A348" t="s">
        <v>14</v>
      </c>
      <c r="B348">
        <v>3</v>
      </c>
      <c r="C348">
        <v>0.43</v>
      </c>
    </row>
    <row r="349" spans="1:3" x14ac:dyDescent="0.25">
      <c r="A349" t="s">
        <v>14</v>
      </c>
      <c r="B349">
        <v>3</v>
      </c>
      <c r="C349">
        <v>0.34</v>
      </c>
    </row>
    <row r="350" spans="1:3" x14ac:dyDescent="0.25">
      <c r="A350" t="s">
        <v>14</v>
      </c>
      <c r="B350">
        <v>3</v>
      </c>
      <c r="C350">
        <v>0.66</v>
      </c>
    </row>
    <row r="351" spans="1:3" x14ac:dyDescent="0.25">
      <c r="A351" t="s">
        <v>14</v>
      </c>
      <c r="B351">
        <v>3</v>
      </c>
      <c r="C351">
        <v>0.38</v>
      </c>
    </row>
    <row r="352" spans="1:3" x14ac:dyDescent="0.25">
      <c r="A352" t="s">
        <v>28</v>
      </c>
      <c r="B352">
        <v>3</v>
      </c>
      <c r="C352">
        <v>0.56999999999999995</v>
      </c>
    </row>
    <row r="353" spans="1:3" x14ac:dyDescent="0.25">
      <c r="A353" t="s">
        <v>28</v>
      </c>
      <c r="B353">
        <v>3</v>
      </c>
      <c r="C353">
        <v>0.51</v>
      </c>
    </row>
    <row r="354" spans="1:3" x14ac:dyDescent="0.25">
      <c r="A354" t="s">
        <v>28</v>
      </c>
      <c r="B354">
        <v>3</v>
      </c>
      <c r="C354">
        <v>0.34</v>
      </c>
    </row>
    <row r="355" spans="1:3" x14ac:dyDescent="0.25">
      <c r="A355" t="s">
        <v>28</v>
      </c>
      <c r="B355">
        <v>3</v>
      </c>
      <c r="C355">
        <v>0.56000000000000005</v>
      </c>
    </row>
    <row r="356" spans="1:3" x14ac:dyDescent="0.25">
      <c r="A356" t="s">
        <v>28</v>
      </c>
      <c r="B356">
        <v>3</v>
      </c>
      <c r="C356">
        <v>0.53</v>
      </c>
    </row>
    <row r="357" spans="1:3" x14ac:dyDescent="0.25">
      <c r="A357" t="s">
        <v>28</v>
      </c>
      <c r="B357">
        <v>3</v>
      </c>
      <c r="C357">
        <v>0.4</v>
      </c>
    </row>
    <row r="358" spans="1:3" x14ac:dyDescent="0.25">
      <c r="A358" t="s">
        <v>28</v>
      </c>
      <c r="B358">
        <v>3</v>
      </c>
      <c r="C358">
        <v>0.35</v>
      </c>
    </row>
    <row r="359" spans="1:3" x14ac:dyDescent="0.25">
      <c r="A359" t="s">
        <v>28</v>
      </c>
      <c r="B359">
        <v>3</v>
      </c>
      <c r="C359">
        <v>0.63</v>
      </c>
    </row>
    <row r="360" spans="1:3" x14ac:dyDescent="0.25">
      <c r="A360" t="s">
        <v>28</v>
      </c>
      <c r="B360">
        <v>3</v>
      </c>
      <c r="C360">
        <v>0.6</v>
      </c>
    </row>
    <row r="361" spans="1:3" x14ac:dyDescent="0.25">
      <c r="A361" t="s">
        <v>16</v>
      </c>
      <c r="B361">
        <v>3</v>
      </c>
      <c r="C361">
        <v>0.62</v>
      </c>
    </row>
    <row r="362" spans="1:3" x14ac:dyDescent="0.25">
      <c r="A362" t="s">
        <v>16</v>
      </c>
      <c r="B362">
        <v>3</v>
      </c>
      <c r="C362">
        <v>0.56000000000000005</v>
      </c>
    </row>
    <row r="363" spans="1:3" x14ac:dyDescent="0.25">
      <c r="A363" t="s">
        <v>13</v>
      </c>
      <c r="B363">
        <v>3</v>
      </c>
      <c r="C363">
        <v>0.66</v>
      </c>
    </row>
    <row r="364" spans="1:3" x14ac:dyDescent="0.25">
      <c r="A364" t="s">
        <v>13</v>
      </c>
      <c r="B364">
        <v>3</v>
      </c>
      <c r="C364">
        <v>0.54</v>
      </c>
    </row>
    <row r="365" spans="1:3" x14ac:dyDescent="0.25">
      <c r="A365" t="s">
        <v>13</v>
      </c>
      <c r="B365">
        <v>3</v>
      </c>
      <c r="C365">
        <v>0.43</v>
      </c>
    </row>
    <row r="366" spans="1:3" x14ac:dyDescent="0.25">
      <c r="A366" t="s">
        <v>13</v>
      </c>
      <c r="B366">
        <v>3</v>
      </c>
      <c r="C366">
        <v>0.41</v>
      </c>
    </row>
    <row r="367" spans="1:3" x14ac:dyDescent="0.25">
      <c r="A367" t="s">
        <v>13</v>
      </c>
      <c r="B367">
        <v>3</v>
      </c>
      <c r="C367">
        <v>0.34</v>
      </c>
    </row>
    <row r="368" spans="1:3" x14ac:dyDescent="0.25">
      <c r="A368" t="s">
        <v>17</v>
      </c>
      <c r="B368">
        <v>3</v>
      </c>
      <c r="C368">
        <v>0.15</v>
      </c>
    </row>
    <row r="369" spans="1:3" x14ac:dyDescent="0.25">
      <c r="A369" t="s">
        <v>17</v>
      </c>
      <c r="B369">
        <v>3</v>
      </c>
      <c r="C369">
        <v>0.21</v>
      </c>
    </row>
    <row r="370" spans="1:3" x14ac:dyDescent="0.25">
      <c r="A370" t="s">
        <v>17</v>
      </c>
      <c r="B370">
        <v>3</v>
      </c>
      <c r="C370">
        <v>0.27</v>
      </c>
    </row>
    <row r="371" spans="1:3" x14ac:dyDescent="0.25">
      <c r="A371" t="s">
        <v>17</v>
      </c>
      <c r="B371">
        <v>3</v>
      </c>
      <c r="C371">
        <v>0.2</v>
      </c>
    </row>
    <row r="372" spans="1:3" x14ac:dyDescent="0.25">
      <c r="A372" t="s">
        <v>17</v>
      </c>
      <c r="B372">
        <v>3</v>
      </c>
      <c r="C372">
        <v>0.12</v>
      </c>
    </row>
    <row r="373" spans="1:3" x14ac:dyDescent="0.25">
      <c r="A373" t="s">
        <v>17</v>
      </c>
      <c r="B373">
        <v>3</v>
      </c>
      <c r="C373">
        <v>0.11</v>
      </c>
    </row>
    <row r="374" spans="1:3" x14ac:dyDescent="0.25">
      <c r="A374" t="s">
        <v>27</v>
      </c>
      <c r="B374">
        <v>3</v>
      </c>
      <c r="C374">
        <v>0.85</v>
      </c>
    </row>
    <row r="375" spans="1:3" x14ac:dyDescent="0.25">
      <c r="A375" t="s">
        <v>27</v>
      </c>
      <c r="B375">
        <v>3</v>
      </c>
      <c r="C375">
        <v>0.9</v>
      </c>
    </row>
    <row r="376" spans="1:3" x14ac:dyDescent="0.25">
      <c r="A376" t="s">
        <v>27</v>
      </c>
      <c r="B376">
        <v>3</v>
      </c>
      <c r="C376">
        <v>0.82</v>
      </c>
    </row>
    <row r="377" spans="1:3" x14ac:dyDescent="0.25">
      <c r="A377" t="s">
        <v>27</v>
      </c>
      <c r="B377">
        <v>3</v>
      </c>
      <c r="C377">
        <v>0.72</v>
      </c>
    </row>
    <row r="378" spans="1:3" x14ac:dyDescent="0.25">
      <c r="A378" t="s">
        <v>27</v>
      </c>
      <c r="B378">
        <v>3</v>
      </c>
      <c r="C378">
        <v>0.79</v>
      </c>
    </row>
    <row r="379" spans="1:3" x14ac:dyDescent="0.25">
      <c r="A379" t="s">
        <v>9</v>
      </c>
      <c r="B379">
        <v>3</v>
      </c>
      <c r="C379">
        <v>0.24</v>
      </c>
    </row>
    <row r="380" spans="1:3" x14ac:dyDescent="0.25">
      <c r="A380" t="s">
        <v>9</v>
      </c>
      <c r="B380">
        <v>3</v>
      </c>
      <c r="C380">
        <v>0.08</v>
      </c>
    </row>
    <row r="381" spans="1:3" x14ac:dyDescent="0.25">
      <c r="A381" t="s">
        <v>9</v>
      </c>
      <c r="B381">
        <v>3</v>
      </c>
      <c r="C381">
        <v>0.08</v>
      </c>
    </row>
    <row r="382" spans="1:3" x14ac:dyDescent="0.25">
      <c r="A382" t="s">
        <v>9</v>
      </c>
      <c r="B382">
        <v>3</v>
      </c>
      <c r="C382">
        <v>0.19</v>
      </c>
    </row>
    <row r="383" spans="1:3" x14ac:dyDescent="0.25">
      <c r="A383" t="s">
        <v>9</v>
      </c>
      <c r="B383">
        <v>3</v>
      </c>
      <c r="C383">
        <v>0.24</v>
      </c>
    </row>
    <row r="384" spans="1:3" x14ac:dyDescent="0.25">
      <c r="A384" t="s">
        <v>20</v>
      </c>
      <c r="B384">
        <v>3</v>
      </c>
      <c r="C384">
        <v>0.4</v>
      </c>
    </row>
    <row r="385" spans="1:3" x14ac:dyDescent="0.25">
      <c r="A385" t="s">
        <v>20</v>
      </c>
      <c r="B385">
        <v>3</v>
      </c>
      <c r="C385">
        <v>0.56999999999999995</v>
      </c>
    </row>
    <row r="386" spans="1:3" x14ac:dyDescent="0.25">
      <c r="A386" t="s">
        <v>20</v>
      </c>
      <c r="B386">
        <v>3</v>
      </c>
      <c r="C386">
        <v>0.48</v>
      </c>
    </row>
    <row r="387" spans="1:3" x14ac:dyDescent="0.25">
      <c r="A387" t="s">
        <v>20</v>
      </c>
      <c r="B387">
        <v>3</v>
      </c>
      <c r="C387">
        <v>0.35</v>
      </c>
    </row>
    <row r="388" spans="1:3" x14ac:dyDescent="0.25">
      <c r="A388" t="s">
        <v>20</v>
      </c>
      <c r="B388">
        <v>3</v>
      </c>
      <c r="C388">
        <v>0.62</v>
      </c>
    </row>
    <row r="389" spans="1:3" x14ac:dyDescent="0.25">
      <c r="A389" t="s">
        <v>20</v>
      </c>
      <c r="B389">
        <v>3</v>
      </c>
      <c r="C389">
        <v>0.42</v>
      </c>
    </row>
    <row r="390" spans="1:3" x14ac:dyDescent="0.25">
      <c r="A390" t="s">
        <v>20</v>
      </c>
      <c r="B390">
        <v>3</v>
      </c>
      <c r="C390">
        <v>0.62</v>
      </c>
    </row>
    <row r="391" spans="1:3" x14ac:dyDescent="0.25">
      <c r="A391" t="s">
        <v>20</v>
      </c>
      <c r="B391">
        <v>3</v>
      </c>
      <c r="C391">
        <v>0.42</v>
      </c>
    </row>
    <row r="392" spans="1:3" x14ac:dyDescent="0.25">
      <c r="A392" t="s">
        <v>20</v>
      </c>
      <c r="B392">
        <v>3</v>
      </c>
      <c r="C392">
        <v>0.35</v>
      </c>
    </row>
    <row r="393" spans="1:3" x14ac:dyDescent="0.25">
      <c r="A393" t="s">
        <v>20</v>
      </c>
      <c r="B393">
        <v>3</v>
      </c>
      <c r="C393">
        <v>0.46</v>
      </c>
    </row>
    <row r="394" spans="1:3" x14ac:dyDescent="0.25">
      <c r="A394" t="s">
        <v>19</v>
      </c>
      <c r="B394">
        <v>3</v>
      </c>
      <c r="C394">
        <v>0.75</v>
      </c>
    </row>
    <row r="395" spans="1:3" x14ac:dyDescent="0.25">
      <c r="A395" t="s">
        <v>19</v>
      </c>
      <c r="B395">
        <v>3</v>
      </c>
      <c r="C395">
        <v>0.9</v>
      </c>
    </row>
    <row r="396" spans="1:3" x14ac:dyDescent="0.25">
      <c r="A396" t="s">
        <v>19</v>
      </c>
      <c r="B396">
        <v>3</v>
      </c>
      <c r="C396">
        <v>0.92</v>
      </c>
    </row>
    <row r="397" spans="1:3" x14ac:dyDescent="0.25">
      <c r="A397" t="s">
        <v>19</v>
      </c>
      <c r="B397">
        <v>3</v>
      </c>
      <c r="C397">
        <v>0.81</v>
      </c>
    </row>
    <row r="398" spans="1:3" x14ac:dyDescent="0.25">
      <c r="A398" t="s">
        <v>22</v>
      </c>
      <c r="B398">
        <v>4</v>
      </c>
      <c r="C398">
        <v>0.61</v>
      </c>
    </row>
    <row r="399" spans="1:3" x14ac:dyDescent="0.25">
      <c r="A399" t="s">
        <v>22</v>
      </c>
      <c r="B399">
        <v>4</v>
      </c>
      <c r="C399">
        <v>0.52</v>
      </c>
    </row>
    <row r="400" spans="1:3" x14ac:dyDescent="0.25">
      <c r="A400" t="s">
        <v>22</v>
      </c>
      <c r="B400">
        <v>4</v>
      </c>
      <c r="C400">
        <v>0.64</v>
      </c>
    </row>
    <row r="401" spans="1:3" x14ac:dyDescent="0.25">
      <c r="A401" t="s">
        <v>22</v>
      </c>
      <c r="B401">
        <v>4</v>
      </c>
      <c r="C401">
        <v>0.63</v>
      </c>
    </row>
    <row r="402" spans="1:3" x14ac:dyDescent="0.25">
      <c r="A402" t="s">
        <v>22</v>
      </c>
      <c r="B402">
        <v>4</v>
      </c>
      <c r="C402">
        <v>0.32</v>
      </c>
    </row>
    <row r="403" spans="1:3" x14ac:dyDescent="0.25">
      <c r="A403" t="s">
        <v>22</v>
      </c>
      <c r="B403">
        <v>4</v>
      </c>
      <c r="C403">
        <v>0.56999999999999995</v>
      </c>
    </row>
    <row r="404" spans="1:3" x14ac:dyDescent="0.25">
      <c r="A404" t="s">
        <v>22</v>
      </c>
      <c r="B404">
        <v>4</v>
      </c>
      <c r="C404">
        <v>0.38</v>
      </c>
    </row>
    <row r="405" spans="1:3" x14ac:dyDescent="0.25">
      <c r="A405" t="s">
        <v>22</v>
      </c>
      <c r="B405">
        <v>4</v>
      </c>
      <c r="C405">
        <v>0.44</v>
      </c>
    </row>
    <row r="406" spans="1:3" x14ac:dyDescent="0.25">
      <c r="A406" t="s">
        <v>22</v>
      </c>
      <c r="B406">
        <v>4</v>
      </c>
      <c r="C406">
        <v>0.66</v>
      </c>
    </row>
    <row r="407" spans="1:3" x14ac:dyDescent="0.25">
      <c r="A407" t="s">
        <v>22</v>
      </c>
      <c r="B407">
        <v>4</v>
      </c>
      <c r="C407">
        <v>0.52</v>
      </c>
    </row>
    <row r="408" spans="1:3" x14ac:dyDescent="0.25">
      <c r="A408" t="s">
        <v>22</v>
      </c>
      <c r="B408">
        <v>4</v>
      </c>
      <c r="C408">
        <v>0.61</v>
      </c>
    </row>
    <row r="409" spans="1:3" x14ac:dyDescent="0.25">
      <c r="A409" t="s">
        <v>22</v>
      </c>
      <c r="B409">
        <v>4</v>
      </c>
      <c r="C409">
        <v>0.64</v>
      </c>
    </row>
    <row r="410" spans="1:3" x14ac:dyDescent="0.25">
      <c r="A410" t="s">
        <v>22</v>
      </c>
      <c r="B410">
        <v>4</v>
      </c>
      <c r="C410">
        <v>0.4</v>
      </c>
    </row>
    <row r="411" spans="1:3" x14ac:dyDescent="0.25">
      <c r="A411" t="s">
        <v>22</v>
      </c>
      <c r="B411">
        <v>4</v>
      </c>
      <c r="C411">
        <v>0.41</v>
      </c>
    </row>
    <row r="412" spans="1:3" x14ac:dyDescent="0.25">
      <c r="A412" t="s">
        <v>22</v>
      </c>
      <c r="B412">
        <v>4</v>
      </c>
      <c r="C412">
        <v>0.4</v>
      </c>
    </row>
    <row r="413" spans="1:3" x14ac:dyDescent="0.25">
      <c r="A413" t="s">
        <v>29</v>
      </c>
      <c r="B413">
        <v>4</v>
      </c>
      <c r="C413">
        <v>0.11</v>
      </c>
    </row>
    <row r="414" spans="1:3" x14ac:dyDescent="0.25">
      <c r="A414" t="s">
        <v>29</v>
      </c>
      <c r="B414">
        <v>4</v>
      </c>
      <c r="C414">
        <v>0.23</v>
      </c>
    </row>
    <row r="415" spans="1:3" x14ac:dyDescent="0.25">
      <c r="A415" t="s">
        <v>7</v>
      </c>
      <c r="B415">
        <v>4</v>
      </c>
      <c r="C415">
        <v>0.86</v>
      </c>
    </row>
    <row r="416" spans="1:3" x14ac:dyDescent="0.25">
      <c r="A416" t="s">
        <v>7</v>
      </c>
      <c r="B416">
        <v>4</v>
      </c>
      <c r="C416">
        <v>0.74</v>
      </c>
    </row>
    <row r="417" spans="1:3" x14ac:dyDescent="0.25">
      <c r="A417" t="s">
        <v>7</v>
      </c>
      <c r="B417">
        <v>4</v>
      </c>
      <c r="C417">
        <v>0.92</v>
      </c>
    </row>
    <row r="418" spans="1:3" x14ac:dyDescent="0.25">
      <c r="A418" t="s">
        <v>11</v>
      </c>
      <c r="B418">
        <v>4</v>
      </c>
      <c r="C418">
        <v>0.89</v>
      </c>
    </row>
    <row r="419" spans="1:3" x14ac:dyDescent="0.25">
      <c r="A419" t="s">
        <v>11</v>
      </c>
      <c r="B419">
        <v>4</v>
      </c>
      <c r="C419">
        <v>0.91</v>
      </c>
    </row>
    <row r="420" spans="1:3" x14ac:dyDescent="0.25">
      <c r="A420" t="s">
        <v>11</v>
      </c>
      <c r="B420">
        <v>4</v>
      </c>
      <c r="C420">
        <v>0.71</v>
      </c>
    </row>
    <row r="421" spans="1:3" x14ac:dyDescent="0.25">
      <c r="A421" t="s">
        <v>11</v>
      </c>
      <c r="B421">
        <v>4</v>
      </c>
      <c r="C421">
        <v>0.81</v>
      </c>
    </row>
    <row r="422" spans="1:3" x14ac:dyDescent="0.25">
      <c r="A422" t="s">
        <v>11</v>
      </c>
      <c r="B422">
        <v>4</v>
      </c>
      <c r="C422">
        <v>0.8</v>
      </c>
    </row>
    <row r="423" spans="1:3" x14ac:dyDescent="0.25">
      <c r="A423" t="s">
        <v>11</v>
      </c>
      <c r="B423">
        <v>4</v>
      </c>
      <c r="C423">
        <v>0.71</v>
      </c>
    </row>
    <row r="424" spans="1:3" x14ac:dyDescent="0.25">
      <c r="A424" t="s">
        <v>23</v>
      </c>
      <c r="B424">
        <v>4</v>
      </c>
      <c r="C424">
        <v>0.48</v>
      </c>
    </row>
    <row r="425" spans="1:3" x14ac:dyDescent="0.25">
      <c r="A425" t="s">
        <v>23</v>
      </c>
      <c r="B425">
        <v>4</v>
      </c>
      <c r="C425">
        <v>0.38</v>
      </c>
    </row>
    <row r="426" spans="1:3" x14ac:dyDescent="0.25">
      <c r="A426" t="s">
        <v>23</v>
      </c>
      <c r="B426">
        <v>4</v>
      </c>
      <c r="C426">
        <v>0.62</v>
      </c>
    </row>
    <row r="427" spans="1:3" x14ac:dyDescent="0.25">
      <c r="A427" t="s">
        <v>23</v>
      </c>
      <c r="B427">
        <v>4</v>
      </c>
      <c r="C427">
        <v>0.65</v>
      </c>
    </row>
    <row r="428" spans="1:3" x14ac:dyDescent="0.25">
      <c r="A428" t="s">
        <v>23</v>
      </c>
      <c r="B428">
        <v>4</v>
      </c>
      <c r="C428">
        <v>0.41</v>
      </c>
    </row>
    <row r="429" spans="1:3" x14ac:dyDescent="0.25">
      <c r="A429" t="s">
        <v>23</v>
      </c>
      <c r="B429">
        <v>4</v>
      </c>
      <c r="C429">
        <v>0.66</v>
      </c>
    </row>
    <row r="430" spans="1:3" x14ac:dyDescent="0.25">
      <c r="A430" t="s">
        <v>23</v>
      </c>
      <c r="B430">
        <v>4</v>
      </c>
      <c r="C430">
        <v>0.52</v>
      </c>
    </row>
    <row r="431" spans="1:3" x14ac:dyDescent="0.25">
      <c r="A431" t="s">
        <v>18</v>
      </c>
      <c r="B431">
        <v>4</v>
      </c>
      <c r="C431">
        <v>0.6</v>
      </c>
    </row>
    <row r="432" spans="1:3" x14ac:dyDescent="0.25">
      <c r="A432" t="s">
        <v>18</v>
      </c>
      <c r="B432">
        <v>4</v>
      </c>
      <c r="C432">
        <v>0.57999999999999996</v>
      </c>
    </row>
    <row r="433" spans="1:3" x14ac:dyDescent="0.25">
      <c r="A433" t="s">
        <v>18</v>
      </c>
      <c r="B433">
        <v>4</v>
      </c>
      <c r="C433">
        <v>0.47</v>
      </c>
    </row>
    <row r="434" spans="1:3" x14ac:dyDescent="0.25">
      <c r="A434" t="s">
        <v>18</v>
      </c>
      <c r="B434">
        <v>4</v>
      </c>
      <c r="C434">
        <v>0.47</v>
      </c>
    </row>
    <row r="435" spans="1:3" x14ac:dyDescent="0.25">
      <c r="A435" t="s">
        <v>18</v>
      </c>
      <c r="B435">
        <v>4</v>
      </c>
      <c r="C435">
        <v>0.56999999999999995</v>
      </c>
    </row>
    <row r="436" spans="1:3" x14ac:dyDescent="0.25">
      <c r="A436" t="s">
        <v>21</v>
      </c>
      <c r="B436">
        <v>4</v>
      </c>
      <c r="C436">
        <v>0.66</v>
      </c>
    </row>
    <row r="437" spans="1:3" x14ac:dyDescent="0.25">
      <c r="A437" t="s">
        <v>21</v>
      </c>
      <c r="B437">
        <v>4</v>
      </c>
      <c r="C437">
        <v>0.51</v>
      </c>
    </row>
    <row r="438" spans="1:3" x14ac:dyDescent="0.25">
      <c r="A438" t="s">
        <v>21</v>
      </c>
      <c r="B438">
        <v>4</v>
      </c>
      <c r="C438">
        <v>0.66</v>
      </c>
    </row>
    <row r="439" spans="1:3" x14ac:dyDescent="0.25">
      <c r="A439" t="s">
        <v>21</v>
      </c>
      <c r="B439">
        <v>4</v>
      </c>
      <c r="C439">
        <v>0.52</v>
      </c>
    </row>
    <row r="440" spans="1:3" x14ac:dyDescent="0.25">
      <c r="A440" t="s">
        <v>21</v>
      </c>
      <c r="B440">
        <v>4</v>
      </c>
      <c r="C440">
        <v>0.36</v>
      </c>
    </row>
    <row r="441" spans="1:3" x14ac:dyDescent="0.25">
      <c r="A441" t="s">
        <v>21</v>
      </c>
      <c r="B441">
        <v>4</v>
      </c>
      <c r="C441">
        <v>0.45</v>
      </c>
    </row>
    <row r="442" spans="1:3" x14ac:dyDescent="0.25">
      <c r="A442" t="s">
        <v>25</v>
      </c>
      <c r="B442">
        <v>4</v>
      </c>
      <c r="C442">
        <v>0.87</v>
      </c>
    </row>
    <row r="443" spans="1:3" x14ac:dyDescent="0.25">
      <c r="A443" t="s">
        <v>25</v>
      </c>
      <c r="B443">
        <v>4</v>
      </c>
      <c r="C443">
        <v>0.93</v>
      </c>
    </row>
    <row r="444" spans="1:3" x14ac:dyDescent="0.25">
      <c r="A444" t="s">
        <v>25</v>
      </c>
      <c r="B444">
        <v>4</v>
      </c>
      <c r="C444">
        <v>0.93</v>
      </c>
    </row>
    <row r="445" spans="1:3" x14ac:dyDescent="0.25">
      <c r="A445" t="s">
        <v>25</v>
      </c>
      <c r="B445">
        <v>4</v>
      </c>
      <c r="C445">
        <v>0.75</v>
      </c>
    </row>
    <row r="446" spans="1:3" x14ac:dyDescent="0.25">
      <c r="A446" t="s">
        <v>25</v>
      </c>
      <c r="B446">
        <v>4</v>
      </c>
      <c r="C446">
        <v>0.95</v>
      </c>
    </row>
    <row r="447" spans="1:3" x14ac:dyDescent="0.25">
      <c r="A447" t="s">
        <v>25</v>
      </c>
      <c r="B447">
        <v>4</v>
      </c>
      <c r="C447">
        <v>0.94</v>
      </c>
    </row>
    <row r="448" spans="1:3" x14ac:dyDescent="0.25">
      <c r="A448" t="s">
        <v>25</v>
      </c>
      <c r="B448">
        <v>4</v>
      </c>
      <c r="C448">
        <v>0.84</v>
      </c>
    </row>
    <row r="449" spans="1:3" x14ac:dyDescent="0.25">
      <c r="A449" t="s">
        <v>25</v>
      </c>
      <c r="B449">
        <v>4</v>
      </c>
      <c r="C449">
        <v>0.88</v>
      </c>
    </row>
    <row r="450" spans="1:3" x14ac:dyDescent="0.25">
      <c r="A450" t="s">
        <v>30</v>
      </c>
      <c r="B450">
        <v>4</v>
      </c>
      <c r="C450">
        <v>0.51</v>
      </c>
    </row>
    <row r="451" spans="1:3" x14ac:dyDescent="0.25">
      <c r="A451" t="s">
        <v>30</v>
      </c>
      <c r="B451">
        <v>4</v>
      </c>
      <c r="C451">
        <v>0.47</v>
      </c>
    </row>
    <row r="452" spans="1:3" x14ac:dyDescent="0.25">
      <c r="A452" t="s">
        <v>30</v>
      </c>
      <c r="B452">
        <v>4</v>
      </c>
      <c r="C452">
        <v>0.55000000000000004</v>
      </c>
    </row>
    <row r="453" spans="1:3" x14ac:dyDescent="0.25">
      <c r="A453" t="s">
        <v>30</v>
      </c>
      <c r="B453">
        <v>4</v>
      </c>
      <c r="C453">
        <v>0.44</v>
      </c>
    </row>
    <row r="454" spans="1:3" x14ac:dyDescent="0.25">
      <c r="A454" t="s">
        <v>30</v>
      </c>
      <c r="B454">
        <v>4</v>
      </c>
      <c r="C454">
        <v>0.36</v>
      </c>
    </row>
    <row r="455" spans="1:3" x14ac:dyDescent="0.25">
      <c r="A455" t="s">
        <v>15</v>
      </c>
      <c r="B455">
        <v>4</v>
      </c>
      <c r="C455">
        <v>0.08</v>
      </c>
    </row>
    <row r="456" spans="1:3" x14ac:dyDescent="0.25">
      <c r="A456" t="s">
        <v>26</v>
      </c>
      <c r="B456">
        <v>4</v>
      </c>
      <c r="C456">
        <v>0.12</v>
      </c>
    </row>
    <row r="457" spans="1:3" x14ac:dyDescent="0.25">
      <c r="A457" t="s">
        <v>26</v>
      </c>
      <c r="B457">
        <v>4</v>
      </c>
      <c r="C457">
        <v>0.28999999999999998</v>
      </c>
    </row>
    <row r="458" spans="1:3" x14ac:dyDescent="0.25">
      <c r="A458" t="s">
        <v>26</v>
      </c>
      <c r="B458">
        <v>4</v>
      </c>
      <c r="C458">
        <v>0.11</v>
      </c>
    </row>
    <row r="459" spans="1:3" x14ac:dyDescent="0.25">
      <c r="A459" t="s">
        <v>14</v>
      </c>
      <c r="B459">
        <v>4</v>
      </c>
      <c r="C459">
        <v>0.48</v>
      </c>
    </row>
    <row r="460" spans="1:3" x14ac:dyDescent="0.25">
      <c r="A460" t="s">
        <v>14</v>
      </c>
      <c r="B460">
        <v>4</v>
      </c>
      <c r="C460">
        <v>0.32</v>
      </c>
    </row>
    <row r="461" spans="1:3" x14ac:dyDescent="0.25">
      <c r="A461" t="s">
        <v>14</v>
      </c>
      <c r="B461">
        <v>4</v>
      </c>
      <c r="C461">
        <v>0.63</v>
      </c>
    </row>
    <row r="462" spans="1:3" x14ac:dyDescent="0.25">
      <c r="A462" t="s">
        <v>14</v>
      </c>
      <c r="B462">
        <v>4</v>
      </c>
      <c r="C462">
        <v>0.35</v>
      </c>
    </row>
    <row r="463" spans="1:3" x14ac:dyDescent="0.25">
      <c r="A463" t="s">
        <v>28</v>
      </c>
      <c r="B463">
        <v>4</v>
      </c>
      <c r="C463">
        <v>0.57999999999999996</v>
      </c>
    </row>
    <row r="464" spans="1:3" x14ac:dyDescent="0.25">
      <c r="A464" t="s">
        <v>28</v>
      </c>
      <c r="B464">
        <v>4</v>
      </c>
      <c r="C464">
        <v>0.32</v>
      </c>
    </row>
    <row r="465" spans="1:3" x14ac:dyDescent="0.25">
      <c r="A465" t="s">
        <v>16</v>
      </c>
      <c r="B465">
        <v>4</v>
      </c>
      <c r="C465">
        <v>0.65</v>
      </c>
    </row>
    <row r="466" spans="1:3" x14ac:dyDescent="0.25">
      <c r="A466" t="s">
        <v>16</v>
      </c>
      <c r="B466">
        <v>4</v>
      </c>
      <c r="C466">
        <v>0.55000000000000004</v>
      </c>
    </row>
    <row r="467" spans="1:3" x14ac:dyDescent="0.25">
      <c r="A467" t="s">
        <v>16</v>
      </c>
      <c r="B467">
        <v>4</v>
      </c>
      <c r="C467">
        <v>0.31</v>
      </c>
    </row>
    <row r="468" spans="1:3" x14ac:dyDescent="0.25">
      <c r="A468" t="s">
        <v>16</v>
      </c>
      <c r="B468">
        <v>4</v>
      </c>
      <c r="C468">
        <v>0.56999999999999995</v>
      </c>
    </row>
    <row r="469" spans="1:3" x14ac:dyDescent="0.25">
      <c r="A469" t="s">
        <v>13</v>
      </c>
      <c r="B469">
        <v>4</v>
      </c>
      <c r="C469">
        <v>0.36</v>
      </c>
    </row>
    <row r="470" spans="1:3" x14ac:dyDescent="0.25">
      <c r="A470" t="s">
        <v>13</v>
      </c>
      <c r="B470">
        <v>4</v>
      </c>
      <c r="C470">
        <v>0.69</v>
      </c>
    </row>
    <row r="471" spans="1:3" x14ac:dyDescent="0.25">
      <c r="A471" t="s">
        <v>13</v>
      </c>
      <c r="B471">
        <v>4</v>
      </c>
      <c r="C471">
        <v>0.36</v>
      </c>
    </row>
    <row r="472" spans="1:3" x14ac:dyDescent="0.25">
      <c r="A472" t="s">
        <v>13</v>
      </c>
      <c r="B472">
        <v>4</v>
      </c>
      <c r="C472">
        <v>0.39</v>
      </c>
    </row>
    <row r="473" spans="1:3" x14ac:dyDescent="0.25">
      <c r="A473" t="s">
        <v>13</v>
      </c>
      <c r="B473">
        <v>4</v>
      </c>
      <c r="C473">
        <v>0.5</v>
      </c>
    </row>
    <row r="474" spans="1:3" x14ac:dyDescent="0.25">
      <c r="A474" t="s">
        <v>13</v>
      </c>
      <c r="B474">
        <v>4</v>
      </c>
      <c r="C474">
        <v>0.59</v>
      </c>
    </row>
    <row r="475" spans="1:3" x14ac:dyDescent="0.25">
      <c r="A475" t="s">
        <v>13</v>
      </c>
      <c r="B475">
        <v>4</v>
      </c>
      <c r="C475">
        <v>0.41</v>
      </c>
    </row>
    <row r="476" spans="1:3" x14ac:dyDescent="0.25">
      <c r="A476" t="s">
        <v>13</v>
      </c>
      <c r="B476">
        <v>4</v>
      </c>
      <c r="C476">
        <v>0.61</v>
      </c>
    </row>
    <row r="477" spans="1:3" x14ac:dyDescent="0.25">
      <c r="A477" t="s">
        <v>17</v>
      </c>
      <c r="B477">
        <v>4</v>
      </c>
      <c r="C477">
        <v>0.11</v>
      </c>
    </row>
    <row r="478" spans="1:3" x14ac:dyDescent="0.25">
      <c r="A478" t="s">
        <v>17</v>
      </c>
      <c r="B478">
        <v>4</v>
      </c>
      <c r="C478">
        <v>0.27</v>
      </c>
    </row>
    <row r="479" spans="1:3" x14ac:dyDescent="0.25">
      <c r="A479" t="s">
        <v>17</v>
      </c>
      <c r="B479">
        <v>4</v>
      </c>
      <c r="C479">
        <v>0.3</v>
      </c>
    </row>
    <row r="480" spans="1:3" x14ac:dyDescent="0.25">
      <c r="A480" t="s">
        <v>17</v>
      </c>
      <c r="B480">
        <v>4</v>
      </c>
      <c r="C480">
        <v>0.13</v>
      </c>
    </row>
    <row r="481" spans="1:3" x14ac:dyDescent="0.25">
      <c r="A481" t="s">
        <v>17</v>
      </c>
      <c r="B481">
        <v>4</v>
      </c>
      <c r="C481">
        <v>0.25</v>
      </c>
    </row>
    <row r="482" spans="1:3" x14ac:dyDescent="0.25">
      <c r="A482" t="s">
        <v>17</v>
      </c>
      <c r="B482">
        <v>4</v>
      </c>
      <c r="C482">
        <v>0.1</v>
      </c>
    </row>
    <row r="483" spans="1:3" x14ac:dyDescent="0.25">
      <c r="A483" t="s">
        <v>27</v>
      </c>
      <c r="B483">
        <v>4</v>
      </c>
      <c r="C483">
        <v>0.74</v>
      </c>
    </row>
    <row r="484" spans="1:3" x14ac:dyDescent="0.25">
      <c r="A484" t="s">
        <v>27</v>
      </c>
      <c r="B484">
        <v>4</v>
      </c>
      <c r="C484">
        <v>0.89</v>
      </c>
    </row>
    <row r="485" spans="1:3" x14ac:dyDescent="0.25">
      <c r="A485" t="s">
        <v>27</v>
      </c>
      <c r="B485">
        <v>4</v>
      </c>
      <c r="C485">
        <v>0.77</v>
      </c>
    </row>
    <row r="486" spans="1:3" x14ac:dyDescent="0.25">
      <c r="A486" t="s">
        <v>9</v>
      </c>
      <c r="B486">
        <v>4</v>
      </c>
      <c r="C486">
        <v>0.27</v>
      </c>
    </row>
    <row r="487" spans="1:3" x14ac:dyDescent="0.25">
      <c r="A487" t="s">
        <v>9</v>
      </c>
      <c r="B487">
        <v>4</v>
      </c>
      <c r="C487">
        <v>0.19</v>
      </c>
    </row>
    <row r="488" spans="1:3" x14ac:dyDescent="0.25">
      <c r="A488" t="s">
        <v>9</v>
      </c>
      <c r="B488">
        <v>4</v>
      </c>
      <c r="C488">
        <v>0.09</v>
      </c>
    </row>
    <row r="489" spans="1:3" x14ac:dyDescent="0.25">
      <c r="A489" t="s">
        <v>9</v>
      </c>
      <c r="B489">
        <v>4</v>
      </c>
      <c r="C489">
        <v>7.0000000000000007E-2</v>
      </c>
    </row>
    <row r="490" spans="1:3" x14ac:dyDescent="0.25">
      <c r="A490" t="s">
        <v>9</v>
      </c>
      <c r="B490">
        <v>4</v>
      </c>
      <c r="C490">
        <v>0.17</v>
      </c>
    </row>
    <row r="491" spans="1:3" x14ac:dyDescent="0.25">
      <c r="A491" t="s">
        <v>20</v>
      </c>
      <c r="B491">
        <v>4</v>
      </c>
      <c r="C491">
        <v>0.56000000000000005</v>
      </c>
    </row>
    <row r="492" spans="1:3" x14ac:dyDescent="0.25">
      <c r="A492" t="s">
        <v>20</v>
      </c>
      <c r="B492">
        <v>4</v>
      </c>
      <c r="C492">
        <v>0.6</v>
      </c>
    </row>
    <row r="493" spans="1:3" x14ac:dyDescent="0.25">
      <c r="A493" t="s">
        <v>20</v>
      </c>
      <c r="B493">
        <v>4</v>
      </c>
      <c r="C493">
        <v>0.48</v>
      </c>
    </row>
    <row r="494" spans="1:3" x14ac:dyDescent="0.25">
      <c r="A494" t="s">
        <v>20</v>
      </c>
      <c r="B494">
        <v>4</v>
      </c>
      <c r="C494">
        <v>0.55000000000000004</v>
      </c>
    </row>
    <row r="495" spans="1:3" x14ac:dyDescent="0.25">
      <c r="A495" t="s">
        <v>20</v>
      </c>
      <c r="B495">
        <v>4</v>
      </c>
      <c r="C495">
        <v>0.54</v>
      </c>
    </row>
    <row r="496" spans="1:3" x14ac:dyDescent="0.25">
      <c r="A496" t="s">
        <v>19</v>
      </c>
      <c r="B496">
        <v>4</v>
      </c>
      <c r="C496">
        <v>0.76</v>
      </c>
    </row>
    <row r="497" spans="1:3" x14ac:dyDescent="0.25">
      <c r="A497" t="s">
        <v>19</v>
      </c>
      <c r="B497">
        <v>4</v>
      </c>
      <c r="C497">
        <v>0.77</v>
      </c>
    </row>
    <row r="498" spans="1:3" x14ac:dyDescent="0.25">
      <c r="A498" t="s">
        <v>19</v>
      </c>
      <c r="B498">
        <v>4</v>
      </c>
      <c r="C498">
        <v>0.88</v>
      </c>
    </row>
    <row r="499" spans="1:3" x14ac:dyDescent="0.25">
      <c r="A499" t="s">
        <v>19</v>
      </c>
      <c r="B499">
        <v>4</v>
      </c>
      <c r="C499">
        <v>0.79</v>
      </c>
    </row>
    <row r="500" spans="1:3" x14ac:dyDescent="0.25">
      <c r="A500" t="s">
        <v>19</v>
      </c>
      <c r="B500">
        <v>4</v>
      </c>
      <c r="C500">
        <v>0.76</v>
      </c>
    </row>
    <row r="501" spans="1:3" x14ac:dyDescent="0.25">
      <c r="A501" t="s">
        <v>22</v>
      </c>
      <c r="B501">
        <v>5</v>
      </c>
      <c r="C501">
        <v>0.43</v>
      </c>
    </row>
    <row r="502" spans="1:3" x14ac:dyDescent="0.25">
      <c r="A502" t="s">
        <v>22</v>
      </c>
      <c r="B502">
        <v>5</v>
      </c>
      <c r="C502">
        <v>0.57999999999999996</v>
      </c>
    </row>
    <row r="503" spans="1:3" x14ac:dyDescent="0.25">
      <c r="A503" t="s">
        <v>22</v>
      </c>
      <c r="B503">
        <v>5</v>
      </c>
      <c r="C503">
        <v>0.63</v>
      </c>
    </row>
    <row r="504" spans="1:3" x14ac:dyDescent="0.25">
      <c r="A504" t="s">
        <v>22</v>
      </c>
      <c r="B504">
        <v>5</v>
      </c>
      <c r="C504">
        <v>0.47</v>
      </c>
    </row>
    <row r="505" spans="1:3" x14ac:dyDescent="0.25">
      <c r="A505" t="s">
        <v>22</v>
      </c>
      <c r="B505">
        <v>5</v>
      </c>
      <c r="C505">
        <v>0.61</v>
      </c>
    </row>
    <row r="506" spans="1:3" x14ac:dyDescent="0.25">
      <c r="A506" t="s">
        <v>22</v>
      </c>
      <c r="B506">
        <v>5</v>
      </c>
      <c r="C506">
        <v>0.32</v>
      </c>
    </row>
    <row r="507" spans="1:3" x14ac:dyDescent="0.25">
      <c r="A507" t="s">
        <v>29</v>
      </c>
      <c r="B507">
        <v>5</v>
      </c>
      <c r="C507">
        <v>0.16</v>
      </c>
    </row>
    <row r="508" spans="1:3" x14ac:dyDescent="0.25">
      <c r="A508" t="s">
        <v>29</v>
      </c>
      <c r="B508">
        <v>5</v>
      </c>
      <c r="C508">
        <v>0.28999999999999998</v>
      </c>
    </row>
    <row r="509" spans="1:3" x14ac:dyDescent="0.25">
      <c r="A509" t="s">
        <v>29</v>
      </c>
      <c r="B509">
        <v>5</v>
      </c>
      <c r="C509">
        <v>0.25</v>
      </c>
    </row>
    <row r="510" spans="1:3" x14ac:dyDescent="0.25">
      <c r="A510" t="s">
        <v>29</v>
      </c>
      <c r="B510">
        <v>5</v>
      </c>
      <c r="C510">
        <v>0.06</v>
      </c>
    </row>
    <row r="511" spans="1:3" x14ac:dyDescent="0.25">
      <c r="A511" t="s">
        <v>7</v>
      </c>
      <c r="B511">
        <v>5</v>
      </c>
      <c r="C511">
        <v>0.74</v>
      </c>
    </row>
    <row r="512" spans="1:3" x14ac:dyDescent="0.25">
      <c r="A512" t="s">
        <v>7</v>
      </c>
      <c r="B512">
        <v>5</v>
      </c>
      <c r="C512">
        <v>0.82</v>
      </c>
    </row>
    <row r="513" spans="1:3" x14ac:dyDescent="0.25">
      <c r="A513" t="s">
        <v>7</v>
      </c>
      <c r="B513">
        <v>5</v>
      </c>
      <c r="C513">
        <v>0.92</v>
      </c>
    </row>
    <row r="514" spans="1:3" x14ac:dyDescent="0.25">
      <c r="A514" t="s">
        <v>7</v>
      </c>
      <c r="B514">
        <v>5</v>
      </c>
      <c r="C514">
        <v>0.87</v>
      </c>
    </row>
    <row r="515" spans="1:3" x14ac:dyDescent="0.25">
      <c r="A515" t="s">
        <v>7</v>
      </c>
      <c r="B515">
        <v>5</v>
      </c>
      <c r="C515">
        <v>0.86</v>
      </c>
    </row>
    <row r="516" spans="1:3" x14ac:dyDescent="0.25">
      <c r="A516" t="s">
        <v>7</v>
      </c>
      <c r="B516">
        <v>5</v>
      </c>
      <c r="C516">
        <v>0.8</v>
      </c>
    </row>
    <row r="517" spans="1:3" x14ac:dyDescent="0.25">
      <c r="A517" t="s">
        <v>7</v>
      </c>
      <c r="B517">
        <v>5</v>
      </c>
      <c r="C517">
        <v>0.74</v>
      </c>
    </row>
    <row r="518" spans="1:3" x14ac:dyDescent="0.25">
      <c r="A518" t="s">
        <v>11</v>
      </c>
      <c r="B518">
        <v>5</v>
      </c>
      <c r="C518">
        <v>0.73</v>
      </c>
    </row>
    <row r="519" spans="1:3" x14ac:dyDescent="0.25">
      <c r="A519" t="s">
        <v>11</v>
      </c>
      <c r="B519">
        <v>5</v>
      </c>
      <c r="C519">
        <v>0.94</v>
      </c>
    </row>
    <row r="520" spans="1:3" x14ac:dyDescent="0.25">
      <c r="A520" t="s">
        <v>11</v>
      </c>
      <c r="B520">
        <v>5</v>
      </c>
      <c r="C520">
        <v>0.74</v>
      </c>
    </row>
    <row r="521" spans="1:3" x14ac:dyDescent="0.25">
      <c r="A521" t="s">
        <v>11</v>
      </c>
      <c r="B521">
        <v>5</v>
      </c>
      <c r="C521">
        <v>0.91</v>
      </c>
    </row>
    <row r="522" spans="1:3" x14ac:dyDescent="0.25">
      <c r="A522" t="s">
        <v>11</v>
      </c>
      <c r="B522">
        <v>5</v>
      </c>
      <c r="C522">
        <v>0.77</v>
      </c>
    </row>
    <row r="523" spans="1:3" x14ac:dyDescent="0.25">
      <c r="A523" t="s">
        <v>11</v>
      </c>
      <c r="B523">
        <v>5</v>
      </c>
      <c r="C523">
        <v>0.93</v>
      </c>
    </row>
    <row r="524" spans="1:3" x14ac:dyDescent="0.25">
      <c r="A524" t="s">
        <v>11</v>
      </c>
      <c r="B524">
        <v>5</v>
      </c>
      <c r="C524">
        <v>0.84</v>
      </c>
    </row>
    <row r="525" spans="1:3" x14ac:dyDescent="0.25">
      <c r="A525" t="s">
        <v>23</v>
      </c>
      <c r="B525">
        <v>5</v>
      </c>
      <c r="C525">
        <v>0.32</v>
      </c>
    </row>
    <row r="526" spans="1:3" x14ac:dyDescent="0.25">
      <c r="A526" t="s">
        <v>23</v>
      </c>
      <c r="B526">
        <v>5</v>
      </c>
      <c r="C526">
        <v>0.64</v>
      </c>
    </row>
    <row r="527" spans="1:3" x14ac:dyDescent="0.25">
      <c r="A527" t="s">
        <v>23</v>
      </c>
      <c r="B527">
        <v>5</v>
      </c>
      <c r="C527">
        <v>0.54</v>
      </c>
    </row>
    <row r="528" spans="1:3" x14ac:dyDescent="0.25">
      <c r="A528" t="s">
        <v>23</v>
      </c>
      <c r="B528">
        <v>5</v>
      </c>
      <c r="C528">
        <v>0.55000000000000004</v>
      </c>
    </row>
    <row r="529" spans="1:3" x14ac:dyDescent="0.25">
      <c r="A529" t="s">
        <v>18</v>
      </c>
      <c r="B529">
        <v>5</v>
      </c>
      <c r="C529">
        <v>0.57999999999999996</v>
      </c>
    </row>
    <row r="530" spans="1:3" x14ac:dyDescent="0.25">
      <c r="A530" t="s">
        <v>18</v>
      </c>
      <c r="B530">
        <v>5</v>
      </c>
      <c r="C530">
        <v>0.56000000000000005</v>
      </c>
    </row>
    <row r="531" spans="1:3" x14ac:dyDescent="0.25">
      <c r="A531" t="s">
        <v>18</v>
      </c>
      <c r="B531">
        <v>5</v>
      </c>
      <c r="C531">
        <v>0.68</v>
      </c>
    </row>
    <row r="532" spans="1:3" x14ac:dyDescent="0.25">
      <c r="A532" t="s">
        <v>18</v>
      </c>
      <c r="B532">
        <v>5</v>
      </c>
      <c r="C532">
        <v>0.64</v>
      </c>
    </row>
    <row r="533" spans="1:3" x14ac:dyDescent="0.25">
      <c r="A533" t="s">
        <v>18</v>
      </c>
      <c r="B533">
        <v>5</v>
      </c>
      <c r="C533">
        <v>0.41</v>
      </c>
    </row>
    <row r="534" spans="1:3" x14ac:dyDescent="0.25">
      <c r="A534" t="s">
        <v>18</v>
      </c>
      <c r="B534">
        <v>5</v>
      </c>
      <c r="C534">
        <v>0.4</v>
      </c>
    </row>
    <row r="535" spans="1:3" x14ac:dyDescent="0.25">
      <c r="A535" t="s">
        <v>21</v>
      </c>
      <c r="B535">
        <v>5</v>
      </c>
      <c r="C535">
        <v>0.7</v>
      </c>
    </row>
    <row r="536" spans="1:3" x14ac:dyDescent="0.25">
      <c r="A536" t="s">
        <v>21</v>
      </c>
      <c r="B536">
        <v>5</v>
      </c>
      <c r="C536">
        <v>0.31</v>
      </c>
    </row>
    <row r="537" spans="1:3" x14ac:dyDescent="0.25">
      <c r="A537" t="s">
        <v>21</v>
      </c>
      <c r="B537">
        <v>5</v>
      </c>
      <c r="C537">
        <v>0.53</v>
      </c>
    </row>
    <row r="538" spans="1:3" x14ac:dyDescent="0.25">
      <c r="A538" t="s">
        <v>21</v>
      </c>
      <c r="B538">
        <v>5</v>
      </c>
      <c r="C538">
        <v>0.3</v>
      </c>
    </row>
    <row r="539" spans="1:3" x14ac:dyDescent="0.25">
      <c r="A539" t="s">
        <v>21</v>
      </c>
      <c r="B539">
        <v>5</v>
      </c>
      <c r="C539">
        <v>0.6</v>
      </c>
    </row>
    <row r="540" spans="1:3" x14ac:dyDescent="0.25">
      <c r="A540" t="s">
        <v>25</v>
      </c>
      <c r="B540">
        <v>5</v>
      </c>
      <c r="C540">
        <v>0.73</v>
      </c>
    </row>
    <row r="541" spans="1:3" x14ac:dyDescent="0.25">
      <c r="A541" t="s">
        <v>25</v>
      </c>
      <c r="B541">
        <v>5</v>
      </c>
      <c r="C541">
        <v>0.85</v>
      </c>
    </row>
    <row r="542" spans="1:3" x14ac:dyDescent="0.25">
      <c r="A542" t="s">
        <v>25</v>
      </c>
      <c r="B542">
        <v>5</v>
      </c>
      <c r="C542">
        <v>0.88</v>
      </c>
    </row>
    <row r="543" spans="1:3" x14ac:dyDescent="0.25">
      <c r="A543" t="s">
        <v>25</v>
      </c>
      <c r="B543">
        <v>5</v>
      </c>
      <c r="C543">
        <v>0.95</v>
      </c>
    </row>
    <row r="544" spans="1:3" x14ac:dyDescent="0.25">
      <c r="A544" t="s">
        <v>30</v>
      </c>
      <c r="B544">
        <v>5</v>
      </c>
      <c r="C544">
        <v>0.47</v>
      </c>
    </row>
    <row r="545" spans="1:3" x14ac:dyDescent="0.25">
      <c r="A545" t="s">
        <v>15</v>
      </c>
      <c r="B545">
        <v>5</v>
      </c>
      <c r="C545">
        <v>0.15</v>
      </c>
    </row>
    <row r="546" spans="1:3" x14ac:dyDescent="0.25">
      <c r="A546" t="s">
        <v>15</v>
      </c>
      <c r="B546">
        <v>5</v>
      </c>
      <c r="C546">
        <v>0.26</v>
      </c>
    </row>
    <row r="547" spans="1:3" x14ac:dyDescent="0.25">
      <c r="A547" t="s">
        <v>15</v>
      </c>
      <c r="B547">
        <v>5</v>
      </c>
      <c r="C547">
        <v>0.26</v>
      </c>
    </row>
    <row r="548" spans="1:3" x14ac:dyDescent="0.25">
      <c r="A548" t="s">
        <v>26</v>
      </c>
      <c r="B548">
        <v>5</v>
      </c>
      <c r="C548">
        <v>0.14000000000000001</v>
      </c>
    </row>
    <row r="549" spans="1:3" x14ac:dyDescent="0.25">
      <c r="A549" t="s">
        <v>26</v>
      </c>
      <c r="B549">
        <v>5</v>
      </c>
      <c r="C549">
        <v>0.1</v>
      </c>
    </row>
    <row r="550" spans="1:3" x14ac:dyDescent="0.25">
      <c r="A550" t="s">
        <v>26</v>
      </c>
      <c r="B550">
        <v>5</v>
      </c>
      <c r="C550">
        <v>0.23</v>
      </c>
    </row>
    <row r="551" spans="1:3" x14ac:dyDescent="0.25">
      <c r="A551" t="s">
        <v>26</v>
      </c>
      <c r="B551">
        <v>5</v>
      </c>
      <c r="C551">
        <v>0.24</v>
      </c>
    </row>
    <row r="552" spans="1:3" x14ac:dyDescent="0.25">
      <c r="A552" t="s">
        <v>26</v>
      </c>
      <c r="B552">
        <v>5</v>
      </c>
      <c r="C552">
        <v>0.27</v>
      </c>
    </row>
    <row r="553" spans="1:3" x14ac:dyDescent="0.25">
      <c r="A553" t="s">
        <v>14</v>
      </c>
      <c r="B553">
        <v>5</v>
      </c>
      <c r="C553">
        <v>0.34</v>
      </c>
    </row>
    <row r="554" spans="1:3" x14ac:dyDescent="0.25">
      <c r="A554" t="s">
        <v>14</v>
      </c>
      <c r="B554">
        <v>5</v>
      </c>
      <c r="C554">
        <v>0.56000000000000005</v>
      </c>
    </row>
    <row r="555" spans="1:3" x14ac:dyDescent="0.25">
      <c r="A555" t="s">
        <v>14</v>
      </c>
      <c r="B555">
        <v>5</v>
      </c>
      <c r="C555">
        <v>0.67</v>
      </c>
    </row>
    <row r="556" spans="1:3" x14ac:dyDescent="0.25">
      <c r="A556" t="s">
        <v>14</v>
      </c>
      <c r="B556">
        <v>5</v>
      </c>
      <c r="C556">
        <v>0.42</v>
      </c>
    </row>
    <row r="557" spans="1:3" x14ac:dyDescent="0.25">
      <c r="A557" t="s">
        <v>14</v>
      </c>
      <c r="B557">
        <v>5</v>
      </c>
      <c r="C557">
        <v>0.45</v>
      </c>
    </row>
    <row r="558" spans="1:3" x14ac:dyDescent="0.25">
      <c r="A558" t="s">
        <v>14</v>
      </c>
      <c r="B558">
        <v>5</v>
      </c>
      <c r="C558">
        <v>0.42</v>
      </c>
    </row>
    <row r="559" spans="1:3" x14ac:dyDescent="0.25">
      <c r="A559" t="s">
        <v>14</v>
      </c>
      <c r="B559">
        <v>5</v>
      </c>
      <c r="C559">
        <v>0.4</v>
      </c>
    </row>
    <row r="560" spans="1:3" x14ac:dyDescent="0.25">
      <c r="A560" t="s">
        <v>14</v>
      </c>
      <c r="B560">
        <v>5</v>
      </c>
      <c r="C560">
        <v>0.66</v>
      </c>
    </row>
    <row r="561" spans="1:3" x14ac:dyDescent="0.25">
      <c r="A561" t="s">
        <v>28</v>
      </c>
      <c r="B561">
        <v>5</v>
      </c>
      <c r="C561">
        <v>0.69</v>
      </c>
    </row>
    <row r="562" spans="1:3" x14ac:dyDescent="0.25">
      <c r="A562" t="s">
        <v>28</v>
      </c>
      <c r="B562">
        <v>5</v>
      </c>
      <c r="C562">
        <v>0.7</v>
      </c>
    </row>
    <row r="563" spans="1:3" x14ac:dyDescent="0.25">
      <c r="A563" t="s">
        <v>28</v>
      </c>
      <c r="B563">
        <v>5</v>
      </c>
      <c r="C563">
        <v>0.31</v>
      </c>
    </row>
    <row r="564" spans="1:3" x14ac:dyDescent="0.25">
      <c r="A564" t="s">
        <v>28</v>
      </c>
      <c r="B564">
        <v>5</v>
      </c>
      <c r="C564">
        <v>0.57999999999999996</v>
      </c>
    </row>
    <row r="565" spans="1:3" x14ac:dyDescent="0.25">
      <c r="A565" t="s">
        <v>28</v>
      </c>
      <c r="B565">
        <v>5</v>
      </c>
      <c r="C565">
        <v>0.67</v>
      </c>
    </row>
    <row r="566" spans="1:3" x14ac:dyDescent="0.25">
      <c r="A566" t="s">
        <v>28</v>
      </c>
      <c r="B566">
        <v>5</v>
      </c>
      <c r="C566">
        <v>0.43</v>
      </c>
    </row>
    <row r="567" spans="1:3" x14ac:dyDescent="0.25">
      <c r="A567" t="s">
        <v>16</v>
      </c>
      <c r="B567">
        <v>5</v>
      </c>
      <c r="C567">
        <v>0.57999999999999996</v>
      </c>
    </row>
    <row r="568" spans="1:3" x14ac:dyDescent="0.25">
      <c r="A568" t="s">
        <v>16</v>
      </c>
      <c r="B568">
        <v>5</v>
      </c>
      <c r="C568">
        <v>0.43</v>
      </c>
    </row>
    <row r="569" spans="1:3" x14ac:dyDescent="0.25">
      <c r="A569" t="s">
        <v>13</v>
      </c>
      <c r="B569">
        <v>5</v>
      </c>
      <c r="C569">
        <v>0.51</v>
      </c>
    </row>
    <row r="570" spans="1:3" x14ac:dyDescent="0.25">
      <c r="A570" t="s">
        <v>13</v>
      </c>
      <c r="B570">
        <v>5</v>
      </c>
      <c r="C570">
        <v>0.63</v>
      </c>
    </row>
    <row r="571" spans="1:3" x14ac:dyDescent="0.25">
      <c r="A571" t="s">
        <v>13</v>
      </c>
      <c r="B571">
        <v>5</v>
      </c>
      <c r="C571">
        <v>0.57999999999999996</v>
      </c>
    </row>
    <row r="572" spans="1:3" x14ac:dyDescent="0.25">
      <c r="A572" t="s">
        <v>13</v>
      </c>
      <c r="B572">
        <v>5</v>
      </c>
      <c r="C572">
        <v>0.64</v>
      </c>
    </row>
    <row r="573" spans="1:3" x14ac:dyDescent="0.25">
      <c r="A573" t="s">
        <v>13</v>
      </c>
      <c r="B573">
        <v>5</v>
      </c>
      <c r="C573">
        <v>0.57999999999999996</v>
      </c>
    </row>
    <row r="574" spans="1:3" x14ac:dyDescent="0.25">
      <c r="A574" t="s">
        <v>17</v>
      </c>
      <c r="B574">
        <v>5</v>
      </c>
      <c r="C574">
        <v>0.13</v>
      </c>
    </row>
    <row r="575" spans="1:3" x14ac:dyDescent="0.25">
      <c r="A575" t="s">
        <v>17</v>
      </c>
      <c r="B575">
        <v>5</v>
      </c>
      <c r="C575">
        <v>0.16</v>
      </c>
    </row>
    <row r="576" spans="1:3" x14ac:dyDescent="0.25">
      <c r="A576" t="s">
        <v>17</v>
      </c>
      <c r="B576">
        <v>5</v>
      </c>
      <c r="C576">
        <v>0.26</v>
      </c>
    </row>
    <row r="577" spans="1:3" x14ac:dyDescent="0.25">
      <c r="A577" t="s">
        <v>17</v>
      </c>
      <c r="B577">
        <v>5</v>
      </c>
      <c r="C577">
        <v>0.1</v>
      </c>
    </row>
    <row r="578" spans="1:3" x14ac:dyDescent="0.25">
      <c r="A578" t="s">
        <v>27</v>
      </c>
      <c r="B578">
        <v>5</v>
      </c>
      <c r="C578">
        <v>0.7</v>
      </c>
    </row>
    <row r="579" spans="1:3" x14ac:dyDescent="0.25">
      <c r="A579" t="s">
        <v>27</v>
      </c>
      <c r="B579">
        <v>5</v>
      </c>
      <c r="C579">
        <v>0.81</v>
      </c>
    </row>
    <row r="580" spans="1:3" x14ac:dyDescent="0.25">
      <c r="A580" t="s">
        <v>27</v>
      </c>
      <c r="B580">
        <v>5</v>
      </c>
      <c r="C580">
        <v>0.76</v>
      </c>
    </row>
    <row r="581" spans="1:3" x14ac:dyDescent="0.25">
      <c r="A581" t="s">
        <v>27</v>
      </c>
      <c r="B581">
        <v>5</v>
      </c>
      <c r="C581">
        <v>0.74</v>
      </c>
    </row>
    <row r="582" spans="1:3" x14ac:dyDescent="0.25">
      <c r="A582" t="s">
        <v>27</v>
      </c>
      <c r="B582">
        <v>5</v>
      </c>
      <c r="C582">
        <v>0.8</v>
      </c>
    </row>
    <row r="583" spans="1:3" x14ac:dyDescent="0.25">
      <c r="A583" t="s">
        <v>9</v>
      </c>
      <c r="B583">
        <v>5</v>
      </c>
      <c r="C583">
        <v>0.2</v>
      </c>
    </row>
    <row r="584" spans="1:3" x14ac:dyDescent="0.25">
      <c r="A584" t="s">
        <v>9</v>
      </c>
      <c r="B584">
        <v>5</v>
      </c>
      <c r="C584">
        <v>0.15</v>
      </c>
    </row>
    <row r="585" spans="1:3" x14ac:dyDescent="0.25">
      <c r="A585" t="s">
        <v>9</v>
      </c>
      <c r="B585">
        <v>5</v>
      </c>
      <c r="C585">
        <v>0.2</v>
      </c>
    </row>
    <row r="586" spans="1:3" x14ac:dyDescent="0.25">
      <c r="A586" t="s">
        <v>9</v>
      </c>
      <c r="B586">
        <v>5</v>
      </c>
      <c r="C586">
        <v>0.26</v>
      </c>
    </row>
    <row r="587" spans="1:3" x14ac:dyDescent="0.25">
      <c r="A587" t="s">
        <v>20</v>
      </c>
      <c r="B587">
        <v>5</v>
      </c>
      <c r="C587">
        <v>0.65</v>
      </c>
    </row>
    <row r="588" spans="1:3" x14ac:dyDescent="0.25">
      <c r="A588" t="s">
        <v>20</v>
      </c>
      <c r="B588">
        <v>5</v>
      </c>
      <c r="C588">
        <v>0.5</v>
      </c>
    </row>
    <row r="589" spans="1:3" x14ac:dyDescent="0.25">
      <c r="A589" t="s">
        <v>20</v>
      </c>
      <c r="B589">
        <v>5</v>
      </c>
      <c r="C589">
        <v>0.64</v>
      </c>
    </row>
    <row r="590" spans="1:3" x14ac:dyDescent="0.25">
      <c r="A590" t="s">
        <v>20</v>
      </c>
      <c r="B590">
        <v>5</v>
      </c>
      <c r="C590">
        <v>0.55000000000000004</v>
      </c>
    </row>
    <row r="591" spans="1:3" x14ac:dyDescent="0.25">
      <c r="A591" t="s">
        <v>20</v>
      </c>
      <c r="B591">
        <v>5</v>
      </c>
      <c r="C591">
        <v>0.31</v>
      </c>
    </row>
    <row r="592" spans="1:3" x14ac:dyDescent="0.25">
      <c r="A592" t="s">
        <v>19</v>
      </c>
      <c r="B592">
        <v>5</v>
      </c>
      <c r="C592">
        <v>0.89</v>
      </c>
    </row>
    <row r="593" spans="1:3" x14ac:dyDescent="0.25">
      <c r="A593" t="s">
        <v>19</v>
      </c>
      <c r="B593">
        <v>5</v>
      </c>
      <c r="C593">
        <v>0.83</v>
      </c>
    </row>
    <row r="594" spans="1:3" x14ac:dyDescent="0.25">
      <c r="A594" t="s">
        <v>19</v>
      </c>
      <c r="B594">
        <v>5</v>
      </c>
      <c r="C594">
        <v>0.76</v>
      </c>
    </row>
    <row r="595" spans="1:3" x14ac:dyDescent="0.25">
      <c r="A595" t="s">
        <v>19</v>
      </c>
      <c r="B595">
        <v>5</v>
      </c>
      <c r="C595">
        <v>0.82</v>
      </c>
    </row>
    <row r="596" spans="1:3" x14ac:dyDescent="0.25">
      <c r="A596" t="s">
        <v>19</v>
      </c>
      <c r="B596">
        <v>5</v>
      </c>
      <c r="C596">
        <v>0.79</v>
      </c>
    </row>
    <row r="597" spans="1:3" x14ac:dyDescent="0.25">
      <c r="A597" t="s">
        <v>22</v>
      </c>
      <c r="B597">
        <v>6</v>
      </c>
      <c r="C597">
        <v>0.56000000000000005</v>
      </c>
    </row>
    <row r="598" spans="1:3" x14ac:dyDescent="0.25">
      <c r="A598" t="s">
        <v>22</v>
      </c>
      <c r="B598">
        <v>6</v>
      </c>
      <c r="C598">
        <v>0.64</v>
      </c>
    </row>
    <row r="599" spans="1:3" x14ac:dyDescent="0.25">
      <c r="A599" t="s">
        <v>22</v>
      </c>
      <c r="B599">
        <v>6</v>
      </c>
      <c r="C599">
        <v>0.43</v>
      </c>
    </row>
    <row r="600" spans="1:3" x14ac:dyDescent="0.25">
      <c r="A600" t="s">
        <v>22</v>
      </c>
      <c r="B600">
        <v>6</v>
      </c>
      <c r="C600">
        <v>0.67</v>
      </c>
    </row>
    <row r="601" spans="1:3" x14ac:dyDescent="0.25">
      <c r="A601" t="s">
        <v>29</v>
      </c>
      <c r="B601">
        <v>6</v>
      </c>
      <c r="C601">
        <v>0.06</v>
      </c>
    </row>
    <row r="602" spans="1:3" x14ac:dyDescent="0.25">
      <c r="A602" t="s">
        <v>7</v>
      </c>
      <c r="B602">
        <v>6</v>
      </c>
      <c r="C602">
        <v>0.84</v>
      </c>
    </row>
    <row r="603" spans="1:3" x14ac:dyDescent="0.25">
      <c r="A603" t="s">
        <v>7</v>
      </c>
      <c r="B603">
        <v>6</v>
      </c>
      <c r="C603">
        <v>0.94</v>
      </c>
    </row>
    <row r="604" spans="1:3" x14ac:dyDescent="0.25">
      <c r="A604" t="s">
        <v>7</v>
      </c>
      <c r="B604">
        <v>6</v>
      </c>
      <c r="C604">
        <v>0.71</v>
      </c>
    </row>
    <row r="605" spans="1:3" x14ac:dyDescent="0.25">
      <c r="A605" t="s">
        <v>7</v>
      </c>
      <c r="B605">
        <v>6</v>
      </c>
      <c r="C605">
        <v>0.83</v>
      </c>
    </row>
    <row r="606" spans="1:3" x14ac:dyDescent="0.25">
      <c r="A606" t="s">
        <v>7</v>
      </c>
      <c r="B606">
        <v>6</v>
      </c>
      <c r="C606">
        <v>0.7</v>
      </c>
    </row>
    <row r="607" spans="1:3" x14ac:dyDescent="0.25">
      <c r="A607" t="s">
        <v>7</v>
      </c>
      <c r="B607">
        <v>6</v>
      </c>
      <c r="C607">
        <v>0.9</v>
      </c>
    </row>
    <row r="608" spans="1:3" x14ac:dyDescent="0.25">
      <c r="A608" t="s">
        <v>7</v>
      </c>
      <c r="B608">
        <v>6</v>
      </c>
      <c r="C608">
        <v>0.87</v>
      </c>
    </row>
    <row r="609" spans="1:3" x14ac:dyDescent="0.25">
      <c r="A609" t="s">
        <v>11</v>
      </c>
      <c r="B609">
        <v>6</v>
      </c>
      <c r="C609">
        <v>0.85</v>
      </c>
    </row>
    <row r="610" spans="1:3" x14ac:dyDescent="0.25">
      <c r="A610" t="s">
        <v>11</v>
      </c>
      <c r="B610">
        <v>6</v>
      </c>
      <c r="C610">
        <v>0.87</v>
      </c>
    </row>
    <row r="611" spans="1:3" x14ac:dyDescent="0.25">
      <c r="A611" t="s">
        <v>11</v>
      </c>
      <c r="B611">
        <v>6</v>
      </c>
      <c r="C611">
        <v>0.92</v>
      </c>
    </row>
    <row r="612" spans="1:3" x14ac:dyDescent="0.25">
      <c r="A612" t="s">
        <v>11</v>
      </c>
      <c r="B612">
        <v>6</v>
      </c>
      <c r="C612">
        <v>0.77</v>
      </c>
    </row>
    <row r="613" spans="1:3" x14ac:dyDescent="0.25">
      <c r="A613" t="s">
        <v>23</v>
      </c>
      <c r="B613">
        <v>6</v>
      </c>
      <c r="C613">
        <v>0.65</v>
      </c>
    </row>
    <row r="614" spans="1:3" x14ac:dyDescent="0.25">
      <c r="A614" t="s">
        <v>23</v>
      </c>
      <c r="B614">
        <v>6</v>
      </c>
      <c r="C614">
        <v>0.57999999999999996</v>
      </c>
    </row>
    <row r="615" spans="1:3" x14ac:dyDescent="0.25">
      <c r="A615" t="s">
        <v>23</v>
      </c>
      <c r="B615">
        <v>6</v>
      </c>
      <c r="C615">
        <v>0.48</v>
      </c>
    </row>
    <row r="616" spans="1:3" x14ac:dyDescent="0.25">
      <c r="A616" t="s">
        <v>23</v>
      </c>
      <c r="B616">
        <v>6</v>
      </c>
      <c r="C616">
        <v>0.68</v>
      </c>
    </row>
    <row r="617" spans="1:3" x14ac:dyDescent="0.25">
      <c r="A617" t="s">
        <v>18</v>
      </c>
      <c r="B617">
        <v>6</v>
      </c>
      <c r="C617">
        <v>0.43</v>
      </c>
    </row>
    <row r="618" spans="1:3" x14ac:dyDescent="0.25">
      <c r="A618" t="s">
        <v>18</v>
      </c>
      <c r="B618">
        <v>6</v>
      </c>
      <c r="C618">
        <v>0.31</v>
      </c>
    </row>
    <row r="619" spans="1:3" x14ac:dyDescent="0.25">
      <c r="A619" t="s">
        <v>18</v>
      </c>
      <c r="B619">
        <v>6</v>
      </c>
      <c r="C619">
        <v>0.39</v>
      </c>
    </row>
    <row r="620" spans="1:3" x14ac:dyDescent="0.25">
      <c r="A620" t="s">
        <v>18</v>
      </c>
      <c r="B620">
        <v>6</v>
      </c>
      <c r="C620">
        <v>0.37</v>
      </c>
    </row>
    <row r="621" spans="1:3" x14ac:dyDescent="0.25">
      <c r="A621" t="s">
        <v>18</v>
      </c>
      <c r="B621">
        <v>6</v>
      </c>
      <c r="C621">
        <v>0.59</v>
      </c>
    </row>
    <row r="622" spans="1:3" x14ac:dyDescent="0.25">
      <c r="A622" t="s">
        <v>21</v>
      </c>
      <c r="B622">
        <v>6</v>
      </c>
      <c r="C622">
        <v>0.4</v>
      </c>
    </row>
    <row r="623" spans="1:3" x14ac:dyDescent="0.25">
      <c r="A623" t="s">
        <v>21</v>
      </c>
      <c r="B623">
        <v>6</v>
      </c>
      <c r="C623">
        <v>0.39</v>
      </c>
    </row>
    <row r="624" spans="1:3" x14ac:dyDescent="0.25">
      <c r="A624" t="s">
        <v>21</v>
      </c>
      <c r="B624">
        <v>6</v>
      </c>
      <c r="C624">
        <v>0.45</v>
      </c>
    </row>
    <row r="625" spans="1:3" x14ac:dyDescent="0.25">
      <c r="A625" t="s">
        <v>25</v>
      </c>
      <c r="B625">
        <v>6</v>
      </c>
      <c r="C625">
        <v>0.88</v>
      </c>
    </row>
    <row r="626" spans="1:3" x14ac:dyDescent="0.25">
      <c r="A626" t="s">
        <v>30</v>
      </c>
      <c r="B626">
        <v>6</v>
      </c>
      <c r="C626">
        <v>0.56999999999999995</v>
      </c>
    </row>
    <row r="627" spans="1:3" x14ac:dyDescent="0.25">
      <c r="A627" t="s">
        <v>30</v>
      </c>
      <c r="B627">
        <v>6</v>
      </c>
      <c r="C627">
        <v>0.56000000000000005</v>
      </c>
    </row>
    <row r="628" spans="1:3" x14ac:dyDescent="0.25">
      <c r="A628" t="s">
        <v>30</v>
      </c>
      <c r="B628">
        <v>6</v>
      </c>
      <c r="C628">
        <v>0.45</v>
      </c>
    </row>
    <row r="629" spans="1:3" x14ac:dyDescent="0.25">
      <c r="A629" t="s">
        <v>30</v>
      </c>
      <c r="B629">
        <v>6</v>
      </c>
      <c r="C629">
        <v>0.45</v>
      </c>
    </row>
    <row r="630" spans="1:3" x14ac:dyDescent="0.25">
      <c r="A630" t="s">
        <v>30</v>
      </c>
      <c r="B630">
        <v>6</v>
      </c>
      <c r="C630">
        <v>0.52</v>
      </c>
    </row>
    <row r="631" spans="1:3" x14ac:dyDescent="0.25">
      <c r="A631" t="s">
        <v>30</v>
      </c>
      <c r="B631">
        <v>6</v>
      </c>
      <c r="C631">
        <v>0.35</v>
      </c>
    </row>
    <row r="632" spans="1:3" x14ac:dyDescent="0.25">
      <c r="A632" t="s">
        <v>15</v>
      </c>
      <c r="B632">
        <v>6</v>
      </c>
      <c r="C632">
        <v>0.22</v>
      </c>
    </row>
    <row r="633" spans="1:3" x14ac:dyDescent="0.25">
      <c r="A633" t="s">
        <v>15</v>
      </c>
      <c r="B633">
        <v>6</v>
      </c>
      <c r="C633">
        <v>0.14000000000000001</v>
      </c>
    </row>
    <row r="634" spans="1:3" x14ac:dyDescent="0.25">
      <c r="A634" t="s">
        <v>15</v>
      </c>
      <c r="B634">
        <v>6</v>
      </c>
      <c r="C634">
        <v>0.17</v>
      </c>
    </row>
    <row r="635" spans="1:3" x14ac:dyDescent="0.25">
      <c r="A635" t="s">
        <v>26</v>
      </c>
      <c r="B635">
        <v>6</v>
      </c>
      <c r="C635">
        <v>0.17</v>
      </c>
    </row>
    <row r="636" spans="1:3" x14ac:dyDescent="0.25">
      <c r="A636" t="s">
        <v>26</v>
      </c>
      <c r="B636">
        <v>6</v>
      </c>
      <c r="C636">
        <v>0.26</v>
      </c>
    </row>
    <row r="637" spans="1:3" x14ac:dyDescent="0.25">
      <c r="A637" t="s">
        <v>26</v>
      </c>
      <c r="B637">
        <v>6</v>
      </c>
      <c r="C637">
        <v>0.12</v>
      </c>
    </row>
    <row r="638" spans="1:3" x14ac:dyDescent="0.25">
      <c r="A638" t="s">
        <v>26</v>
      </c>
      <c r="B638">
        <v>6</v>
      </c>
      <c r="C638">
        <v>0.2</v>
      </c>
    </row>
    <row r="639" spans="1:3" x14ac:dyDescent="0.25">
      <c r="A639" t="s">
        <v>14</v>
      </c>
      <c r="B639">
        <v>6</v>
      </c>
      <c r="C639">
        <v>0.43</v>
      </c>
    </row>
    <row r="640" spans="1:3" x14ac:dyDescent="0.25">
      <c r="A640" t="s">
        <v>14</v>
      </c>
      <c r="B640">
        <v>6</v>
      </c>
      <c r="C640">
        <v>0.45</v>
      </c>
    </row>
    <row r="641" spans="1:3" x14ac:dyDescent="0.25">
      <c r="A641" t="s">
        <v>14</v>
      </c>
      <c r="B641">
        <v>6</v>
      </c>
      <c r="C641">
        <v>0.55000000000000004</v>
      </c>
    </row>
    <row r="642" spans="1:3" x14ac:dyDescent="0.25">
      <c r="A642" t="s">
        <v>14</v>
      </c>
      <c r="B642">
        <v>6</v>
      </c>
      <c r="C642">
        <v>0.54</v>
      </c>
    </row>
    <row r="643" spans="1:3" x14ac:dyDescent="0.25">
      <c r="A643" t="s">
        <v>14</v>
      </c>
      <c r="B643">
        <v>6</v>
      </c>
      <c r="C643">
        <v>0.43</v>
      </c>
    </row>
    <row r="644" spans="1:3" x14ac:dyDescent="0.25">
      <c r="A644" t="s">
        <v>28</v>
      </c>
      <c r="B644">
        <v>6</v>
      </c>
      <c r="C644">
        <v>0.57999999999999996</v>
      </c>
    </row>
    <row r="645" spans="1:3" x14ac:dyDescent="0.25">
      <c r="A645" t="s">
        <v>28</v>
      </c>
      <c r="B645">
        <v>6</v>
      </c>
      <c r="C645">
        <v>0.53</v>
      </c>
    </row>
    <row r="646" spans="1:3" x14ac:dyDescent="0.25">
      <c r="A646" t="s">
        <v>28</v>
      </c>
      <c r="B646">
        <v>6</v>
      </c>
      <c r="C646">
        <v>0.56000000000000005</v>
      </c>
    </row>
    <row r="647" spans="1:3" x14ac:dyDescent="0.25">
      <c r="A647" t="s">
        <v>28</v>
      </c>
      <c r="B647">
        <v>6</v>
      </c>
      <c r="C647">
        <v>0.34</v>
      </c>
    </row>
    <row r="648" spans="1:3" x14ac:dyDescent="0.25">
      <c r="A648" t="s">
        <v>28</v>
      </c>
      <c r="B648">
        <v>6</v>
      </c>
      <c r="C648">
        <v>0.54</v>
      </c>
    </row>
    <row r="649" spans="1:3" x14ac:dyDescent="0.25">
      <c r="A649" t="s">
        <v>16</v>
      </c>
      <c r="B649">
        <v>6</v>
      </c>
      <c r="C649">
        <v>0.47</v>
      </c>
    </row>
    <row r="650" spans="1:3" x14ac:dyDescent="0.25">
      <c r="A650" t="s">
        <v>16</v>
      </c>
      <c r="B650">
        <v>6</v>
      </c>
      <c r="C650">
        <v>0.54</v>
      </c>
    </row>
    <row r="651" spans="1:3" x14ac:dyDescent="0.25">
      <c r="A651" t="s">
        <v>16</v>
      </c>
      <c r="B651">
        <v>6</v>
      </c>
      <c r="C651">
        <v>0.6</v>
      </c>
    </row>
    <row r="652" spans="1:3" x14ac:dyDescent="0.25">
      <c r="A652" t="s">
        <v>16</v>
      </c>
      <c r="B652">
        <v>6</v>
      </c>
      <c r="C652">
        <v>0.45</v>
      </c>
    </row>
    <row r="653" spans="1:3" x14ac:dyDescent="0.25">
      <c r="A653" t="s">
        <v>13</v>
      </c>
      <c r="B653">
        <v>6</v>
      </c>
      <c r="C653">
        <v>0.52</v>
      </c>
    </row>
    <row r="654" spans="1:3" x14ac:dyDescent="0.25">
      <c r="A654" t="s">
        <v>13</v>
      </c>
      <c r="B654">
        <v>6</v>
      </c>
      <c r="C654">
        <v>0.64</v>
      </c>
    </row>
    <row r="655" spans="1:3" x14ac:dyDescent="0.25">
      <c r="A655" t="s">
        <v>13</v>
      </c>
      <c r="B655">
        <v>6</v>
      </c>
      <c r="C655">
        <v>0.43</v>
      </c>
    </row>
    <row r="656" spans="1:3" x14ac:dyDescent="0.25">
      <c r="A656" t="s">
        <v>13</v>
      </c>
      <c r="B656">
        <v>6</v>
      </c>
      <c r="C656">
        <v>0.69</v>
      </c>
    </row>
    <row r="657" spans="1:3" x14ac:dyDescent="0.25">
      <c r="A657" t="s">
        <v>13</v>
      </c>
      <c r="B657">
        <v>6</v>
      </c>
      <c r="C657">
        <v>0.56000000000000005</v>
      </c>
    </row>
    <row r="658" spans="1:3" x14ac:dyDescent="0.25">
      <c r="A658" t="s">
        <v>13</v>
      </c>
      <c r="B658">
        <v>6</v>
      </c>
      <c r="C658">
        <v>0.67</v>
      </c>
    </row>
    <row r="659" spans="1:3" x14ac:dyDescent="0.25">
      <c r="A659" t="s">
        <v>13</v>
      </c>
      <c r="B659">
        <v>6</v>
      </c>
      <c r="C659">
        <v>0.62</v>
      </c>
    </row>
    <row r="660" spans="1:3" x14ac:dyDescent="0.25">
      <c r="A660" t="s">
        <v>13</v>
      </c>
      <c r="B660">
        <v>6</v>
      </c>
      <c r="C660">
        <v>0.47</v>
      </c>
    </row>
    <row r="661" spans="1:3" x14ac:dyDescent="0.25">
      <c r="A661" t="s">
        <v>13</v>
      </c>
      <c r="B661">
        <v>6</v>
      </c>
      <c r="C661">
        <v>0.39</v>
      </c>
    </row>
    <row r="662" spans="1:3" x14ac:dyDescent="0.25">
      <c r="A662" t="s">
        <v>17</v>
      </c>
      <c r="B662">
        <v>6</v>
      </c>
      <c r="C662">
        <v>0.24</v>
      </c>
    </row>
    <row r="663" spans="1:3" x14ac:dyDescent="0.25">
      <c r="A663" t="s">
        <v>17</v>
      </c>
      <c r="B663">
        <v>6</v>
      </c>
      <c r="C663">
        <v>0.23</v>
      </c>
    </row>
    <row r="664" spans="1:3" x14ac:dyDescent="0.25">
      <c r="A664" t="s">
        <v>17</v>
      </c>
      <c r="B664">
        <v>6</v>
      </c>
      <c r="C664">
        <v>0.09</v>
      </c>
    </row>
    <row r="665" spans="1:3" x14ac:dyDescent="0.25">
      <c r="A665" t="s">
        <v>27</v>
      </c>
      <c r="B665">
        <v>6</v>
      </c>
      <c r="C665">
        <v>0.86</v>
      </c>
    </row>
    <row r="666" spans="1:3" x14ac:dyDescent="0.25">
      <c r="A666" t="s">
        <v>27</v>
      </c>
      <c r="B666">
        <v>6</v>
      </c>
      <c r="C666">
        <v>0.9</v>
      </c>
    </row>
    <row r="667" spans="1:3" x14ac:dyDescent="0.25">
      <c r="A667" t="s">
        <v>27</v>
      </c>
      <c r="B667">
        <v>6</v>
      </c>
      <c r="C667">
        <v>0.85</v>
      </c>
    </row>
    <row r="668" spans="1:3" x14ac:dyDescent="0.25">
      <c r="A668" t="s">
        <v>27</v>
      </c>
      <c r="B668">
        <v>6</v>
      </c>
      <c r="C668">
        <v>0.79</v>
      </c>
    </row>
    <row r="669" spans="1:3" x14ac:dyDescent="0.25">
      <c r="A669" t="s">
        <v>27</v>
      </c>
      <c r="B669">
        <v>6</v>
      </c>
      <c r="C669">
        <v>0.72</v>
      </c>
    </row>
    <row r="670" spans="1:3" x14ac:dyDescent="0.25">
      <c r="A670" t="s">
        <v>27</v>
      </c>
      <c r="B670">
        <v>6</v>
      </c>
      <c r="C670">
        <v>0.83</v>
      </c>
    </row>
    <row r="671" spans="1:3" x14ac:dyDescent="0.25">
      <c r="A671" t="s">
        <v>27</v>
      </c>
      <c r="B671">
        <v>6</v>
      </c>
      <c r="C671">
        <v>0.89</v>
      </c>
    </row>
    <row r="672" spans="1:3" x14ac:dyDescent="0.25">
      <c r="A672" t="s">
        <v>27</v>
      </c>
      <c r="B672">
        <v>6</v>
      </c>
      <c r="C672">
        <v>0.84</v>
      </c>
    </row>
    <row r="673" spans="1:3" x14ac:dyDescent="0.25">
      <c r="A673" t="s">
        <v>27</v>
      </c>
      <c r="B673">
        <v>6</v>
      </c>
      <c r="C673">
        <v>0.87</v>
      </c>
    </row>
    <row r="674" spans="1:3" x14ac:dyDescent="0.25">
      <c r="A674" t="s">
        <v>9</v>
      </c>
      <c r="B674">
        <v>6</v>
      </c>
      <c r="C674">
        <v>0.12</v>
      </c>
    </row>
    <row r="675" spans="1:3" x14ac:dyDescent="0.25">
      <c r="A675" t="s">
        <v>9</v>
      </c>
      <c r="B675">
        <v>6</v>
      </c>
      <c r="C675">
        <v>0.28000000000000003</v>
      </c>
    </row>
    <row r="676" spans="1:3" x14ac:dyDescent="0.25">
      <c r="A676" t="s">
        <v>9</v>
      </c>
      <c r="B676">
        <v>6</v>
      </c>
      <c r="C676">
        <v>0.23</v>
      </c>
    </row>
    <row r="677" spans="1:3" x14ac:dyDescent="0.25">
      <c r="A677" t="s">
        <v>20</v>
      </c>
      <c r="B677">
        <v>6</v>
      </c>
      <c r="C677">
        <v>0.41</v>
      </c>
    </row>
    <row r="678" spans="1:3" x14ac:dyDescent="0.25">
      <c r="A678" t="s">
        <v>20</v>
      </c>
      <c r="B678">
        <v>6</v>
      </c>
      <c r="C678">
        <v>0.51</v>
      </c>
    </row>
    <row r="679" spans="1:3" x14ac:dyDescent="0.25">
      <c r="A679" t="s">
        <v>20</v>
      </c>
      <c r="B679">
        <v>6</v>
      </c>
      <c r="C679">
        <v>0.56999999999999995</v>
      </c>
    </row>
    <row r="680" spans="1:3" x14ac:dyDescent="0.25">
      <c r="A680" t="s">
        <v>20</v>
      </c>
      <c r="B680">
        <v>6</v>
      </c>
      <c r="C680">
        <v>0.54</v>
      </c>
    </row>
    <row r="681" spans="1:3" x14ac:dyDescent="0.25">
      <c r="A681" t="s">
        <v>19</v>
      </c>
      <c r="B681">
        <v>6</v>
      </c>
      <c r="C681">
        <v>0.77</v>
      </c>
    </row>
    <row r="682" spans="1:3" x14ac:dyDescent="0.25">
      <c r="A682" t="s">
        <v>19</v>
      </c>
      <c r="B682">
        <v>6</v>
      </c>
      <c r="C682">
        <v>0.87</v>
      </c>
    </row>
    <row r="683" spans="1:3" x14ac:dyDescent="0.25">
      <c r="A683" t="s">
        <v>19</v>
      </c>
      <c r="B683">
        <v>6</v>
      </c>
      <c r="C683">
        <v>0.84</v>
      </c>
    </row>
    <row r="684" spans="1:3" x14ac:dyDescent="0.25">
      <c r="A684" t="s">
        <v>19</v>
      </c>
      <c r="B684">
        <v>6</v>
      </c>
      <c r="C684">
        <v>0.89</v>
      </c>
    </row>
    <row r="685" spans="1:3" x14ac:dyDescent="0.25">
      <c r="A685" t="s">
        <v>19</v>
      </c>
      <c r="B685">
        <v>6</v>
      </c>
      <c r="C685">
        <v>0.77</v>
      </c>
    </row>
    <row r="686" spans="1:3" x14ac:dyDescent="0.25">
      <c r="A686" t="s">
        <v>19</v>
      </c>
      <c r="B686">
        <v>6</v>
      </c>
      <c r="C686">
        <v>0.94</v>
      </c>
    </row>
    <row r="687" spans="1:3" x14ac:dyDescent="0.25">
      <c r="A687" t="s">
        <v>22</v>
      </c>
      <c r="B687">
        <v>7</v>
      </c>
      <c r="C687">
        <v>0.38</v>
      </c>
    </row>
    <row r="688" spans="1:3" x14ac:dyDescent="0.25">
      <c r="A688" t="s">
        <v>22</v>
      </c>
      <c r="B688">
        <v>7</v>
      </c>
      <c r="C688">
        <v>0.49</v>
      </c>
    </row>
    <row r="689" spans="1:3" x14ac:dyDescent="0.25">
      <c r="A689" t="s">
        <v>22</v>
      </c>
      <c r="B689">
        <v>7</v>
      </c>
      <c r="C689">
        <v>0.59</v>
      </c>
    </row>
    <row r="690" spans="1:3" x14ac:dyDescent="0.25">
      <c r="A690" t="s">
        <v>22</v>
      </c>
      <c r="B690">
        <v>7</v>
      </c>
      <c r="C690">
        <v>0.32</v>
      </c>
    </row>
    <row r="691" spans="1:3" x14ac:dyDescent="0.25">
      <c r="A691" t="s">
        <v>22</v>
      </c>
      <c r="B691">
        <v>7</v>
      </c>
      <c r="C691">
        <v>0.32</v>
      </c>
    </row>
    <row r="692" spans="1:3" x14ac:dyDescent="0.25">
      <c r="A692" t="s">
        <v>22</v>
      </c>
      <c r="B692">
        <v>7</v>
      </c>
      <c r="C692">
        <v>0.7</v>
      </c>
    </row>
    <row r="693" spans="1:3" x14ac:dyDescent="0.25">
      <c r="A693" t="s">
        <v>29</v>
      </c>
      <c r="B693">
        <v>7</v>
      </c>
      <c r="C693">
        <v>0.25</v>
      </c>
    </row>
    <row r="694" spans="1:3" x14ac:dyDescent="0.25">
      <c r="A694" t="s">
        <v>29</v>
      </c>
      <c r="B694">
        <v>7</v>
      </c>
      <c r="C694">
        <v>0.11</v>
      </c>
    </row>
    <row r="695" spans="1:3" x14ac:dyDescent="0.25">
      <c r="A695" t="s">
        <v>29</v>
      </c>
      <c r="B695">
        <v>7</v>
      </c>
      <c r="C695">
        <v>0.08</v>
      </c>
    </row>
    <row r="696" spans="1:3" x14ac:dyDescent="0.25">
      <c r="A696" t="s">
        <v>29</v>
      </c>
      <c r="B696">
        <v>7</v>
      </c>
      <c r="C696">
        <v>0.28000000000000003</v>
      </c>
    </row>
    <row r="697" spans="1:3" x14ac:dyDescent="0.25">
      <c r="A697" t="s">
        <v>29</v>
      </c>
      <c r="B697">
        <v>7</v>
      </c>
      <c r="C697">
        <v>0.3</v>
      </c>
    </row>
    <row r="698" spans="1:3" x14ac:dyDescent="0.25">
      <c r="A698" t="s">
        <v>29</v>
      </c>
      <c r="B698">
        <v>7</v>
      </c>
      <c r="C698">
        <v>0.19</v>
      </c>
    </row>
    <row r="699" spans="1:3" x14ac:dyDescent="0.25">
      <c r="A699" t="s">
        <v>29</v>
      </c>
      <c r="B699">
        <v>7</v>
      </c>
      <c r="C699">
        <v>0.22</v>
      </c>
    </row>
    <row r="700" spans="1:3" x14ac:dyDescent="0.25">
      <c r="A700" t="s">
        <v>29</v>
      </c>
      <c r="B700">
        <v>7</v>
      </c>
      <c r="C700">
        <v>0.2</v>
      </c>
    </row>
    <row r="701" spans="1:3" x14ac:dyDescent="0.25">
      <c r="A701" t="s">
        <v>7</v>
      </c>
      <c r="B701">
        <v>7</v>
      </c>
      <c r="C701">
        <v>0.88</v>
      </c>
    </row>
    <row r="702" spans="1:3" x14ac:dyDescent="0.25">
      <c r="A702" t="s">
        <v>7</v>
      </c>
      <c r="B702">
        <v>7</v>
      </c>
      <c r="C702">
        <v>0.88</v>
      </c>
    </row>
    <row r="703" spans="1:3" x14ac:dyDescent="0.25">
      <c r="A703" t="s">
        <v>7</v>
      </c>
      <c r="B703">
        <v>7</v>
      </c>
      <c r="C703">
        <v>0.91</v>
      </c>
    </row>
    <row r="704" spans="1:3" x14ac:dyDescent="0.25">
      <c r="A704" t="s">
        <v>7</v>
      </c>
      <c r="B704">
        <v>7</v>
      </c>
      <c r="C704">
        <v>0.86</v>
      </c>
    </row>
    <row r="705" spans="1:3" x14ac:dyDescent="0.25">
      <c r="A705" t="s">
        <v>7</v>
      </c>
      <c r="B705">
        <v>7</v>
      </c>
      <c r="C705">
        <v>0.8</v>
      </c>
    </row>
    <row r="706" spans="1:3" x14ac:dyDescent="0.25">
      <c r="A706" t="s">
        <v>7</v>
      </c>
      <c r="B706">
        <v>7</v>
      </c>
      <c r="C706">
        <v>0.75</v>
      </c>
    </row>
    <row r="707" spans="1:3" x14ac:dyDescent="0.25">
      <c r="A707" t="s">
        <v>11</v>
      </c>
      <c r="B707">
        <v>7</v>
      </c>
      <c r="C707">
        <v>0.82</v>
      </c>
    </row>
    <row r="708" spans="1:3" x14ac:dyDescent="0.25">
      <c r="A708" t="s">
        <v>11</v>
      </c>
      <c r="B708">
        <v>7</v>
      </c>
      <c r="C708">
        <v>0.93</v>
      </c>
    </row>
    <row r="709" spans="1:3" x14ac:dyDescent="0.25">
      <c r="A709" t="s">
        <v>11</v>
      </c>
      <c r="B709">
        <v>7</v>
      </c>
      <c r="C709">
        <v>0.78</v>
      </c>
    </row>
    <row r="710" spans="1:3" x14ac:dyDescent="0.25">
      <c r="A710" t="s">
        <v>11</v>
      </c>
      <c r="B710">
        <v>7</v>
      </c>
      <c r="C710">
        <v>0.95</v>
      </c>
    </row>
    <row r="711" spans="1:3" x14ac:dyDescent="0.25">
      <c r="A711" t="s">
        <v>11</v>
      </c>
      <c r="B711">
        <v>7</v>
      </c>
      <c r="C711">
        <v>0.9</v>
      </c>
    </row>
    <row r="712" spans="1:3" x14ac:dyDescent="0.25">
      <c r="A712" t="s">
        <v>23</v>
      </c>
      <c r="B712">
        <v>7</v>
      </c>
      <c r="C712">
        <v>0.49</v>
      </c>
    </row>
    <row r="713" spans="1:3" x14ac:dyDescent="0.25">
      <c r="A713" t="s">
        <v>23</v>
      </c>
      <c r="B713">
        <v>7</v>
      </c>
      <c r="C713">
        <v>0.66</v>
      </c>
    </row>
    <row r="714" spans="1:3" x14ac:dyDescent="0.25">
      <c r="A714" t="s">
        <v>23</v>
      </c>
      <c r="B714">
        <v>7</v>
      </c>
      <c r="C714">
        <v>0.41</v>
      </c>
    </row>
    <row r="715" spans="1:3" x14ac:dyDescent="0.25">
      <c r="A715" t="s">
        <v>23</v>
      </c>
      <c r="B715">
        <v>7</v>
      </c>
      <c r="C715">
        <v>0.46</v>
      </c>
    </row>
    <row r="716" spans="1:3" x14ac:dyDescent="0.25">
      <c r="A716" t="s">
        <v>18</v>
      </c>
      <c r="B716">
        <v>7</v>
      </c>
      <c r="C716">
        <v>0.57999999999999996</v>
      </c>
    </row>
    <row r="717" spans="1:3" x14ac:dyDescent="0.25">
      <c r="A717" t="s">
        <v>18</v>
      </c>
      <c r="B717">
        <v>7</v>
      </c>
      <c r="C717">
        <v>0.59</v>
      </c>
    </row>
    <row r="718" spans="1:3" x14ac:dyDescent="0.25">
      <c r="A718" t="s">
        <v>18</v>
      </c>
      <c r="B718">
        <v>7</v>
      </c>
      <c r="C718">
        <v>0.53</v>
      </c>
    </row>
    <row r="719" spans="1:3" x14ac:dyDescent="0.25">
      <c r="A719" t="s">
        <v>21</v>
      </c>
      <c r="B719">
        <v>7</v>
      </c>
      <c r="C719">
        <v>0.63</v>
      </c>
    </row>
    <row r="720" spans="1:3" x14ac:dyDescent="0.25">
      <c r="A720" t="s">
        <v>21</v>
      </c>
      <c r="B720">
        <v>7</v>
      </c>
      <c r="C720">
        <v>0.56999999999999995</v>
      </c>
    </row>
    <row r="721" spans="1:3" x14ac:dyDescent="0.25">
      <c r="A721" t="s">
        <v>21</v>
      </c>
      <c r="B721">
        <v>7</v>
      </c>
      <c r="C721">
        <v>0.44</v>
      </c>
    </row>
    <row r="722" spans="1:3" x14ac:dyDescent="0.25">
      <c r="A722" t="s">
        <v>21</v>
      </c>
      <c r="B722">
        <v>7</v>
      </c>
      <c r="C722">
        <v>0.52</v>
      </c>
    </row>
    <row r="723" spans="1:3" x14ac:dyDescent="0.25">
      <c r="A723" t="s">
        <v>21</v>
      </c>
      <c r="B723">
        <v>7</v>
      </c>
      <c r="C723">
        <v>0.61</v>
      </c>
    </row>
    <row r="724" spans="1:3" x14ac:dyDescent="0.25">
      <c r="A724" t="s">
        <v>25</v>
      </c>
      <c r="B724">
        <v>7</v>
      </c>
      <c r="C724">
        <v>0.84</v>
      </c>
    </row>
    <row r="725" spans="1:3" x14ac:dyDescent="0.25">
      <c r="A725" t="s">
        <v>25</v>
      </c>
      <c r="B725">
        <v>7</v>
      </c>
      <c r="C725">
        <v>0.76</v>
      </c>
    </row>
    <row r="726" spans="1:3" x14ac:dyDescent="0.25">
      <c r="A726" t="s">
        <v>25</v>
      </c>
      <c r="B726">
        <v>7</v>
      </c>
      <c r="C726">
        <v>0.71</v>
      </c>
    </row>
    <row r="727" spans="1:3" x14ac:dyDescent="0.25">
      <c r="A727" t="s">
        <v>25</v>
      </c>
      <c r="B727">
        <v>7</v>
      </c>
      <c r="C727">
        <v>0.76</v>
      </c>
    </row>
    <row r="728" spans="1:3" x14ac:dyDescent="0.25">
      <c r="A728" t="s">
        <v>30</v>
      </c>
      <c r="B728">
        <v>7</v>
      </c>
      <c r="C728">
        <v>0.5</v>
      </c>
    </row>
    <row r="729" spans="1:3" x14ac:dyDescent="0.25">
      <c r="A729" t="s">
        <v>30</v>
      </c>
      <c r="B729">
        <v>7</v>
      </c>
      <c r="C729">
        <v>0.38</v>
      </c>
    </row>
    <row r="730" spans="1:3" x14ac:dyDescent="0.25">
      <c r="A730" t="s">
        <v>30</v>
      </c>
      <c r="B730">
        <v>7</v>
      </c>
      <c r="C730">
        <v>0.69</v>
      </c>
    </row>
    <row r="731" spans="1:3" x14ac:dyDescent="0.25">
      <c r="A731" t="s">
        <v>30</v>
      </c>
      <c r="B731">
        <v>7</v>
      </c>
      <c r="C731">
        <v>0.35</v>
      </c>
    </row>
    <row r="732" spans="1:3" x14ac:dyDescent="0.25">
      <c r="A732" t="s">
        <v>30</v>
      </c>
      <c r="B732">
        <v>7</v>
      </c>
      <c r="C732">
        <v>0.36</v>
      </c>
    </row>
    <row r="733" spans="1:3" x14ac:dyDescent="0.25">
      <c r="A733" t="s">
        <v>30</v>
      </c>
      <c r="B733">
        <v>7</v>
      </c>
      <c r="C733">
        <v>0.54</v>
      </c>
    </row>
    <row r="734" spans="1:3" x14ac:dyDescent="0.25">
      <c r="A734" t="s">
        <v>30</v>
      </c>
      <c r="B734">
        <v>7</v>
      </c>
      <c r="C734">
        <v>0.66</v>
      </c>
    </row>
    <row r="735" spans="1:3" x14ac:dyDescent="0.25">
      <c r="A735" t="s">
        <v>30</v>
      </c>
      <c r="B735">
        <v>7</v>
      </c>
      <c r="C735">
        <v>0.59</v>
      </c>
    </row>
    <row r="736" spans="1:3" x14ac:dyDescent="0.25">
      <c r="A736" t="s">
        <v>30</v>
      </c>
      <c r="B736">
        <v>7</v>
      </c>
      <c r="C736">
        <v>0.37</v>
      </c>
    </row>
    <row r="737" spans="1:3" x14ac:dyDescent="0.25">
      <c r="A737" t="s">
        <v>15</v>
      </c>
      <c r="B737">
        <v>7</v>
      </c>
      <c r="C737">
        <v>0.08</v>
      </c>
    </row>
    <row r="738" spans="1:3" x14ac:dyDescent="0.25">
      <c r="A738" t="s">
        <v>15</v>
      </c>
      <c r="B738">
        <v>7</v>
      </c>
      <c r="C738">
        <v>0.17</v>
      </c>
    </row>
    <row r="739" spans="1:3" x14ac:dyDescent="0.25">
      <c r="A739" t="s">
        <v>15</v>
      </c>
      <c r="B739">
        <v>7</v>
      </c>
      <c r="C739">
        <v>0.09</v>
      </c>
    </row>
    <row r="740" spans="1:3" x14ac:dyDescent="0.25">
      <c r="A740" t="s">
        <v>15</v>
      </c>
      <c r="B740">
        <v>7</v>
      </c>
      <c r="C740">
        <v>7.0000000000000007E-2</v>
      </c>
    </row>
    <row r="741" spans="1:3" x14ac:dyDescent="0.25">
      <c r="A741" t="s">
        <v>15</v>
      </c>
      <c r="B741">
        <v>7</v>
      </c>
      <c r="C741">
        <v>0.28999999999999998</v>
      </c>
    </row>
    <row r="742" spans="1:3" x14ac:dyDescent="0.25">
      <c r="A742" t="s">
        <v>15</v>
      </c>
      <c r="B742">
        <v>7</v>
      </c>
      <c r="C742">
        <v>0.21</v>
      </c>
    </row>
    <row r="743" spans="1:3" x14ac:dyDescent="0.25">
      <c r="A743" t="s">
        <v>26</v>
      </c>
      <c r="B743">
        <v>7</v>
      </c>
      <c r="C743">
        <v>0.23</v>
      </c>
    </row>
    <row r="744" spans="1:3" x14ac:dyDescent="0.25">
      <c r="A744" t="s">
        <v>26</v>
      </c>
      <c r="B744">
        <v>7</v>
      </c>
      <c r="C744">
        <v>0.12</v>
      </c>
    </row>
    <row r="745" spans="1:3" x14ac:dyDescent="0.25">
      <c r="A745" t="s">
        <v>26</v>
      </c>
      <c r="B745">
        <v>7</v>
      </c>
      <c r="C745">
        <v>0.19</v>
      </c>
    </row>
    <row r="746" spans="1:3" x14ac:dyDescent="0.25">
      <c r="A746" t="s">
        <v>26</v>
      </c>
      <c r="B746">
        <v>7</v>
      </c>
      <c r="C746">
        <v>0.11</v>
      </c>
    </row>
    <row r="747" spans="1:3" x14ac:dyDescent="0.25">
      <c r="A747" t="s">
        <v>26</v>
      </c>
      <c r="B747">
        <v>7</v>
      </c>
      <c r="C747">
        <v>7.0000000000000007E-2</v>
      </c>
    </row>
    <row r="748" spans="1:3" x14ac:dyDescent="0.25">
      <c r="A748" t="s">
        <v>26</v>
      </c>
      <c r="B748">
        <v>7</v>
      </c>
      <c r="C748">
        <v>0.17</v>
      </c>
    </row>
    <row r="749" spans="1:3" x14ac:dyDescent="0.25">
      <c r="A749" t="s">
        <v>14</v>
      </c>
      <c r="B749">
        <v>7</v>
      </c>
      <c r="C749">
        <v>0.41</v>
      </c>
    </row>
    <row r="750" spans="1:3" x14ac:dyDescent="0.25">
      <c r="A750" t="s">
        <v>14</v>
      </c>
      <c r="B750">
        <v>7</v>
      </c>
      <c r="C750">
        <v>0.56999999999999995</v>
      </c>
    </row>
    <row r="751" spans="1:3" x14ac:dyDescent="0.25">
      <c r="A751" t="s">
        <v>14</v>
      </c>
      <c r="B751">
        <v>7</v>
      </c>
      <c r="C751">
        <v>0.7</v>
      </c>
    </row>
    <row r="752" spans="1:3" x14ac:dyDescent="0.25">
      <c r="A752" t="s">
        <v>14</v>
      </c>
      <c r="B752">
        <v>7</v>
      </c>
      <c r="C752">
        <v>0.57999999999999996</v>
      </c>
    </row>
    <row r="753" spans="1:3" x14ac:dyDescent="0.25">
      <c r="A753" t="s">
        <v>28</v>
      </c>
      <c r="B753">
        <v>7</v>
      </c>
      <c r="C753">
        <v>0.45</v>
      </c>
    </row>
    <row r="754" spans="1:3" x14ac:dyDescent="0.25">
      <c r="A754" t="s">
        <v>28</v>
      </c>
      <c r="B754">
        <v>7</v>
      </c>
      <c r="C754">
        <v>0.7</v>
      </c>
    </row>
    <row r="755" spans="1:3" x14ac:dyDescent="0.25">
      <c r="A755" t="s">
        <v>28</v>
      </c>
      <c r="B755">
        <v>7</v>
      </c>
      <c r="C755">
        <v>0.56999999999999995</v>
      </c>
    </row>
    <row r="756" spans="1:3" x14ac:dyDescent="0.25">
      <c r="A756" t="s">
        <v>28</v>
      </c>
      <c r="B756">
        <v>7</v>
      </c>
      <c r="C756">
        <v>0.37</v>
      </c>
    </row>
    <row r="757" spans="1:3" x14ac:dyDescent="0.25">
      <c r="A757" t="s">
        <v>28</v>
      </c>
      <c r="B757">
        <v>7</v>
      </c>
      <c r="C757">
        <v>0.52</v>
      </c>
    </row>
    <row r="758" spans="1:3" x14ac:dyDescent="0.25">
      <c r="A758" t="s">
        <v>28</v>
      </c>
      <c r="B758">
        <v>7</v>
      </c>
      <c r="C758">
        <v>0.4</v>
      </c>
    </row>
    <row r="759" spans="1:3" x14ac:dyDescent="0.25">
      <c r="A759" t="s">
        <v>28</v>
      </c>
      <c r="B759">
        <v>7</v>
      </c>
      <c r="C759">
        <v>0.38</v>
      </c>
    </row>
    <row r="760" spans="1:3" x14ac:dyDescent="0.25">
      <c r="A760" t="s">
        <v>28</v>
      </c>
      <c r="B760">
        <v>7</v>
      </c>
      <c r="C760">
        <v>0.35</v>
      </c>
    </row>
    <row r="761" spans="1:3" x14ac:dyDescent="0.25">
      <c r="A761" t="s">
        <v>16</v>
      </c>
      <c r="B761">
        <v>7</v>
      </c>
      <c r="C761">
        <v>0.33</v>
      </c>
    </row>
    <row r="762" spans="1:3" x14ac:dyDescent="0.25">
      <c r="A762" t="s">
        <v>16</v>
      </c>
      <c r="B762">
        <v>7</v>
      </c>
      <c r="C762">
        <v>0.66</v>
      </c>
    </row>
    <row r="763" spans="1:3" x14ac:dyDescent="0.25">
      <c r="A763" t="s">
        <v>13</v>
      </c>
      <c r="B763">
        <v>7</v>
      </c>
      <c r="C763">
        <v>0.55000000000000004</v>
      </c>
    </row>
    <row r="764" spans="1:3" x14ac:dyDescent="0.25">
      <c r="A764" t="s">
        <v>13</v>
      </c>
      <c r="B764">
        <v>7</v>
      </c>
      <c r="C764">
        <v>0.49</v>
      </c>
    </row>
    <row r="765" spans="1:3" x14ac:dyDescent="0.25">
      <c r="A765" t="s">
        <v>13</v>
      </c>
      <c r="B765">
        <v>7</v>
      </c>
      <c r="C765">
        <v>0.51</v>
      </c>
    </row>
    <row r="766" spans="1:3" x14ac:dyDescent="0.25">
      <c r="A766" t="s">
        <v>13</v>
      </c>
      <c r="B766">
        <v>7</v>
      </c>
      <c r="C766">
        <v>0.4</v>
      </c>
    </row>
    <row r="767" spans="1:3" x14ac:dyDescent="0.25">
      <c r="A767" t="s">
        <v>13</v>
      </c>
      <c r="B767">
        <v>7</v>
      </c>
      <c r="C767">
        <v>0.69</v>
      </c>
    </row>
    <row r="768" spans="1:3" x14ac:dyDescent="0.25">
      <c r="A768" t="s">
        <v>13</v>
      </c>
      <c r="B768">
        <v>7</v>
      </c>
      <c r="C768">
        <v>0.48</v>
      </c>
    </row>
    <row r="769" spans="1:3" x14ac:dyDescent="0.25">
      <c r="A769" t="s">
        <v>13</v>
      </c>
      <c r="B769">
        <v>7</v>
      </c>
      <c r="C769">
        <v>0.61</v>
      </c>
    </row>
    <row r="770" spans="1:3" x14ac:dyDescent="0.25">
      <c r="A770" t="s">
        <v>13</v>
      </c>
      <c r="B770">
        <v>7</v>
      </c>
      <c r="C770">
        <v>0.34</v>
      </c>
    </row>
    <row r="771" spans="1:3" x14ac:dyDescent="0.25">
      <c r="A771" t="s">
        <v>13</v>
      </c>
      <c r="B771">
        <v>7</v>
      </c>
      <c r="C771">
        <v>0.35</v>
      </c>
    </row>
    <row r="772" spans="1:3" x14ac:dyDescent="0.25">
      <c r="A772" t="s">
        <v>13</v>
      </c>
      <c r="B772">
        <v>7</v>
      </c>
      <c r="C772">
        <v>0.5</v>
      </c>
    </row>
    <row r="773" spans="1:3" x14ac:dyDescent="0.25">
      <c r="A773" t="s">
        <v>13</v>
      </c>
      <c r="B773">
        <v>7</v>
      </c>
      <c r="C773">
        <v>0.51</v>
      </c>
    </row>
    <row r="774" spans="1:3" x14ac:dyDescent="0.25">
      <c r="A774" t="s">
        <v>13</v>
      </c>
      <c r="B774">
        <v>7</v>
      </c>
      <c r="C774">
        <v>0.55000000000000004</v>
      </c>
    </row>
    <row r="775" spans="1:3" x14ac:dyDescent="0.25">
      <c r="A775" t="s">
        <v>17</v>
      </c>
      <c r="B775">
        <v>7</v>
      </c>
      <c r="C775">
        <v>0.26</v>
      </c>
    </row>
    <row r="776" spans="1:3" x14ac:dyDescent="0.25">
      <c r="A776" t="s">
        <v>17</v>
      </c>
      <c r="B776">
        <v>7</v>
      </c>
      <c r="C776">
        <v>0.25</v>
      </c>
    </row>
    <row r="777" spans="1:3" x14ac:dyDescent="0.25">
      <c r="A777" t="s">
        <v>17</v>
      </c>
      <c r="B777">
        <v>7</v>
      </c>
      <c r="C777">
        <v>0.15</v>
      </c>
    </row>
    <row r="778" spans="1:3" x14ac:dyDescent="0.25">
      <c r="A778" t="s">
        <v>27</v>
      </c>
      <c r="B778">
        <v>7</v>
      </c>
      <c r="C778">
        <v>0.93</v>
      </c>
    </row>
    <row r="779" spans="1:3" x14ac:dyDescent="0.25">
      <c r="A779" t="s">
        <v>9</v>
      </c>
      <c r="B779">
        <v>7</v>
      </c>
      <c r="C779">
        <v>0.15</v>
      </c>
    </row>
    <row r="780" spans="1:3" x14ac:dyDescent="0.25">
      <c r="A780" t="s">
        <v>9</v>
      </c>
      <c r="B780">
        <v>7</v>
      </c>
      <c r="C780">
        <v>0.18</v>
      </c>
    </row>
    <row r="781" spans="1:3" x14ac:dyDescent="0.25">
      <c r="A781" t="s">
        <v>9</v>
      </c>
      <c r="B781">
        <v>7</v>
      </c>
      <c r="C781">
        <v>0.12</v>
      </c>
    </row>
    <row r="782" spans="1:3" x14ac:dyDescent="0.25">
      <c r="A782" t="s">
        <v>9</v>
      </c>
      <c r="B782">
        <v>7</v>
      </c>
      <c r="C782">
        <v>0.05</v>
      </c>
    </row>
    <row r="783" spans="1:3" x14ac:dyDescent="0.25">
      <c r="A783" t="s">
        <v>9</v>
      </c>
      <c r="B783">
        <v>7</v>
      </c>
      <c r="C783">
        <v>0.11</v>
      </c>
    </row>
    <row r="784" spans="1:3" x14ac:dyDescent="0.25">
      <c r="A784" t="s">
        <v>20</v>
      </c>
      <c r="B784">
        <v>7</v>
      </c>
      <c r="C784">
        <v>0.41</v>
      </c>
    </row>
    <row r="785" spans="1:3" x14ac:dyDescent="0.25">
      <c r="A785" t="s">
        <v>20</v>
      </c>
      <c r="B785">
        <v>7</v>
      </c>
      <c r="C785">
        <v>0.36</v>
      </c>
    </row>
    <row r="786" spans="1:3" x14ac:dyDescent="0.25">
      <c r="A786" t="s">
        <v>19</v>
      </c>
      <c r="B786">
        <v>7</v>
      </c>
      <c r="C786">
        <v>0.74</v>
      </c>
    </row>
    <row r="787" spans="1:3" x14ac:dyDescent="0.25">
      <c r="A787" t="s">
        <v>19</v>
      </c>
      <c r="B787">
        <v>7</v>
      </c>
      <c r="C787">
        <v>0.89</v>
      </c>
    </row>
    <row r="788" spans="1:3" x14ac:dyDescent="0.25">
      <c r="A788" t="s">
        <v>19</v>
      </c>
      <c r="B788">
        <v>7</v>
      </c>
      <c r="C788">
        <v>0.82</v>
      </c>
    </row>
    <row r="789" spans="1:3" x14ac:dyDescent="0.25">
      <c r="A789" t="s">
        <v>22</v>
      </c>
      <c r="B789">
        <v>8</v>
      </c>
      <c r="C789">
        <v>0.48</v>
      </c>
    </row>
    <row r="790" spans="1:3" x14ac:dyDescent="0.25">
      <c r="A790" t="s">
        <v>22</v>
      </c>
      <c r="B790">
        <v>8</v>
      </c>
      <c r="C790">
        <v>0.52</v>
      </c>
    </row>
    <row r="791" spans="1:3" x14ac:dyDescent="0.25">
      <c r="A791" t="s">
        <v>22</v>
      </c>
      <c r="B791">
        <v>8</v>
      </c>
      <c r="C791">
        <v>0.56000000000000005</v>
      </c>
    </row>
    <row r="792" spans="1:3" x14ac:dyDescent="0.25">
      <c r="A792" t="s">
        <v>22</v>
      </c>
      <c r="B792">
        <v>8</v>
      </c>
      <c r="C792">
        <v>0.49</v>
      </c>
    </row>
    <row r="793" spans="1:3" x14ac:dyDescent="0.25">
      <c r="A793" t="s">
        <v>22</v>
      </c>
      <c r="B793">
        <v>8</v>
      </c>
      <c r="C793">
        <v>0.37</v>
      </c>
    </row>
    <row r="794" spans="1:3" x14ac:dyDescent="0.25">
      <c r="A794" t="s">
        <v>29</v>
      </c>
      <c r="B794">
        <v>8</v>
      </c>
      <c r="C794">
        <v>0.3</v>
      </c>
    </row>
    <row r="795" spans="1:3" x14ac:dyDescent="0.25">
      <c r="A795" t="s">
        <v>29</v>
      </c>
      <c r="B795">
        <v>8</v>
      </c>
      <c r="C795">
        <v>0.12</v>
      </c>
    </row>
    <row r="796" spans="1:3" x14ac:dyDescent="0.25">
      <c r="A796" t="s">
        <v>29</v>
      </c>
      <c r="B796">
        <v>8</v>
      </c>
      <c r="C796">
        <v>0.28999999999999998</v>
      </c>
    </row>
    <row r="797" spans="1:3" x14ac:dyDescent="0.25">
      <c r="A797" t="s">
        <v>29</v>
      </c>
      <c r="B797">
        <v>8</v>
      </c>
      <c r="C797">
        <v>0.24</v>
      </c>
    </row>
    <row r="798" spans="1:3" x14ac:dyDescent="0.25">
      <c r="A798" t="s">
        <v>29</v>
      </c>
      <c r="B798">
        <v>8</v>
      </c>
      <c r="C798">
        <v>0.13</v>
      </c>
    </row>
    <row r="799" spans="1:3" x14ac:dyDescent="0.25">
      <c r="A799" t="s">
        <v>7</v>
      </c>
      <c r="B799">
        <v>8</v>
      </c>
      <c r="C799">
        <v>0.79</v>
      </c>
    </row>
    <row r="800" spans="1:3" x14ac:dyDescent="0.25">
      <c r="A800" t="s">
        <v>7</v>
      </c>
      <c r="B800">
        <v>8</v>
      </c>
      <c r="C800">
        <v>0.79</v>
      </c>
    </row>
    <row r="801" spans="1:3" x14ac:dyDescent="0.25">
      <c r="A801" t="s">
        <v>7</v>
      </c>
      <c r="B801">
        <v>8</v>
      </c>
      <c r="C801">
        <v>0.82</v>
      </c>
    </row>
    <row r="802" spans="1:3" x14ac:dyDescent="0.25">
      <c r="A802" t="s">
        <v>7</v>
      </c>
      <c r="B802">
        <v>8</v>
      </c>
      <c r="C802">
        <v>0.73</v>
      </c>
    </row>
    <row r="803" spans="1:3" x14ac:dyDescent="0.25">
      <c r="A803" t="s">
        <v>7</v>
      </c>
      <c r="B803">
        <v>8</v>
      </c>
      <c r="C803">
        <v>0.82</v>
      </c>
    </row>
    <row r="804" spans="1:3" x14ac:dyDescent="0.25">
      <c r="A804" t="s">
        <v>11</v>
      </c>
      <c r="B804">
        <v>8</v>
      </c>
      <c r="C804">
        <v>0.83</v>
      </c>
    </row>
    <row r="805" spans="1:3" x14ac:dyDescent="0.25">
      <c r="A805" t="s">
        <v>11</v>
      </c>
      <c r="B805">
        <v>8</v>
      </c>
      <c r="C805">
        <v>0.93</v>
      </c>
    </row>
    <row r="806" spans="1:3" x14ac:dyDescent="0.25">
      <c r="A806" t="s">
        <v>23</v>
      </c>
      <c r="B806">
        <v>8</v>
      </c>
      <c r="C806">
        <v>0.64</v>
      </c>
    </row>
    <row r="807" spans="1:3" x14ac:dyDescent="0.25">
      <c r="A807" t="s">
        <v>23</v>
      </c>
      <c r="B807">
        <v>8</v>
      </c>
      <c r="C807">
        <v>0.59</v>
      </c>
    </row>
    <row r="808" spans="1:3" x14ac:dyDescent="0.25">
      <c r="A808" t="s">
        <v>23</v>
      </c>
      <c r="B808">
        <v>8</v>
      </c>
      <c r="C808">
        <v>0.69</v>
      </c>
    </row>
    <row r="809" spans="1:3" x14ac:dyDescent="0.25">
      <c r="A809" t="s">
        <v>23</v>
      </c>
      <c r="B809">
        <v>8</v>
      </c>
      <c r="C809">
        <v>0.35</v>
      </c>
    </row>
    <row r="810" spans="1:3" x14ac:dyDescent="0.25">
      <c r="A810" t="s">
        <v>23</v>
      </c>
      <c r="B810">
        <v>8</v>
      </c>
      <c r="C810">
        <v>0.67</v>
      </c>
    </row>
    <row r="811" spans="1:3" x14ac:dyDescent="0.25">
      <c r="A811" t="s">
        <v>23</v>
      </c>
      <c r="B811">
        <v>8</v>
      </c>
      <c r="C811">
        <v>0.47</v>
      </c>
    </row>
    <row r="812" spans="1:3" x14ac:dyDescent="0.25">
      <c r="A812" t="s">
        <v>23</v>
      </c>
      <c r="B812">
        <v>8</v>
      </c>
      <c r="C812">
        <v>0.35</v>
      </c>
    </row>
    <row r="813" spans="1:3" x14ac:dyDescent="0.25">
      <c r="A813" t="s">
        <v>23</v>
      </c>
      <c r="B813">
        <v>8</v>
      </c>
      <c r="C813">
        <v>0.39</v>
      </c>
    </row>
    <row r="814" spans="1:3" x14ac:dyDescent="0.25">
      <c r="A814" t="s">
        <v>18</v>
      </c>
      <c r="B814">
        <v>8</v>
      </c>
      <c r="C814">
        <v>0.55000000000000004</v>
      </c>
    </row>
    <row r="815" spans="1:3" x14ac:dyDescent="0.25">
      <c r="A815" t="s">
        <v>18</v>
      </c>
      <c r="B815">
        <v>8</v>
      </c>
      <c r="C815">
        <v>0.63</v>
      </c>
    </row>
    <row r="816" spans="1:3" x14ac:dyDescent="0.25">
      <c r="A816" t="s">
        <v>18</v>
      </c>
      <c r="B816">
        <v>8</v>
      </c>
      <c r="C816">
        <v>0.41</v>
      </c>
    </row>
    <row r="817" spans="1:3" x14ac:dyDescent="0.25">
      <c r="A817" t="s">
        <v>18</v>
      </c>
      <c r="B817">
        <v>8</v>
      </c>
      <c r="C817">
        <v>0.51</v>
      </c>
    </row>
    <row r="818" spans="1:3" x14ac:dyDescent="0.25">
      <c r="A818" t="s">
        <v>18</v>
      </c>
      <c r="B818">
        <v>8</v>
      </c>
      <c r="C818">
        <v>0.45</v>
      </c>
    </row>
    <row r="819" spans="1:3" x14ac:dyDescent="0.25">
      <c r="A819" t="s">
        <v>21</v>
      </c>
      <c r="B819">
        <v>8</v>
      </c>
      <c r="C819">
        <v>0.4</v>
      </c>
    </row>
    <row r="820" spans="1:3" x14ac:dyDescent="0.25">
      <c r="A820" t="s">
        <v>21</v>
      </c>
      <c r="B820">
        <v>8</v>
      </c>
      <c r="C820">
        <v>0.39</v>
      </c>
    </row>
    <row r="821" spans="1:3" x14ac:dyDescent="0.25">
      <c r="A821" t="s">
        <v>21</v>
      </c>
      <c r="B821">
        <v>8</v>
      </c>
      <c r="C821">
        <v>0.43</v>
      </c>
    </row>
    <row r="822" spans="1:3" x14ac:dyDescent="0.25">
      <c r="A822" t="s">
        <v>25</v>
      </c>
      <c r="B822">
        <v>8</v>
      </c>
      <c r="C822">
        <v>0.72</v>
      </c>
    </row>
    <row r="823" spans="1:3" x14ac:dyDescent="0.25">
      <c r="A823" t="s">
        <v>25</v>
      </c>
      <c r="B823">
        <v>8</v>
      </c>
      <c r="C823">
        <v>0.87</v>
      </c>
    </row>
    <row r="824" spans="1:3" x14ac:dyDescent="0.25">
      <c r="A824" t="s">
        <v>25</v>
      </c>
      <c r="B824">
        <v>8</v>
      </c>
      <c r="C824">
        <v>0.82</v>
      </c>
    </row>
    <row r="825" spans="1:3" x14ac:dyDescent="0.25">
      <c r="A825" t="s">
        <v>25</v>
      </c>
      <c r="B825">
        <v>8</v>
      </c>
      <c r="C825">
        <v>0.93</v>
      </c>
    </row>
    <row r="826" spans="1:3" x14ac:dyDescent="0.25">
      <c r="A826" t="s">
        <v>25</v>
      </c>
      <c r="B826">
        <v>8</v>
      </c>
      <c r="C826">
        <v>0.71</v>
      </c>
    </row>
    <row r="827" spans="1:3" x14ac:dyDescent="0.25">
      <c r="A827" t="s">
        <v>30</v>
      </c>
      <c r="B827">
        <v>8</v>
      </c>
      <c r="C827">
        <v>0.32</v>
      </c>
    </row>
    <row r="828" spans="1:3" x14ac:dyDescent="0.25">
      <c r="A828" t="s">
        <v>30</v>
      </c>
      <c r="B828">
        <v>8</v>
      </c>
      <c r="C828">
        <v>0.65</v>
      </c>
    </row>
    <row r="829" spans="1:3" x14ac:dyDescent="0.25">
      <c r="A829" t="s">
        <v>30</v>
      </c>
      <c r="B829">
        <v>8</v>
      </c>
      <c r="C829">
        <v>0.56000000000000005</v>
      </c>
    </row>
    <row r="830" spans="1:3" x14ac:dyDescent="0.25">
      <c r="A830" t="s">
        <v>30</v>
      </c>
      <c r="B830">
        <v>8</v>
      </c>
      <c r="C830">
        <v>0.45</v>
      </c>
    </row>
    <row r="831" spans="1:3" x14ac:dyDescent="0.25">
      <c r="A831" t="s">
        <v>30</v>
      </c>
      <c r="B831">
        <v>8</v>
      </c>
      <c r="C831">
        <v>0.54</v>
      </c>
    </row>
    <row r="832" spans="1:3" x14ac:dyDescent="0.25">
      <c r="A832" t="s">
        <v>30</v>
      </c>
      <c r="B832">
        <v>8</v>
      </c>
      <c r="C832">
        <v>0.31</v>
      </c>
    </row>
    <row r="833" spans="1:3" x14ac:dyDescent="0.25">
      <c r="A833" t="s">
        <v>30</v>
      </c>
      <c r="B833">
        <v>8</v>
      </c>
      <c r="C833">
        <v>0.51</v>
      </c>
    </row>
    <row r="834" spans="1:3" x14ac:dyDescent="0.25">
      <c r="A834" t="s">
        <v>15</v>
      </c>
      <c r="B834">
        <v>8</v>
      </c>
      <c r="C834">
        <v>0.26</v>
      </c>
    </row>
    <row r="835" spans="1:3" x14ac:dyDescent="0.25">
      <c r="A835" t="s">
        <v>15</v>
      </c>
      <c r="B835">
        <v>8</v>
      </c>
      <c r="C835">
        <v>0.06</v>
      </c>
    </row>
    <row r="836" spans="1:3" x14ac:dyDescent="0.25">
      <c r="A836" t="s">
        <v>15</v>
      </c>
      <c r="B836">
        <v>8</v>
      </c>
      <c r="C836">
        <v>0.28000000000000003</v>
      </c>
    </row>
    <row r="837" spans="1:3" x14ac:dyDescent="0.25">
      <c r="A837" t="s">
        <v>15</v>
      </c>
      <c r="B837">
        <v>8</v>
      </c>
      <c r="C837">
        <v>0.06</v>
      </c>
    </row>
    <row r="838" spans="1:3" x14ac:dyDescent="0.25">
      <c r="A838" t="s">
        <v>15</v>
      </c>
      <c r="B838">
        <v>8</v>
      </c>
      <c r="C838">
        <v>0.18</v>
      </c>
    </row>
    <row r="839" spans="1:3" x14ac:dyDescent="0.25">
      <c r="A839" t="s">
        <v>15</v>
      </c>
      <c r="B839">
        <v>8</v>
      </c>
      <c r="C839">
        <v>0.05</v>
      </c>
    </row>
    <row r="840" spans="1:3" x14ac:dyDescent="0.25">
      <c r="A840" t="s">
        <v>26</v>
      </c>
      <c r="B840">
        <v>8</v>
      </c>
      <c r="C840">
        <v>7.0000000000000007E-2</v>
      </c>
    </row>
    <row r="841" spans="1:3" x14ac:dyDescent="0.25">
      <c r="A841" t="s">
        <v>26</v>
      </c>
      <c r="B841">
        <v>8</v>
      </c>
      <c r="C841">
        <v>0.28000000000000003</v>
      </c>
    </row>
    <row r="842" spans="1:3" x14ac:dyDescent="0.25">
      <c r="A842" t="s">
        <v>26</v>
      </c>
      <c r="B842">
        <v>8</v>
      </c>
      <c r="C842">
        <v>0.09</v>
      </c>
    </row>
    <row r="843" spans="1:3" x14ac:dyDescent="0.25">
      <c r="A843" t="s">
        <v>26</v>
      </c>
      <c r="B843">
        <v>8</v>
      </c>
      <c r="C843">
        <v>7.0000000000000007E-2</v>
      </c>
    </row>
    <row r="844" spans="1:3" x14ac:dyDescent="0.25">
      <c r="A844" t="s">
        <v>14</v>
      </c>
      <c r="B844">
        <v>8</v>
      </c>
      <c r="C844">
        <v>0.68</v>
      </c>
    </row>
    <row r="845" spans="1:3" x14ac:dyDescent="0.25">
      <c r="A845" t="s">
        <v>14</v>
      </c>
      <c r="B845">
        <v>8</v>
      </c>
      <c r="C845">
        <v>0.4</v>
      </c>
    </row>
    <row r="846" spans="1:3" x14ac:dyDescent="0.25">
      <c r="A846" t="s">
        <v>14</v>
      </c>
      <c r="B846">
        <v>8</v>
      </c>
      <c r="C846">
        <v>0.56000000000000005</v>
      </c>
    </row>
    <row r="847" spans="1:3" x14ac:dyDescent="0.25">
      <c r="A847" t="s">
        <v>14</v>
      </c>
      <c r="B847">
        <v>8</v>
      </c>
      <c r="C847">
        <v>0.46</v>
      </c>
    </row>
    <row r="848" spans="1:3" x14ac:dyDescent="0.25">
      <c r="A848" t="s">
        <v>14</v>
      </c>
      <c r="B848">
        <v>8</v>
      </c>
      <c r="C848">
        <v>0.44</v>
      </c>
    </row>
    <row r="849" spans="1:3" x14ac:dyDescent="0.25">
      <c r="A849" t="s">
        <v>14</v>
      </c>
      <c r="B849">
        <v>8</v>
      </c>
      <c r="C849">
        <v>0.4</v>
      </c>
    </row>
    <row r="850" spans="1:3" x14ac:dyDescent="0.25">
      <c r="A850" t="s">
        <v>14</v>
      </c>
      <c r="B850">
        <v>8</v>
      </c>
      <c r="C850">
        <v>0.48</v>
      </c>
    </row>
    <row r="851" spans="1:3" x14ac:dyDescent="0.25">
      <c r="A851" t="s">
        <v>28</v>
      </c>
      <c r="B851">
        <v>8</v>
      </c>
      <c r="C851">
        <v>0.56000000000000005</v>
      </c>
    </row>
    <row r="852" spans="1:3" x14ac:dyDescent="0.25">
      <c r="A852" t="s">
        <v>28</v>
      </c>
      <c r="B852">
        <v>8</v>
      </c>
      <c r="C852">
        <v>0.63</v>
      </c>
    </row>
    <row r="853" spans="1:3" x14ac:dyDescent="0.25">
      <c r="A853" t="s">
        <v>28</v>
      </c>
      <c r="B853">
        <v>8</v>
      </c>
      <c r="C853">
        <v>0.69</v>
      </c>
    </row>
    <row r="854" spans="1:3" x14ac:dyDescent="0.25">
      <c r="A854" t="s">
        <v>28</v>
      </c>
      <c r="B854">
        <v>8</v>
      </c>
      <c r="C854">
        <v>0.5</v>
      </c>
    </row>
    <row r="855" spans="1:3" x14ac:dyDescent="0.25">
      <c r="A855" t="s">
        <v>16</v>
      </c>
      <c r="B855">
        <v>8</v>
      </c>
      <c r="C855">
        <v>0.42</v>
      </c>
    </row>
    <row r="856" spans="1:3" x14ac:dyDescent="0.25">
      <c r="A856" t="s">
        <v>16</v>
      </c>
      <c r="B856">
        <v>8</v>
      </c>
      <c r="C856">
        <v>0.43</v>
      </c>
    </row>
    <row r="857" spans="1:3" x14ac:dyDescent="0.25">
      <c r="A857" t="s">
        <v>16</v>
      </c>
      <c r="B857">
        <v>8</v>
      </c>
      <c r="C857">
        <v>0.38</v>
      </c>
    </row>
    <row r="858" spans="1:3" x14ac:dyDescent="0.25">
      <c r="A858" t="s">
        <v>13</v>
      </c>
      <c r="B858">
        <v>8</v>
      </c>
      <c r="C858">
        <v>0.36</v>
      </c>
    </row>
    <row r="859" spans="1:3" x14ac:dyDescent="0.25">
      <c r="A859" t="s">
        <v>13</v>
      </c>
      <c r="B859">
        <v>8</v>
      </c>
      <c r="C859">
        <v>0.59</v>
      </c>
    </row>
    <row r="860" spans="1:3" x14ac:dyDescent="0.25">
      <c r="A860" t="s">
        <v>13</v>
      </c>
      <c r="B860">
        <v>8</v>
      </c>
      <c r="C860">
        <v>0.48</v>
      </c>
    </row>
    <row r="861" spans="1:3" x14ac:dyDescent="0.25">
      <c r="A861" t="s">
        <v>13</v>
      </c>
      <c r="B861">
        <v>8</v>
      </c>
      <c r="C861">
        <v>0.51</v>
      </c>
    </row>
    <row r="862" spans="1:3" x14ac:dyDescent="0.25">
      <c r="A862" t="s">
        <v>13</v>
      </c>
      <c r="B862">
        <v>8</v>
      </c>
      <c r="C862">
        <v>0.5</v>
      </c>
    </row>
    <row r="863" spans="1:3" x14ac:dyDescent="0.25">
      <c r="A863" t="s">
        <v>13</v>
      </c>
      <c r="B863">
        <v>8</v>
      </c>
      <c r="C863">
        <v>0.67</v>
      </c>
    </row>
    <row r="864" spans="1:3" x14ac:dyDescent="0.25">
      <c r="A864" t="s">
        <v>17</v>
      </c>
      <c r="B864">
        <v>8</v>
      </c>
      <c r="C864">
        <v>0.17</v>
      </c>
    </row>
    <row r="865" spans="1:3" x14ac:dyDescent="0.25">
      <c r="A865" t="s">
        <v>17</v>
      </c>
      <c r="B865">
        <v>8</v>
      </c>
      <c r="C865">
        <v>0.28999999999999998</v>
      </c>
    </row>
    <row r="866" spans="1:3" x14ac:dyDescent="0.25">
      <c r="A866" t="s">
        <v>17</v>
      </c>
      <c r="B866">
        <v>8</v>
      </c>
      <c r="C866">
        <v>0.1</v>
      </c>
    </row>
    <row r="867" spans="1:3" x14ac:dyDescent="0.25">
      <c r="A867" t="s">
        <v>27</v>
      </c>
      <c r="B867">
        <v>8</v>
      </c>
      <c r="C867">
        <v>0.86</v>
      </c>
    </row>
    <row r="868" spans="1:3" x14ac:dyDescent="0.25">
      <c r="A868" t="s">
        <v>27</v>
      </c>
      <c r="B868">
        <v>8</v>
      </c>
      <c r="C868">
        <v>0.91</v>
      </c>
    </row>
    <row r="869" spans="1:3" x14ac:dyDescent="0.25">
      <c r="A869" t="s">
        <v>27</v>
      </c>
      <c r="B869">
        <v>8</v>
      </c>
      <c r="C869">
        <v>0.86</v>
      </c>
    </row>
    <row r="870" spans="1:3" x14ac:dyDescent="0.25">
      <c r="A870" t="s">
        <v>9</v>
      </c>
      <c r="B870">
        <v>8</v>
      </c>
      <c r="C870">
        <v>0.17</v>
      </c>
    </row>
    <row r="871" spans="1:3" x14ac:dyDescent="0.25">
      <c r="A871" t="s">
        <v>9</v>
      </c>
      <c r="B871">
        <v>8</v>
      </c>
      <c r="C871">
        <v>0.28000000000000003</v>
      </c>
    </row>
    <row r="872" spans="1:3" x14ac:dyDescent="0.25">
      <c r="A872" t="s">
        <v>20</v>
      </c>
      <c r="B872">
        <v>8</v>
      </c>
      <c r="C872">
        <v>0.62</v>
      </c>
    </row>
    <row r="873" spans="1:3" x14ac:dyDescent="0.25">
      <c r="A873" t="s">
        <v>20</v>
      </c>
      <c r="B873">
        <v>8</v>
      </c>
      <c r="C873">
        <v>0.67</v>
      </c>
    </row>
    <row r="874" spans="1:3" x14ac:dyDescent="0.25">
      <c r="A874" t="s">
        <v>20</v>
      </c>
      <c r="B874">
        <v>8</v>
      </c>
      <c r="C874">
        <v>0.33</v>
      </c>
    </row>
    <row r="875" spans="1:3" x14ac:dyDescent="0.25">
      <c r="A875" t="s">
        <v>20</v>
      </c>
      <c r="B875">
        <v>8</v>
      </c>
      <c r="C875">
        <v>0.5</v>
      </c>
    </row>
    <row r="876" spans="1:3" x14ac:dyDescent="0.25">
      <c r="A876" t="s">
        <v>19</v>
      </c>
      <c r="B876">
        <v>8</v>
      </c>
      <c r="C876">
        <v>0.86</v>
      </c>
    </row>
    <row r="877" spans="1:3" x14ac:dyDescent="0.25">
      <c r="A877" t="s">
        <v>19</v>
      </c>
      <c r="B877">
        <v>8</v>
      </c>
      <c r="C877">
        <v>0.93</v>
      </c>
    </row>
    <row r="878" spans="1:3" x14ac:dyDescent="0.25">
      <c r="A878" t="s">
        <v>19</v>
      </c>
      <c r="B878">
        <v>8</v>
      </c>
      <c r="C878">
        <v>0.82</v>
      </c>
    </row>
    <row r="879" spans="1:3" x14ac:dyDescent="0.25">
      <c r="A879" t="s">
        <v>19</v>
      </c>
      <c r="B879">
        <v>8</v>
      </c>
      <c r="C879">
        <v>0.87</v>
      </c>
    </row>
    <row r="880" spans="1:3" x14ac:dyDescent="0.25">
      <c r="A880" t="s">
        <v>19</v>
      </c>
      <c r="B880">
        <v>8</v>
      </c>
      <c r="C880">
        <v>0.77</v>
      </c>
    </row>
    <row r="881" spans="1:3" x14ac:dyDescent="0.25">
      <c r="A881" t="s">
        <v>19</v>
      </c>
      <c r="B881">
        <v>8</v>
      </c>
      <c r="C881">
        <v>0.84</v>
      </c>
    </row>
    <row r="882" spans="1:3" x14ac:dyDescent="0.25">
      <c r="A882" t="s">
        <v>19</v>
      </c>
      <c r="B882">
        <v>8</v>
      </c>
      <c r="C882">
        <v>0.77</v>
      </c>
    </row>
    <row r="883" spans="1:3" x14ac:dyDescent="0.25">
      <c r="A883" t="s">
        <v>19</v>
      </c>
      <c r="B883">
        <v>8</v>
      </c>
      <c r="C883">
        <v>0.78</v>
      </c>
    </row>
    <row r="884" spans="1:3" x14ac:dyDescent="0.25">
      <c r="A884" t="s">
        <v>22</v>
      </c>
      <c r="B884">
        <v>9</v>
      </c>
      <c r="C884">
        <v>0.63</v>
      </c>
    </row>
    <row r="885" spans="1:3" x14ac:dyDescent="0.25">
      <c r="A885" t="s">
        <v>22</v>
      </c>
      <c r="B885">
        <v>9</v>
      </c>
      <c r="C885">
        <v>0.59</v>
      </c>
    </row>
    <row r="886" spans="1:3" x14ac:dyDescent="0.25">
      <c r="A886" t="s">
        <v>22</v>
      </c>
      <c r="B886">
        <v>9</v>
      </c>
      <c r="C886">
        <v>0.47</v>
      </c>
    </row>
    <row r="887" spans="1:3" x14ac:dyDescent="0.25">
      <c r="A887" t="s">
        <v>22</v>
      </c>
      <c r="B887">
        <v>9</v>
      </c>
      <c r="C887">
        <v>0.33</v>
      </c>
    </row>
    <row r="888" spans="1:3" x14ac:dyDescent="0.25">
      <c r="A888" t="s">
        <v>22</v>
      </c>
      <c r="B888">
        <v>9</v>
      </c>
      <c r="C888">
        <v>0.64</v>
      </c>
    </row>
    <row r="889" spans="1:3" x14ac:dyDescent="0.25">
      <c r="A889" t="s">
        <v>29</v>
      </c>
      <c r="B889">
        <v>9</v>
      </c>
      <c r="C889">
        <v>0.21</v>
      </c>
    </row>
    <row r="890" spans="1:3" x14ac:dyDescent="0.25">
      <c r="A890" t="s">
        <v>29</v>
      </c>
      <c r="B890">
        <v>9</v>
      </c>
      <c r="C890">
        <v>0.06</v>
      </c>
    </row>
    <row r="891" spans="1:3" x14ac:dyDescent="0.25">
      <c r="A891" t="s">
        <v>29</v>
      </c>
      <c r="B891">
        <v>9</v>
      </c>
      <c r="C891">
        <v>0.23</v>
      </c>
    </row>
    <row r="892" spans="1:3" x14ac:dyDescent="0.25">
      <c r="A892" t="s">
        <v>29</v>
      </c>
      <c r="B892">
        <v>9</v>
      </c>
      <c r="C892">
        <v>0.18</v>
      </c>
    </row>
    <row r="893" spans="1:3" x14ac:dyDescent="0.25">
      <c r="A893" t="s">
        <v>29</v>
      </c>
      <c r="B893">
        <v>9</v>
      </c>
      <c r="C893">
        <v>0.11</v>
      </c>
    </row>
    <row r="894" spans="1:3" x14ac:dyDescent="0.25">
      <c r="A894" t="s">
        <v>29</v>
      </c>
      <c r="B894">
        <v>9</v>
      </c>
      <c r="C894">
        <v>0.22</v>
      </c>
    </row>
    <row r="895" spans="1:3" x14ac:dyDescent="0.25">
      <c r="A895" t="s">
        <v>29</v>
      </c>
      <c r="B895">
        <v>9</v>
      </c>
      <c r="C895">
        <v>0.22</v>
      </c>
    </row>
    <row r="896" spans="1:3" x14ac:dyDescent="0.25">
      <c r="A896" t="s">
        <v>7</v>
      </c>
      <c r="B896">
        <v>9</v>
      </c>
      <c r="C896">
        <v>0.9</v>
      </c>
    </row>
    <row r="897" spans="1:3" x14ac:dyDescent="0.25">
      <c r="A897" t="s">
        <v>7</v>
      </c>
      <c r="B897">
        <v>9</v>
      </c>
      <c r="C897">
        <v>0.8</v>
      </c>
    </row>
    <row r="898" spans="1:3" x14ac:dyDescent="0.25">
      <c r="A898" t="s">
        <v>7</v>
      </c>
      <c r="B898">
        <v>9</v>
      </c>
      <c r="C898">
        <v>0.75</v>
      </c>
    </row>
    <row r="899" spans="1:3" x14ac:dyDescent="0.25">
      <c r="A899" t="s">
        <v>7</v>
      </c>
      <c r="B899">
        <v>9</v>
      </c>
      <c r="C899">
        <v>0.95</v>
      </c>
    </row>
    <row r="900" spans="1:3" x14ac:dyDescent="0.25">
      <c r="A900" t="s">
        <v>7</v>
      </c>
      <c r="B900">
        <v>9</v>
      </c>
      <c r="C900">
        <v>0.89</v>
      </c>
    </row>
    <row r="901" spans="1:3" x14ac:dyDescent="0.25">
      <c r="A901" t="s">
        <v>7</v>
      </c>
      <c r="B901">
        <v>9</v>
      </c>
      <c r="C901">
        <v>0.77</v>
      </c>
    </row>
    <row r="902" spans="1:3" x14ac:dyDescent="0.25">
      <c r="A902" t="s">
        <v>7</v>
      </c>
      <c r="B902">
        <v>9</v>
      </c>
      <c r="C902">
        <v>0.88</v>
      </c>
    </row>
    <row r="903" spans="1:3" x14ac:dyDescent="0.25">
      <c r="A903" t="s">
        <v>11</v>
      </c>
      <c r="B903">
        <v>9</v>
      </c>
      <c r="C903">
        <v>0.93</v>
      </c>
    </row>
    <row r="904" spans="1:3" x14ac:dyDescent="0.25">
      <c r="A904" t="s">
        <v>11</v>
      </c>
      <c r="B904">
        <v>9</v>
      </c>
      <c r="C904">
        <v>0.83</v>
      </c>
    </row>
    <row r="905" spans="1:3" x14ac:dyDescent="0.25">
      <c r="A905" t="s">
        <v>11</v>
      </c>
      <c r="B905">
        <v>9</v>
      </c>
      <c r="C905">
        <v>0.79</v>
      </c>
    </row>
    <row r="906" spans="1:3" x14ac:dyDescent="0.25">
      <c r="A906" t="s">
        <v>11</v>
      </c>
      <c r="B906">
        <v>9</v>
      </c>
      <c r="C906">
        <v>0.72</v>
      </c>
    </row>
    <row r="907" spans="1:3" x14ac:dyDescent="0.25">
      <c r="A907" t="s">
        <v>11</v>
      </c>
      <c r="B907">
        <v>9</v>
      </c>
      <c r="C907">
        <v>0.76</v>
      </c>
    </row>
    <row r="908" spans="1:3" x14ac:dyDescent="0.25">
      <c r="A908" t="s">
        <v>23</v>
      </c>
      <c r="B908">
        <v>9</v>
      </c>
      <c r="C908">
        <v>0.55000000000000004</v>
      </c>
    </row>
    <row r="909" spans="1:3" x14ac:dyDescent="0.25">
      <c r="A909" t="s">
        <v>23</v>
      </c>
      <c r="B909">
        <v>9</v>
      </c>
      <c r="C909">
        <v>0.46</v>
      </c>
    </row>
    <row r="910" spans="1:3" x14ac:dyDescent="0.25">
      <c r="A910" t="s">
        <v>23</v>
      </c>
      <c r="B910">
        <v>9</v>
      </c>
      <c r="C910">
        <v>0.56000000000000005</v>
      </c>
    </row>
    <row r="911" spans="1:3" x14ac:dyDescent="0.25">
      <c r="A911" t="s">
        <v>23</v>
      </c>
      <c r="B911">
        <v>9</v>
      </c>
      <c r="C911">
        <v>0.34</v>
      </c>
    </row>
    <row r="912" spans="1:3" x14ac:dyDescent="0.25">
      <c r="A912" t="s">
        <v>23</v>
      </c>
      <c r="B912">
        <v>9</v>
      </c>
      <c r="C912">
        <v>0.51</v>
      </c>
    </row>
    <row r="913" spans="1:3" x14ac:dyDescent="0.25">
      <c r="A913" t="s">
        <v>23</v>
      </c>
      <c r="B913">
        <v>9</v>
      </c>
      <c r="C913">
        <v>0.6</v>
      </c>
    </row>
    <row r="914" spans="1:3" x14ac:dyDescent="0.25">
      <c r="A914" t="s">
        <v>18</v>
      </c>
      <c r="B914">
        <v>9</v>
      </c>
      <c r="C914">
        <v>0.43</v>
      </c>
    </row>
    <row r="915" spans="1:3" x14ac:dyDescent="0.25">
      <c r="A915" t="s">
        <v>18</v>
      </c>
      <c r="B915">
        <v>9</v>
      </c>
      <c r="C915">
        <v>0.4</v>
      </c>
    </row>
    <row r="916" spans="1:3" x14ac:dyDescent="0.25">
      <c r="A916" t="s">
        <v>18</v>
      </c>
      <c r="B916">
        <v>9</v>
      </c>
      <c r="C916">
        <v>0.37</v>
      </c>
    </row>
    <row r="917" spans="1:3" x14ac:dyDescent="0.25">
      <c r="A917" t="s">
        <v>21</v>
      </c>
      <c r="B917">
        <v>9</v>
      </c>
      <c r="C917">
        <v>0.48</v>
      </c>
    </row>
    <row r="918" spans="1:3" x14ac:dyDescent="0.25">
      <c r="A918" t="s">
        <v>21</v>
      </c>
      <c r="B918">
        <v>9</v>
      </c>
      <c r="C918">
        <v>0.46</v>
      </c>
    </row>
    <row r="919" spans="1:3" x14ac:dyDescent="0.25">
      <c r="A919" t="s">
        <v>25</v>
      </c>
      <c r="B919">
        <v>9</v>
      </c>
      <c r="C919">
        <v>0.75</v>
      </c>
    </row>
    <row r="920" spans="1:3" x14ac:dyDescent="0.25">
      <c r="A920" t="s">
        <v>25</v>
      </c>
      <c r="B920">
        <v>9</v>
      </c>
      <c r="C920">
        <v>0.92</v>
      </c>
    </row>
    <row r="921" spans="1:3" x14ac:dyDescent="0.25">
      <c r="A921" t="s">
        <v>25</v>
      </c>
      <c r="B921">
        <v>9</v>
      </c>
      <c r="C921">
        <v>0.85</v>
      </c>
    </row>
    <row r="922" spans="1:3" x14ac:dyDescent="0.25">
      <c r="A922" t="s">
        <v>30</v>
      </c>
      <c r="B922">
        <v>9</v>
      </c>
      <c r="C922">
        <v>0.6</v>
      </c>
    </row>
    <row r="923" spans="1:3" x14ac:dyDescent="0.25">
      <c r="A923" t="s">
        <v>30</v>
      </c>
      <c r="B923">
        <v>9</v>
      </c>
      <c r="C923">
        <v>0.53</v>
      </c>
    </row>
    <row r="924" spans="1:3" x14ac:dyDescent="0.25">
      <c r="A924" t="s">
        <v>30</v>
      </c>
      <c r="B924">
        <v>9</v>
      </c>
      <c r="C924">
        <v>0.39</v>
      </c>
    </row>
    <row r="925" spans="1:3" x14ac:dyDescent="0.25">
      <c r="A925" t="s">
        <v>30</v>
      </c>
      <c r="B925">
        <v>9</v>
      </c>
      <c r="C925">
        <v>0.4</v>
      </c>
    </row>
    <row r="926" spans="1:3" x14ac:dyDescent="0.25">
      <c r="A926" t="s">
        <v>30</v>
      </c>
      <c r="B926">
        <v>9</v>
      </c>
      <c r="C926">
        <v>0.7</v>
      </c>
    </row>
    <row r="927" spans="1:3" x14ac:dyDescent="0.25">
      <c r="A927" t="s">
        <v>15</v>
      </c>
      <c r="B927">
        <v>9</v>
      </c>
      <c r="C927">
        <v>0.22</v>
      </c>
    </row>
    <row r="928" spans="1:3" x14ac:dyDescent="0.25">
      <c r="A928" t="s">
        <v>15</v>
      </c>
      <c r="B928">
        <v>9</v>
      </c>
      <c r="C928">
        <v>0.06</v>
      </c>
    </row>
    <row r="929" spans="1:3" x14ac:dyDescent="0.25">
      <c r="A929" t="s">
        <v>15</v>
      </c>
      <c r="B929">
        <v>9</v>
      </c>
      <c r="C929">
        <v>0.26</v>
      </c>
    </row>
    <row r="930" spans="1:3" x14ac:dyDescent="0.25">
      <c r="A930" t="s">
        <v>15</v>
      </c>
      <c r="B930">
        <v>9</v>
      </c>
      <c r="C930">
        <v>0.26</v>
      </c>
    </row>
    <row r="931" spans="1:3" x14ac:dyDescent="0.25">
      <c r="A931" t="s">
        <v>15</v>
      </c>
      <c r="B931">
        <v>9</v>
      </c>
      <c r="C931">
        <v>0.15</v>
      </c>
    </row>
    <row r="932" spans="1:3" x14ac:dyDescent="0.25">
      <c r="A932" t="s">
        <v>15</v>
      </c>
      <c r="B932">
        <v>9</v>
      </c>
      <c r="C932">
        <v>0.26</v>
      </c>
    </row>
    <row r="933" spans="1:3" x14ac:dyDescent="0.25">
      <c r="A933" t="s">
        <v>26</v>
      </c>
      <c r="B933">
        <v>9</v>
      </c>
      <c r="C933">
        <v>0.27</v>
      </c>
    </row>
    <row r="934" spans="1:3" x14ac:dyDescent="0.25">
      <c r="A934" t="s">
        <v>26</v>
      </c>
      <c r="B934">
        <v>9</v>
      </c>
      <c r="C934">
        <v>0.09</v>
      </c>
    </row>
    <row r="935" spans="1:3" x14ac:dyDescent="0.25">
      <c r="A935" t="s">
        <v>26</v>
      </c>
      <c r="B935">
        <v>9</v>
      </c>
      <c r="C935">
        <v>0.13</v>
      </c>
    </row>
    <row r="936" spans="1:3" x14ac:dyDescent="0.25">
      <c r="A936" t="s">
        <v>26</v>
      </c>
      <c r="B936">
        <v>9</v>
      </c>
      <c r="C936">
        <v>0.05</v>
      </c>
    </row>
    <row r="937" spans="1:3" x14ac:dyDescent="0.25">
      <c r="A937" t="s">
        <v>26</v>
      </c>
      <c r="B937">
        <v>9</v>
      </c>
      <c r="C937">
        <v>0.19</v>
      </c>
    </row>
    <row r="938" spans="1:3" x14ac:dyDescent="0.25">
      <c r="A938" t="s">
        <v>26</v>
      </c>
      <c r="B938">
        <v>9</v>
      </c>
      <c r="C938">
        <v>0.12</v>
      </c>
    </row>
    <row r="939" spans="1:3" x14ac:dyDescent="0.25">
      <c r="A939" t="s">
        <v>14</v>
      </c>
      <c r="B939">
        <v>9</v>
      </c>
      <c r="C939">
        <v>0.53</v>
      </c>
    </row>
    <row r="940" spans="1:3" x14ac:dyDescent="0.25">
      <c r="A940" t="s">
        <v>14</v>
      </c>
      <c r="B940">
        <v>9</v>
      </c>
      <c r="C940">
        <v>0.42</v>
      </c>
    </row>
    <row r="941" spans="1:3" x14ac:dyDescent="0.25">
      <c r="A941" t="s">
        <v>14</v>
      </c>
      <c r="B941">
        <v>9</v>
      </c>
      <c r="C941">
        <v>0.47</v>
      </c>
    </row>
    <row r="942" spans="1:3" x14ac:dyDescent="0.25">
      <c r="A942" t="s">
        <v>14</v>
      </c>
      <c r="B942">
        <v>9</v>
      </c>
      <c r="C942">
        <v>0.44</v>
      </c>
    </row>
    <row r="943" spans="1:3" x14ac:dyDescent="0.25">
      <c r="A943" t="s">
        <v>14</v>
      </c>
      <c r="B943">
        <v>9</v>
      </c>
      <c r="C943">
        <v>0.5</v>
      </c>
    </row>
    <row r="944" spans="1:3" x14ac:dyDescent="0.25">
      <c r="A944" t="s">
        <v>14</v>
      </c>
      <c r="B944">
        <v>9</v>
      </c>
      <c r="C944">
        <v>0.46</v>
      </c>
    </row>
    <row r="945" spans="1:3" x14ac:dyDescent="0.25">
      <c r="A945" t="s">
        <v>14</v>
      </c>
      <c r="B945">
        <v>9</v>
      </c>
      <c r="C945">
        <v>0.61</v>
      </c>
    </row>
    <row r="946" spans="1:3" x14ac:dyDescent="0.25">
      <c r="A946" t="s">
        <v>28</v>
      </c>
      <c r="B946">
        <v>9</v>
      </c>
      <c r="C946">
        <v>0.4</v>
      </c>
    </row>
    <row r="947" spans="1:3" x14ac:dyDescent="0.25">
      <c r="A947" t="s">
        <v>28</v>
      </c>
      <c r="B947">
        <v>9</v>
      </c>
      <c r="C947">
        <v>0.65</v>
      </c>
    </row>
    <row r="948" spans="1:3" x14ac:dyDescent="0.25">
      <c r="A948" t="s">
        <v>28</v>
      </c>
      <c r="B948">
        <v>9</v>
      </c>
      <c r="C948">
        <v>0.63</v>
      </c>
    </row>
    <row r="949" spans="1:3" x14ac:dyDescent="0.25">
      <c r="A949" t="s">
        <v>16</v>
      </c>
      <c r="B949">
        <v>9</v>
      </c>
      <c r="C949">
        <v>0.65</v>
      </c>
    </row>
    <row r="950" spans="1:3" x14ac:dyDescent="0.25">
      <c r="A950" t="s">
        <v>16</v>
      </c>
      <c r="B950">
        <v>9</v>
      </c>
      <c r="C950">
        <v>0.7</v>
      </c>
    </row>
    <row r="951" spans="1:3" x14ac:dyDescent="0.25">
      <c r="A951" t="s">
        <v>16</v>
      </c>
      <c r="B951">
        <v>9</v>
      </c>
      <c r="C951">
        <v>0.63</v>
      </c>
    </row>
    <row r="952" spans="1:3" x14ac:dyDescent="0.25">
      <c r="A952" t="s">
        <v>16</v>
      </c>
      <c r="B952">
        <v>9</v>
      </c>
      <c r="C952">
        <v>0.47</v>
      </c>
    </row>
    <row r="953" spans="1:3" x14ac:dyDescent="0.25">
      <c r="A953" t="s">
        <v>16</v>
      </c>
      <c r="B953">
        <v>9</v>
      </c>
      <c r="C953">
        <v>0.31</v>
      </c>
    </row>
    <row r="954" spans="1:3" x14ac:dyDescent="0.25">
      <c r="A954" t="s">
        <v>13</v>
      </c>
      <c r="B954">
        <v>9</v>
      </c>
      <c r="C954">
        <v>0.5</v>
      </c>
    </row>
    <row r="955" spans="1:3" x14ac:dyDescent="0.25">
      <c r="A955" t="s">
        <v>13</v>
      </c>
      <c r="B955">
        <v>9</v>
      </c>
      <c r="C955">
        <v>0.64</v>
      </c>
    </row>
    <row r="956" spans="1:3" x14ac:dyDescent="0.25">
      <c r="A956" t="s">
        <v>13</v>
      </c>
      <c r="B956">
        <v>9</v>
      </c>
      <c r="C956">
        <v>0.69</v>
      </c>
    </row>
    <row r="957" spans="1:3" x14ac:dyDescent="0.25">
      <c r="A957" t="s">
        <v>17</v>
      </c>
      <c r="B957">
        <v>9</v>
      </c>
      <c r="C957">
        <v>0.17</v>
      </c>
    </row>
    <row r="958" spans="1:3" x14ac:dyDescent="0.25">
      <c r="A958" t="s">
        <v>17</v>
      </c>
      <c r="B958">
        <v>9</v>
      </c>
      <c r="C958">
        <v>0.16</v>
      </c>
    </row>
    <row r="959" spans="1:3" x14ac:dyDescent="0.25">
      <c r="A959" t="s">
        <v>17</v>
      </c>
      <c r="B959">
        <v>9</v>
      </c>
      <c r="C959">
        <v>0.1</v>
      </c>
    </row>
    <row r="960" spans="1:3" x14ac:dyDescent="0.25">
      <c r="A960" t="s">
        <v>17</v>
      </c>
      <c r="B960">
        <v>9</v>
      </c>
      <c r="C960">
        <v>0.18</v>
      </c>
    </row>
    <row r="961" spans="1:3" x14ac:dyDescent="0.25">
      <c r="A961" t="s">
        <v>17</v>
      </c>
      <c r="B961">
        <v>9</v>
      </c>
      <c r="C961">
        <v>0.18</v>
      </c>
    </row>
    <row r="962" spans="1:3" x14ac:dyDescent="0.25">
      <c r="A962" t="s">
        <v>17</v>
      </c>
      <c r="B962">
        <v>9</v>
      </c>
      <c r="C962">
        <v>0.27</v>
      </c>
    </row>
    <row r="963" spans="1:3" x14ac:dyDescent="0.25">
      <c r="A963" t="s">
        <v>17</v>
      </c>
      <c r="B963">
        <v>9</v>
      </c>
      <c r="C963">
        <v>0.15</v>
      </c>
    </row>
    <row r="964" spans="1:3" x14ac:dyDescent="0.25">
      <c r="A964" t="s">
        <v>27</v>
      </c>
      <c r="B964">
        <v>9</v>
      </c>
      <c r="C964">
        <v>0.72</v>
      </c>
    </row>
    <row r="965" spans="1:3" x14ac:dyDescent="0.25">
      <c r="A965" t="s">
        <v>27</v>
      </c>
      <c r="B965">
        <v>9</v>
      </c>
      <c r="C965">
        <v>0.79</v>
      </c>
    </row>
    <row r="966" spans="1:3" x14ac:dyDescent="0.25">
      <c r="A966" t="s">
        <v>27</v>
      </c>
      <c r="B966">
        <v>9</v>
      </c>
      <c r="C966">
        <v>0.79</v>
      </c>
    </row>
    <row r="967" spans="1:3" x14ac:dyDescent="0.25">
      <c r="A967" t="s">
        <v>27</v>
      </c>
      <c r="B967">
        <v>9</v>
      </c>
      <c r="C967">
        <v>0.9</v>
      </c>
    </row>
    <row r="968" spans="1:3" x14ac:dyDescent="0.25">
      <c r="A968" t="s">
        <v>27</v>
      </c>
      <c r="B968">
        <v>9</v>
      </c>
      <c r="C968">
        <v>0.74</v>
      </c>
    </row>
    <row r="969" spans="1:3" x14ac:dyDescent="0.25">
      <c r="A969" t="s">
        <v>27</v>
      </c>
      <c r="B969">
        <v>9</v>
      </c>
      <c r="C969">
        <v>0.81</v>
      </c>
    </row>
    <row r="970" spans="1:3" x14ac:dyDescent="0.25">
      <c r="A970" t="s">
        <v>27</v>
      </c>
      <c r="B970">
        <v>9</v>
      </c>
      <c r="C970">
        <v>0.95</v>
      </c>
    </row>
    <row r="971" spans="1:3" x14ac:dyDescent="0.25">
      <c r="A971" t="s">
        <v>27</v>
      </c>
      <c r="B971">
        <v>9</v>
      </c>
      <c r="C971">
        <v>0.8</v>
      </c>
    </row>
    <row r="972" spans="1:3" x14ac:dyDescent="0.25">
      <c r="A972" t="s">
        <v>27</v>
      </c>
      <c r="B972">
        <v>9</v>
      </c>
      <c r="C972">
        <v>0.93</v>
      </c>
    </row>
    <row r="973" spans="1:3" x14ac:dyDescent="0.25">
      <c r="A973" t="s">
        <v>27</v>
      </c>
      <c r="B973">
        <v>9</v>
      </c>
      <c r="C973">
        <v>0.91</v>
      </c>
    </row>
    <row r="974" spans="1:3" x14ac:dyDescent="0.25">
      <c r="A974" t="s">
        <v>9</v>
      </c>
      <c r="B974">
        <v>9</v>
      </c>
      <c r="C974">
        <v>0.24</v>
      </c>
    </row>
    <row r="975" spans="1:3" x14ac:dyDescent="0.25">
      <c r="A975" t="s">
        <v>9</v>
      </c>
      <c r="B975">
        <v>9</v>
      </c>
      <c r="C975">
        <v>0.19</v>
      </c>
    </row>
    <row r="976" spans="1:3" x14ac:dyDescent="0.25">
      <c r="A976" t="s">
        <v>9</v>
      </c>
      <c r="B976">
        <v>9</v>
      </c>
      <c r="C976">
        <v>0.26</v>
      </c>
    </row>
    <row r="977" spans="1:3" x14ac:dyDescent="0.25">
      <c r="A977" t="s">
        <v>9</v>
      </c>
      <c r="B977">
        <v>9</v>
      </c>
      <c r="C977">
        <v>0.3</v>
      </c>
    </row>
    <row r="978" spans="1:3" x14ac:dyDescent="0.25">
      <c r="A978" t="s">
        <v>9</v>
      </c>
      <c r="B978">
        <v>9</v>
      </c>
      <c r="C978">
        <v>0.2</v>
      </c>
    </row>
    <row r="979" spans="1:3" x14ac:dyDescent="0.25">
      <c r="A979" t="s">
        <v>20</v>
      </c>
      <c r="B979">
        <v>9</v>
      </c>
      <c r="C979">
        <v>0.56000000000000005</v>
      </c>
    </row>
    <row r="980" spans="1:3" x14ac:dyDescent="0.25">
      <c r="A980" t="s">
        <v>20</v>
      </c>
      <c r="B980">
        <v>9</v>
      </c>
      <c r="C980">
        <v>0.57999999999999996</v>
      </c>
    </row>
    <row r="981" spans="1:3" x14ac:dyDescent="0.25">
      <c r="A981" t="s">
        <v>20</v>
      </c>
      <c r="B981">
        <v>9</v>
      </c>
      <c r="C981">
        <v>0.5</v>
      </c>
    </row>
    <row r="982" spans="1:3" x14ac:dyDescent="0.25">
      <c r="A982" t="s">
        <v>19</v>
      </c>
      <c r="B982">
        <v>9</v>
      </c>
      <c r="C982">
        <v>0.91</v>
      </c>
    </row>
    <row r="983" spans="1:3" x14ac:dyDescent="0.25">
      <c r="A983" t="s">
        <v>19</v>
      </c>
      <c r="B983">
        <v>9</v>
      </c>
      <c r="C983">
        <v>0.81</v>
      </c>
    </row>
    <row r="984" spans="1:3" x14ac:dyDescent="0.25">
      <c r="A984" t="s">
        <v>19</v>
      </c>
      <c r="B984">
        <v>9</v>
      </c>
      <c r="C984">
        <v>0.92</v>
      </c>
    </row>
    <row r="985" spans="1:3" x14ac:dyDescent="0.25">
      <c r="A985" t="s">
        <v>19</v>
      </c>
      <c r="B985">
        <v>9</v>
      </c>
      <c r="C985">
        <v>0.83</v>
      </c>
    </row>
    <row r="986" spans="1:3" x14ac:dyDescent="0.25">
      <c r="A986" t="s">
        <v>19</v>
      </c>
      <c r="B986">
        <v>9</v>
      </c>
      <c r="C986">
        <v>0.82</v>
      </c>
    </row>
    <row r="987" spans="1:3" x14ac:dyDescent="0.25">
      <c r="A987" t="s">
        <v>22</v>
      </c>
      <c r="B987">
        <v>10</v>
      </c>
      <c r="C987">
        <v>0.53</v>
      </c>
    </row>
    <row r="988" spans="1:3" x14ac:dyDescent="0.25">
      <c r="A988" t="s">
        <v>22</v>
      </c>
      <c r="B988">
        <v>10</v>
      </c>
      <c r="C988">
        <v>0.42</v>
      </c>
    </row>
    <row r="989" spans="1:3" x14ac:dyDescent="0.25">
      <c r="A989" t="s">
        <v>22</v>
      </c>
      <c r="B989">
        <v>10</v>
      </c>
      <c r="C989">
        <v>0.44</v>
      </c>
    </row>
    <row r="990" spans="1:3" x14ac:dyDescent="0.25">
      <c r="A990" t="s">
        <v>29</v>
      </c>
      <c r="B990">
        <v>10</v>
      </c>
      <c r="C990">
        <v>7.0000000000000007E-2</v>
      </c>
    </row>
    <row r="991" spans="1:3" x14ac:dyDescent="0.25">
      <c r="A991" t="s">
        <v>29</v>
      </c>
      <c r="B991">
        <v>10</v>
      </c>
      <c r="C991">
        <v>0.12</v>
      </c>
    </row>
    <row r="992" spans="1:3" x14ac:dyDescent="0.25">
      <c r="A992" t="s">
        <v>29</v>
      </c>
      <c r="B992">
        <v>10</v>
      </c>
      <c r="C992">
        <v>0.09</v>
      </c>
    </row>
    <row r="993" spans="1:3" x14ac:dyDescent="0.25">
      <c r="A993" t="s">
        <v>29</v>
      </c>
      <c r="B993">
        <v>10</v>
      </c>
      <c r="C993">
        <v>0.26</v>
      </c>
    </row>
    <row r="994" spans="1:3" x14ac:dyDescent="0.25">
      <c r="A994" t="s">
        <v>7</v>
      </c>
      <c r="B994">
        <v>10</v>
      </c>
      <c r="C994">
        <v>0.9</v>
      </c>
    </row>
    <row r="995" spans="1:3" x14ac:dyDescent="0.25">
      <c r="A995" t="s">
        <v>7</v>
      </c>
      <c r="B995">
        <v>10</v>
      </c>
      <c r="C995">
        <v>0.79</v>
      </c>
    </row>
    <row r="996" spans="1:3" x14ac:dyDescent="0.25">
      <c r="A996" t="s">
        <v>7</v>
      </c>
      <c r="B996">
        <v>10</v>
      </c>
      <c r="C996">
        <v>0.88</v>
      </c>
    </row>
    <row r="997" spans="1:3" x14ac:dyDescent="0.25">
      <c r="A997" t="s">
        <v>7</v>
      </c>
      <c r="B997">
        <v>10</v>
      </c>
      <c r="C997">
        <v>0.73</v>
      </c>
    </row>
    <row r="998" spans="1:3" x14ac:dyDescent="0.25">
      <c r="A998" t="s">
        <v>7</v>
      </c>
      <c r="B998">
        <v>10</v>
      </c>
      <c r="C998">
        <v>0.95</v>
      </c>
    </row>
    <row r="999" spans="1:3" x14ac:dyDescent="0.25">
      <c r="A999" t="s">
        <v>7</v>
      </c>
      <c r="B999">
        <v>10</v>
      </c>
      <c r="C999">
        <v>0.94</v>
      </c>
    </row>
    <row r="1000" spans="1:3" x14ac:dyDescent="0.25">
      <c r="A1000" t="s">
        <v>11</v>
      </c>
      <c r="B1000">
        <v>10</v>
      </c>
      <c r="C1000">
        <v>0.8</v>
      </c>
    </row>
    <row r="1001" spans="1:3" x14ac:dyDescent="0.25">
      <c r="A1001" t="s">
        <v>11</v>
      </c>
      <c r="B1001">
        <v>10</v>
      </c>
      <c r="C1001">
        <v>0.79</v>
      </c>
    </row>
    <row r="1002" spans="1:3" x14ac:dyDescent="0.25">
      <c r="A1002" t="s">
        <v>11</v>
      </c>
      <c r="B1002">
        <v>10</v>
      </c>
      <c r="C1002">
        <v>0.87</v>
      </c>
    </row>
    <row r="1003" spans="1:3" x14ac:dyDescent="0.25">
      <c r="A1003" t="s">
        <v>11</v>
      </c>
      <c r="B1003">
        <v>10</v>
      </c>
      <c r="C1003">
        <v>0.73</v>
      </c>
    </row>
    <row r="1004" spans="1:3" x14ac:dyDescent="0.25">
      <c r="A1004" t="s">
        <v>11</v>
      </c>
      <c r="B1004">
        <v>10</v>
      </c>
      <c r="C1004">
        <v>0.9</v>
      </c>
    </row>
    <row r="1005" spans="1:3" x14ac:dyDescent="0.25">
      <c r="A1005" t="s">
        <v>23</v>
      </c>
      <c r="B1005">
        <v>10</v>
      </c>
      <c r="C1005">
        <v>0.34</v>
      </c>
    </row>
    <row r="1006" spans="1:3" x14ac:dyDescent="0.25">
      <c r="A1006" t="s">
        <v>23</v>
      </c>
      <c r="B1006">
        <v>10</v>
      </c>
      <c r="C1006">
        <v>0.55000000000000004</v>
      </c>
    </row>
    <row r="1007" spans="1:3" x14ac:dyDescent="0.25">
      <c r="A1007" t="s">
        <v>23</v>
      </c>
      <c r="B1007">
        <v>10</v>
      </c>
      <c r="C1007">
        <v>0.64</v>
      </c>
    </row>
    <row r="1008" spans="1:3" x14ac:dyDescent="0.25">
      <c r="A1008" t="s">
        <v>23</v>
      </c>
      <c r="B1008">
        <v>10</v>
      </c>
      <c r="C1008">
        <v>0.6</v>
      </c>
    </row>
    <row r="1009" spans="1:3" x14ac:dyDescent="0.25">
      <c r="A1009" t="s">
        <v>23</v>
      </c>
      <c r="B1009">
        <v>10</v>
      </c>
      <c r="C1009">
        <v>0.62</v>
      </c>
    </row>
    <row r="1010" spans="1:3" x14ac:dyDescent="0.25">
      <c r="A1010" t="s">
        <v>23</v>
      </c>
      <c r="B1010">
        <v>10</v>
      </c>
      <c r="C1010">
        <v>0.31</v>
      </c>
    </row>
    <row r="1011" spans="1:3" x14ac:dyDescent="0.25">
      <c r="A1011" t="s">
        <v>23</v>
      </c>
      <c r="B1011">
        <v>10</v>
      </c>
      <c r="C1011">
        <v>0.65</v>
      </c>
    </row>
    <row r="1012" spans="1:3" x14ac:dyDescent="0.25">
      <c r="A1012" t="s">
        <v>23</v>
      </c>
      <c r="B1012">
        <v>10</v>
      </c>
      <c r="C1012">
        <v>0.63</v>
      </c>
    </row>
    <row r="1013" spans="1:3" x14ac:dyDescent="0.25">
      <c r="A1013" t="s">
        <v>23</v>
      </c>
      <c r="B1013">
        <v>10</v>
      </c>
      <c r="C1013">
        <v>0.36</v>
      </c>
    </row>
    <row r="1014" spans="1:3" x14ac:dyDescent="0.25">
      <c r="A1014" t="s">
        <v>18</v>
      </c>
      <c r="B1014">
        <v>10</v>
      </c>
      <c r="C1014">
        <v>0.68</v>
      </c>
    </row>
    <row r="1015" spans="1:3" x14ac:dyDescent="0.25">
      <c r="A1015" t="s">
        <v>18</v>
      </c>
      <c r="B1015">
        <v>10</v>
      </c>
      <c r="C1015">
        <v>0.31</v>
      </c>
    </row>
    <row r="1016" spans="1:3" x14ac:dyDescent="0.25">
      <c r="A1016" t="s">
        <v>18</v>
      </c>
      <c r="B1016">
        <v>10</v>
      </c>
      <c r="C1016">
        <v>0.31</v>
      </c>
    </row>
    <row r="1017" spans="1:3" x14ac:dyDescent="0.25">
      <c r="A1017" t="s">
        <v>18</v>
      </c>
      <c r="B1017">
        <v>10</v>
      </c>
      <c r="C1017">
        <v>0.42</v>
      </c>
    </row>
    <row r="1018" spans="1:3" x14ac:dyDescent="0.25">
      <c r="A1018" t="s">
        <v>18</v>
      </c>
      <c r="B1018">
        <v>10</v>
      </c>
      <c r="C1018">
        <v>0.49</v>
      </c>
    </row>
    <row r="1019" spans="1:3" x14ac:dyDescent="0.25">
      <c r="A1019" t="s">
        <v>18</v>
      </c>
      <c r="B1019">
        <v>10</v>
      </c>
      <c r="C1019">
        <v>0.61</v>
      </c>
    </row>
    <row r="1020" spans="1:3" x14ac:dyDescent="0.25">
      <c r="A1020" t="s">
        <v>18</v>
      </c>
      <c r="B1020">
        <v>10</v>
      </c>
      <c r="C1020">
        <v>0.52</v>
      </c>
    </row>
    <row r="1021" spans="1:3" x14ac:dyDescent="0.25">
      <c r="A1021" t="s">
        <v>18</v>
      </c>
      <c r="B1021">
        <v>10</v>
      </c>
      <c r="C1021">
        <v>0.48</v>
      </c>
    </row>
    <row r="1022" spans="1:3" x14ac:dyDescent="0.25">
      <c r="A1022" t="s">
        <v>18</v>
      </c>
      <c r="B1022">
        <v>10</v>
      </c>
      <c r="C1022">
        <v>0.61</v>
      </c>
    </row>
    <row r="1023" spans="1:3" x14ac:dyDescent="0.25">
      <c r="A1023" t="s">
        <v>21</v>
      </c>
      <c r="B1023">
        <v>10</v>
      </c>
      <c r="C1023">
        <v>0.65</v>
      </c>
    </row>
    <row r="1024" spans="1:3" x14ac:dyDescent="0.25">
      <c r="A1024" t="s">
        <v>21</v>
      </c>
      <c r="B1024">
        <v>10</v>
      </c>
      <c r="C1024">
        <v>0.63</v>
      </c>
    </row>
    <row r="1025" spans="1:3" x14ac:dyDescent="0.25">
      <c r="A1025" t="s">
        <v>21</v>
      </c>
      <c r="B1025">
        <v>10</v>
      </c>
      <c r="C1025">
        <v>0.31</v>
      </c>
    </row>
    <row r="1026" spans="1:3" x14ac:dyDescent="0.25">
      <c r="A1026" t="s">
        <v>21</v>
      </c>
      <c r="B1026">
        <v>10</v>
      </c>
      <c r="C1026">
        <v>0.44</v>
      </c>
    </row>
    <row r="1027" spans="1:3" x14ac:dyDescent="0.25">
      <c r="A1027" t="s">
        <v>25</v>
      </c>
      <c r="B1027">
        <v>10</v>
      </c>
      <c r="C1027">
        <v>0.91</v>
      </c>
    </row>
    <row r="1028" spans="1:3" x14ac:dyDescent="0.25">
      <c r="A1028" t="s">
        <v>25</v>
      </c>
      <c r="B1028">
        <v>10</v>
      </c>
      <c r="C1028">
        <v>0.73</v>
      </c>
    </row>
    <row r="1029" spans="1:3" x14ac:dyDescent="0.25">
      <c r="A1029" t="s">
        <v>25</v>
      </c>
      <c r="B1029">
        <v>10</v>
      </c>
      <c r="C1029">
        <v>0.88</v>
      </c>
    </row>
    <row r="1030" spans="1:3" x14ac:dyDescent="0.25">
      <c r="A1030" t="s">
        <v>30</v>
      </c>
      <c r="B1030">
        <v>10</v>
      </c>
      <c r="C1030">
        <v>0.33</v>
      </c>
    </row>
    <row r="1031" spans="1:3" x14ac:dyDescent="0.25">
      <c r="A1031" t="s">
        <v>30</v>
      </c>
      <c r="B1031">
        <v>10</v>
      </c>
      <c r="C1031">
        <v>0.61</v>
      </c>
    </row>
    <row r="1032" spans="1:3" x14ac:dyDescent="0.25">
      <c r="A1032" t="s">
        <v>30</v>
      </c>
      <c r="B1032">
        <v>10</v>
      </c>
      <c r="C1032">
        <v>0.43</v>
      </c>
    </row>
    <row r="1033" spans="1:3" x14ac:dyDescent="0.25">
      <c r="A1033" t="s">
        <v>30</v>
      </c>
      <c r="B1033">
        <v>10</v>
      </c>
      <c r="C1033">
        <v>0.49</v>
      </c>
    </row>
    <row r="1034" spans="1:3" x14ac:dyDescent="0.25">
      <c r="A1034" t="s">
        <v>30</v>
      </c>
      <c r="B1034">
        <v>10</v>
      </c>
      <c r="C1034">
        <v>0.48</v>
      </c>
    </row>
    <row r="1035" spans="1:3" x14ac:dyDescent="0.25">
      <c r="A1035" t="s">
        <v>30</v>
      </c>
      <c r="B1035">
        <v>10</v>
      </c>
      <c r="C1035">
        <v>0.69</v>
      </c>
    </row>
    <row r="1036" spans="1:3" x14ac:dyDescent="0.25">
      <c r="A1036" t="s">
        <v>15</v>
      </c>
      <c r="B1036">
        <v>10</v>
      </c>
      <c r="C1036">
        <v>0.06</v>
      </c>
    </row>
    <row r="1037" spans="1:3" x14ac:dyDescent="0.25">
      <c r="A1037" t="s">
        <v>15</v>
      </c>
      <c r="B1037">
        <v>10</v>
      </c>
      <c r="C1037">
        <v>0.05</v>
      </c>
    </row>
    <row r="1038" spans="1:3" x14ac:dyDescent="0.25">
      <c r="A1038" t="s">
        <v>15</v>
      </c>
      <c r="B1038">
        <v>10</v>
      </c>
      <c r="C1038">
        <v>0.12</v>
      </c>
    </row>
    <row r="1039" spans="1:3" x14ac:dyDescent="0.25">
      <c r="A1039" t="s">
        <v>15</v>
      </c>
      <c r="B1039">
        <v>10</v>
      </c>
      <c r="C1039">
        <v>0.27</v>
      </c>
    </row>
    <row r="1040" spans="1:3" x14ac:dyDescent="0.25">
      <c r="A1040" t="s">
        <v>26</v>
      </c>
      <c r="B1040">
        <v>10</v>
      </c>
      <c r="C1040">
        <v>0.22</v>
      </c>
    </row>
    <row r="1041" spans="1:3" x14ac:dyDescent="0.25">
      <c r="A1041" t="s">
        <v>26</v>
      </c>
      <c r="B1041">
        <v>10</v>
      </c>
      <c r="C1041">
        <v>0.12</v>
      </c>
    </row>
    <row r="1042" spans="1:3" x14ac:dyDescent="0.25">
      <c r="A1042" t="s">
        <v>26</v>
      </c>
      <c r="B1042">
        <v>10</v>
      </c>
      <c r="C1042">
        <v>0.19</v>
      </c>
    </row>
    <row r="1043" spans="1:3" x14ac:dyDescent="0.25">
      <c r="A1043" t="s">
        <v>26</v>
      </c>
      <c r="B1043">
        <v>10</v>
      </c>
      <c r="C1043">
        <v>0.17</v>
      </c>
    </row>
    <row r="1044" spans="1:3" x14ac:dyDescent="0.25">
      <c r="A1044" t="s">
        <v>14</v>
      </c>
      <c r="B1044">
        <v>10</v>
      </c>
      <c r="C1044">
        <v>0.37</v>
      </c>
    </row>
    <row r="1045" spans="1:3" x14ac:dyDescent="0.25">
      <c r="A1045" t="s">
        <v>14</v>
      </c>
      <c r="B1045">
        <v>10</v>
      </c>
      <c r="C1045">
        <v>0.42</v>
      </c>
    </row>
    <row r="1046" spans="1:3" x14ac:dyDescent="0.25">
      <c r="A1046" t="s">
        <v>14</v>
      </c>
      <c r="B1046">
        <v>10</v>
      </c>
      <c r="C1046">
        <v>0.53</v>
      </c>
    </row>
    <row r="1047" spans="1:3" x14ac:dyDescent="0.25">
      <c r="A1047" t="s">
        <v>14</v>
      </c>
      <c r="B1047">
        <v>10</v>
      </c>
      <c r="C1047">
        <v>0.46</v>
      </c>
    </row>
    <row r="1048" spans="1:3" x14ac:dyDescent="0.25">
      <c r="A1048" t="s">
        <v>14</v>
      </c>
      <c r="B1048">
        <v>10</v>
      </c>
      <c r="C1048">
        <v>0.52</v>
      </c>
    </row>
    <row r="1049" spans="1:3" x14ac:dyDescent="0.25">
      <c r="A1049" t="s">
        <v>28</v>
      </c>
      <c r="B1049">
        <v>10</v>
      </c>
      <c r="C1049">
        <v>0.61</v>
      </c>
    </row>
    <row r="1050" spans="1:3" x14ac:dyDescent="0.25">
      <c r="A1050" t="s">
        <v>28</v>
      </c>
      <c r="B1050">
        <v>10</v>
      </c>
      <c r="C1050">
        <v>0.55000000000000004</v>
      </c>
    </row>
    <row r="1051" spans="1:3" x14ac:dyDescent="0.25">
      <c r="A1051" t="s">
        <v>28</v>
      </c>
      <c r="B1051">
        <v>10</v>
      </c>
      <c r="C1051">
        <v>0.68</v>
      </c>
    </row>
    <row r="1052" spans="1:3" x14ac:dyDescent="0.25">
      <c r="A1052" t="s">
        <v>16</v>
      </c>
      <c r="B1052">
        <v>10</v>
      </c>
      <c r="C1052">
        <v>0.41</v>
      </c>
    </row>
    <row r="1053" spans="1:3" x14ac:dyDescent="0.25">
      <c r="A1053" t="s">
        <v>16</v>
      </c>
      <c r="B1053">
        <v>10</v>
      </c>
      <c r="C1053">
        <v>0.48</v>
      </c>
    </row>
    <row r="1054" spans="1:3" x14ac:dyDescent="0.25">
      <c r="A1054" t="s">
        <v>16</v>
      </c>
      <c r="B1054">
        <v>10</v>
      </c>
      <c r="C1054">
        <v>0.52</v>
      </c>
    </row>
    <row r="1055" spans="1:3" x14ac:dyDescent="0.25">
      <c r="A1055" t="s">
        <v>16</v>
      </c>
      <c r="B1055">
        <v>10</v>
      </c>
      <c r="C1055">
        <v>0.38</v>
      </c>
    </row>
    <row r="1056" spans="1:3" x14ac:dyDescent="0.25">
      <c r="A1056" t="s">
        <v>16</v>
      </c>
      <c r="B1056">
        <v>10</v>
      </c>
      <c r="C1056">
        <v>0.56999999999999995</v>
      </c>
    </row>
    <row r="1057" spans="1:3" x14ac:dyDescent="0.25">
      <c r="A1057" t="s">
        <v>13</v>
      </c>
      <c r="B1057">
        <v>10</v>
      </c>
      <c r="C1057">
        <v>0.66</v>
      </c>
    </row>
    <row r="1058" spans="1:3" x14ac:dyDescent="0.25">
      <c r="A1058" t="s">
        <v>13</v>
      </c>
      <c r="B1058">
        <v>10</v>
      </c>
      <c r="C1058">
        <v>0.32</v>
      </c>
    </row>
    <row r="1059" spans="1:3" x14ac:dyDescent="0.25">
      <c r="A1059" t="s">
        <v>13</v>
      </c>
      <c r="B1059">
        <v>10</v>
      </c>
      <c r="C1059">
        <v>0.45</v>
      </c>
    </row>
    <row r="1060" spans="1:3" x14ac:dyDescent="0.25">
      <c r="A1060" t="s">
        <v>13</v>
      </c>
      <c r="B1060">
        <v>10</v>
      </c>
      <c r="C1060">
        <v>0.54</v>
      </c>
    </row>
    <row r="1061" spans="1:3" x14ac:dyDescent="0.25">
      <c r="A1061" t="s">
        <v>13</v>
      </c>
      <c r="B1061">
        <v>10</v>
      </c>
      <c r="C1061">
        <v>0.38</v>
      </c>
    </row>
    <row r="1062" spans="1:3" x14ac:dyDescent="0.25">
      <c r="A1062" t="s">
        <v>17</v>
      </c>
      <c r="B1062">
        <v>10</v>
      </c>
      <c r="C1062">
        <v>0.23</v>
      </c>
    </row>
    <row r="1063" spans="1:3" x14ac:dyDescent="0.25">
      <c r="A1063" t="s">
        <v>17</v>
      </c>
      <c r="B1063">
        <v>10</v>
      </c>
      <c r="C1063">
        <v>0.21</v>
      </c>
    </row>
    <row r="1064" spans="1:3" x14ac:dyDescent="0.25">
      <c r="A1064" t="s">
        <v>17</v>
      </c>
      <c r="B1064">
        <v>10</v>
      </c>
      <c r="C1064">
        <v>0.08</v>
      </c>
    </row>
    <row r="1065" spans="1:3" x14ac:dyDescent="0.25">
      <c r="A1065" t="s">
        <v>17</v>
      </c>
      <c r="B1065">
        <v>10</v>
      </c>
      <c r="C1065">
        <v>0.3</v>
      </c>
    </row>
    <row r="1066" spans="1:3" x14ac:dyDescent="0.25">
      <c r="A1066" t="s">
        <v>17</v>
      </c>
      <c r="B1066">
        <v>10</v>
      </c>
      <c r="C1066">
        <v>0.18</v>
      </c>
    </row>
    <row r="1067" spans="1:3" x14ac:dyDescent="0.25">
      <c r="A1067" t="s">
        <v>27</v>
      </c>
      <c r="B1067">
        <v>10</v>
      </c>
      <c r="C1067">
        <v>0.87</v>
      </c>
    </row>
    <row r="1068" spans="1:3" x14ac:dyDescent="0.25">
      <c r="A1068" t="s">
        <v>27</v>
      </c>
      <c r="B1068">
        <v>10</v>
      </c>
      <c r="C1068">
        <v>0.81</v>
      </c>
    </row>
    <row r="1069" spans="1:3" x14ac:dyDescent="0.25">
      <c r="A1069" t="s">
        <v>27</v>
      </c>
      <c r="B1069">
        <v>10</v>
      </c>
      <c r="C1069">
        <v>0.84</v>
      </c>
    </row>
    <row r="1070" spans="1:3" x14ac:dyDescent="0.25">
      <c r="A1070" t="s">
        <v>27</v>
      </c>
      <c r="B1070">
        <v>10</v>
      </c>
      <c r="C1070">
        <v>0.82</v>
      </c>
    </row>
    <row r="1071" spans="1:3" x14ac:dyDescent="0.25">
      <c r="A1071" t="s">
        <v>27</v>
      </c>
      <c r="B1071">
        <v>10</v>
      </c>
      <c r="C1071">
        <v>0.92</v>
      </c>
    </row>
    <row r="1072" spans="1:3" x14ac:dyDescent="0.25">
      <c r="A1072" t="s">
        <v>27</v>
      </c>
      <c r="B1072">
        <v>10</v>
      </c>
      <c r="C1072">
        <v>0.86</v>
      </c>
    </row>
    <row r="1073" spans="1:3" x14ac:dyDescent="0.25">
      <c r="A1073" t="s">
        <v>9</v>
      </c>
      <c r="B1073">
        <v>10</v>
      </c>
      <c r="C1073">
        <v>0.27</v>
      </c>
    </row>
    <row r="1074" spans="1:3" x14ac:dyDescent="0.25">
      <c r="A1074" t="s">
        <v>9</v>
      </c>
      <c r="B1074">
        <v>10</v>
      </c>
      <c r="C1074">
        <v>0.23</v>
      </c>
    </row>
    <row r="1075" spans="1:3" x14ac:dyDescent="0.25">
      <c r="A1075" t="s">
        <v>9</v>
      </c>
      <c r="B1075">
        <v>10</v>
      </c>
      <c r="C1075">
        <v>0.16</v>
      </c>
    </row>
    <row r="1076" spans="1:3" x14ac:dyDescent="0.25">
      <c r="A1076" t="s">
        <v>9</v>
      </c>
      <c r="B1076">
        <v>10</v>
      </c>
      <c r="C1076">
        <v>0.12</v>
      </c>
    </row>
    <row r="1077" spans="1:3" x14ac:dyDescent="0.25">
      <c r="A1077" t="s">
        <v>20</v>
      </c>
      <c r="B1077">
        <v>10</v>
      </c>
      <c r="C1077">
        <v>0.67</v>
      </c>
    </row>
    <row r="1078" spans="1:3" x14ac:dyDescent="0.25">
      <c r="A1078" t="s">
        <v>20</v>
      </c>
      <c r="B1078">
        <v>10</v>
      </c>
      <c r="C1078">
        <v>0.6</v>
      </c>
    </row>
    <row r="1079" spans="1:3" x14ac:dyDescent="0.25">
      <c r="A1079" t="s">
        <v>20</v>
      </c>
      <c r="B1079">
        <v>10</v>
      </c>
      <c r="C1079">
        <v>0.44</v>
      </c>
    </row>
    <row r="1080" spans="1:3" x14ac:dyDescent="0.25">
      <c r="A1080" t="s">
        <v>20</v>
      </c>
      <c r="B1080">
        <v>10</v>
      </c>
      <c r="C1080">
        <v>0.51</v>
      </c>
    </row>
    <row r="1081" spans="1:3" x14ac:dyDescent="0.25">
      <c r="A1081" t="s">
        <v>20</v>
      </c>
      <c r="B1081">
        <v>10</v>
      </c>
      <c r="C1081">
        <v>0.41</v>
      </c>
    </row>
    <row r="1082" spans="1:3" x14ac:dyDescent="0.25">
      <c r="A1082" t="s">
        <v>20</v>
      </c>
      <c r="B1082">
        <v>10</v>
      </c>
      <c r="C1082">
        <v>0.39</v>
      </c>
    </row>
    <row r="1083" spans="1:3" x14ac:dyDescent="0.25">
      <c r="A1083" t="s">
        <v>20</v>
      </c>
      <c r="B1083">
        <v>10</v>
      </c>
      <c r="C1083">
        <v>0.68</v>
      </c>
    </row>
    <row r="1084" spans="1:3" x14ac:dyDescent="0.25">
      <c r="A1084" t="s">
        <v>19</v>
      </c>
      <c r="B1084">
        <v>10</v>
      </c>
      <c r="C1084">
        <v>0.72</v>
      </c>
    </row>
    <row r="1085" spans="1:3" x14ac:dyDescent="0.25">
      <c r="A1085" t="s">
        <v>19</v>
      </c>
      <c r="B1085">
        <v>10</v>
      </c>
      <c r="C1085">
        <v>0.77</v>
      </c>
    </row>
    <row r="1086" spans="1:3" x14ac:dyDescent="0.25">
      <c r="A1086" t="s">
        <v>19</v>
      </c>
      <c r="B1086">
        <v>10</v>
      </c>
      <c r="C1086">
        <v>0.71</v>
      </c>
    </row>
    <row r="1087" spans="1:3" x14ac:dyDescent="0.25">
      <c r="A1087" t="s">
        <v>19</v>
      </c>
      <c r="B1087">
        <v>10</v>
      </c>
      <c r="C1087">
        <v>0.95</v>
      </c>
    </row>
    <row r="1088" spans="1:3" x14ac:dyDescent="0.25">
      <c r="A1088" t="s">
        <v>19</v>
      </c>
      <c r="B1088">
        <v>10</v>
      </c>
      <c r="C1088">
        <v>0.82</v>
      </c>
    </row>
    <row r="1089" spans="1:3" x14ac:dyDescent="0.25">
      <c r="A1089" t="s">
        <v>22</v>
      </c>
      <c r="B1089">
        <v>11</v>
      </c>
      <c r="C1089">
        <v>0.41</v>
      </c>
    </row>
    <row r="1090" spans="1:3" x14ac:dyDescent="0.25">
      <c r="A1090" t="s">
        <v>22</v>
      </c>
      <c r="B1090">
        <v>11</v>
      </c>
      <c r="C1090">
        <v>0.69</v>
      </c>
    </row>
    <row r="1091" spans="1:3" x14ac:dyDescent="0.25">
      <c r="A1091" t="s">
        <v>22</v>
      </c>
      <c r="B1091">
        <v>11</v>
      </c>
      <c r="C1091">
        <v>0.59</v>
      </c>
    </row>
    <row r="1092" spans="1:3" x14ac:dyDescent="0.25">
      <c r="A1092" t="s">
        <v>22</v>
      </c>
      <c r="B1092">
        <v>11</v>
      </c>
      <c r="C1092">
        <v>0.56000000000000005</v>
      </c>
    </row>
    <row r="1093" spans="1:3" x14ac:dyDescent="0.25">
      <c r="A1093" t="s">
        <v>22</v>
      </c>
      <c r="B1093">
        <v>11</v>
      </c>
      <c r="C1093">
        <v>0.38</v>
      </c>
    </row>
    <row r="1094" spans="1:3" x14ac:dyDescent="0.25">
      <c r="A1094" t="s">
        <v>22</v>
      </c>
      <c r="B1094">
        <v>11</v>
      </c>
      <c r="C1094">
        <v>0.63</v>
      </c>
    </row>
    <row r="1095" spans="1:3" x14ac:dyDescent="0.25">
      <c r="A1095" t="s">
        <v>29</v>
      </c>
      <c r="B1095">
        <v>11</v>
      </c>
      <c r="C1095">
        <v>0.24</v>
      </c>
    </row>
    <row r="1096" spans="1:3" x14ac:dyDescent="0.25">
      <c r="A1096" t="s">
        <v>29</v>
      </c>
      <c r="B1096">
        <v>11</v>
      </c>
      <c r="C1096">
        <v>0.24</v>
      </c>
    </row>
    <row r="1097" spans="1:3" x14ac:dyDescent="0.25">
      <c r="A1097" t="s">
        <v>29</v>
      </c>
      <c r="B1097">
        <v>11</v>
      </c>
      <c r="C1097">
        <v>0.28999999999999998</v>
      </c>
    </row>
    <row r="1098" spans="1:3" x14ac:dyDescent="0.25">
      <c r="A1098" t="s">
        <v>29</v>
      </c>
      <c r="B1098">
        <v>11</v>
      </c>
      <c r="C1098">
        <v>0.28000000000000003</v>
      </c>
    </row>
    <row r="1099" spans="1:3" x14ac:dyDescent="0.25">
      <c r="A1099" t="s">
        <v>29</v>
      </c>
      <c r="B1099">
        <v>11</v>
      </c>
      <c r="C1099">
        <v>0.24</v>
      </c>
    </row>
    <row r="1100" spans="1:3" x14ac:dyDescent="0.25">
      <c r="A1100" t="s">
        <v>29</v>
      </c>
      <c r="B1100">
        <v>11</v>
      </c>
      <c r="C1100">
        <v>0.24</v>
      </c>
    </row>
    <row r="1101" spans="1:3" x14ac:dyDescent="0.25">
      <c r="A1101" t="s">
        <v>29</v>
      </c>
      <c r="B1101">
        <v>11</v>
      </c>
      <c r="C1101">
        <v>0.18</v>
      </c>
    </row>
    <row r="1102" spans="1:3" x14ac:dyDescent="0.25">
      <c r="A1102" t="s">
        <v>29</v>
      </c>
      <c r="B1102">
        <v>11</v>
      </c>
      <c r="C1102">
        <v>0.3</v>
      </c>
    </row>
    <row r="1103" spans="1:3" x14ac:dyDescent="0.25">
      <c r="A1103" t="s">
        <v>29</v>
      </c>
      <c r="B1103">
        <v>11</v>
      </c>
      <c r="C1103">
        <v>0.24</v>
      </c>
    </row>
    <row r="1104" spans="1:3" x14ac:dyDescent="0.25">
      <c r="A1104" t="s">
        <v>7</v>
      </c>
      <c r="B1104">
        <v>11</v>
      </c>
      <c r="C1104">
        <v>0.8</v>
      </c>
    </row>
    <row r="1105" spans="1:3" x14ac:dyDescent="0.25">
      <c r="A1105" t="s">
        <v>7</v>
      </c>
      <c r="B1105">
        <v>11</v>
      </c>
      <c r="C1105">
        <v>0.82</v>
      </c>
    </row>
    <row r="1106" spans="1:3" x14ac:dyDescent="0.25">
      <c r="A1106" t="s">
        <v>7</v>
      </c>
      <c r="B1106">
        <v>11</v>
      </c>
      <c r="C1106">
        <v>0.82</v>
      </c>
    </row>
    <row r="1107" spans="1:3" x14ac:dyDescent="0.25">
      <c r="A1107" t="s">
        <v>7</v>
      </c>
      <c r="B1107">
        <v>11</v>
      </c>
      <c r="C1107">
        <v>0.79</v>
      </c>
    </row>
    <row r="1108" spans="1:3" x14ac:dyDescent="0.25">
      <c r="A1108" t="s">
        <v>11</v>
      </c>
      <c r="B1108">
        <v>11</v>
      </c>
      <c r="C1108">
        <v>0.83</v>
      </c>
    </row>
    <row r="1109" spans="1:3" x14ac:dyDescent="0.25">
      <c r="A1109" t="s">
        <v>11</v>
      </c>
      <c r="B1109">
        <v>11</v>
      </c>
      <c r="C1109">
        <v>0.71</v>
      </c>
    </row>
    <row r="1110" spans="1:3" x14ac:dyDescent="0.25">
      <c r="A1110" t="s">
        <v>11</v>
      </c>
      <c r="B1110">
        <v>11</v>
      </c>
      <c r="C1110">
        <v>0.84</v>
      </c>
    </row>
    <row r="1111" spans="1:3" x14ac:dyDescent="0.25">
      <c r="A1111" t="s">
        <v>11</v>
      </c>
      <c r="B1111">
        <v>11</v>
      </c>
      <c r="C1111">
        <v>0.8</v>
      </c>
    </row>
    <row r="1112" spans="1:3" x14ac:dyDescent="0.25">
      <c r="A1112" t="s">
        <v>11</v>
      </c>
      <c r="B1112">
        <v>11</v>
      </c>
      <c r="C1112">
        <v>0.83</v>
      </c>
    </row>
    <row r="1113" spans="1:3" x14ac:dyDescent="0.25">
      <c r="A1113" t="s">
        <v>11</v>
      </c>
      <c r="B1113">
        <v>11</v>
      </c>
      <c r="C1113">
        <v>0.93</v>
      </c>
    </row>
    <row r="1114" spans="1:3" x14ac:dyDescent="0.25">
      <c r="A1114" t="s">
        <v>11</v>
      </c>
      <c r="B1114">
        <v>11</v>
      </c>
      <c r="C1114">
        <v>0.77</v>
      </c>
    </row>
    <row r="1115" spans="1:3" x14ac:dyDescent="0.25">
      <c r="A1115" t="s">
        <v>23</v>
      </c>
      <c r="B1115">
        <v>11</v>
      </c>
      <c r="C1115">
        <v>0.39</v>
      </c>
    </row>
    <row r="1116" spans="1:3" x14ac:dyDescent="0.25">
      <c r="A1116" t="s">
        <v>23</v>
      </c>
      <c r="B1116">
        <v>11</v>
      </c>
      <c r="C1116">
        <v>0.53</v>
      </c>
    </row>
    <row r="1117" spans="1:3" x14ac:dyDescent="0.25">
      <c r="A1117" t="s">
        <v>23</v>
      </c>
      <c r="B1117">
        <v>11</v>
      </c>
      <c r="C1117">
        <v>0.4</v>
      </c>
    </row>
    <row r="1118" spans="1:3" x14ac:dyDescent="0.25">
      <c r="A1118" t="s">
        <v>23</v>
      </c>
      <c r="B1118">
        <v>11</v>
      </c>
      <c r="C1118">
        <v>0.35</v>
      </c>
    </row>
    <row r="1119" spans="1:3" x14ac:dyDescent="0.25">
      <c r="A1119" t="s">
        <v>23</v>
      </c>
      <c r="B1119">
        <v>11</v>
      </c>
      <c r="C1119">
        <v>0.36</v>
      </c>
    </row>
    <row r="1120" spans="1:3" x14ac:dyDescent="0.25">
      <c r="A1120" t="s">
        <v>23</v>
      </c>
      <c r="B1120">
        <v>11</v>
      </c>
      <c r="C1120">
        <v>0.69</v>
      </c>
    </row>
    <row r="1121" spans="1:3" x14ac:dyDescent="0.25">
      <c r="A1121" t="s">
        <v>18</v>
      </c>
      <c r="B1121">
        <v>11</v>
      </c>
      <c r="C1121">
        <v>0.57999999999999996</v>
      </c>
    </row>
    <row r="1122" spans="1:3" x14ac:dyDescent="0.25">
      <c r="A1122" t="s">
        <v>18</v>
      </c>
      <c r="B1122">
        <v>11</v>
      </c>
      <c r="C1122">
        <v>0.46</v>
      </c>
    </row>
    <row r="1123" spans="1:3" x14ac:dyDescent="0.25">
      <c r="A1123" t="s">
        <v>18</v>
      </c>
      <c r="B1123">
        <v>11</v>
      </c>
      <c r="C1123">
        <v>0.5</v>
      </c>
    </row>
    <row r="1124" spans="1:3" x14ac:dyDescent="0.25">
      <c r="A1124" t="s">
        <v>21</v>
      </c>
      <c r="B1124">
        <v>11</v>
      </c>
      <c r="C1124">
        <v>0.46</v>
      </c>
    </row>
    <row r="1125" spans="1:3" x14ac:dyDescent="0.25">
      <c r="A1125" t="s">
        <v>21</v>
      </c>
      <c r="B1125">
        <v>11</v>
      </c>
      <c r="C1125">
        <v>0.54</v>
      </c>
    </row>
    <row r="1126" spans="1:3" x14ac:dyDescent="0.25">
      <c r="A1126" t="s">
        <v>21</v>
      </c>
      <c r="B1126">
        <v>11</v>
      </c>
      <c r="C1126">
        <v>0.65</v>
      </c>
    </row>
    <row r="1127" spans="1:3" x14ac:dyDescent="0.25">
      <c r="A1127" t="s">
        <v>21</v>
      </c>
      <c r="B1127">
        <v>11</v>
      </c>
      <c r="C1127">
        <v>0.47</v>
      </c>
    </row>
    <row r="1128" spans="1:3" x14ac:dyDescent="0.25">
      <c r="A1128" t="s">
        <v>25</v>
      </c>
      <c r="B1128">
        <v>11</v>
      </c>
      <c r="C1128">
        <v>0.93</v>
      </c>
    </row>
    <row r="1129" spans="1:3" x14ac:dyDescent="0.25">
      <c r="A1129" t="s">
        <v>25</v>
      </c>
      <c r="B1129">
        <v>11</v>
      </c>
      <c r="C1129">
        <v>0.81</v>
      </c>
    </row>
    <row r="1130" spans="1:3" x14ac:dyDescent="0.25">
      <c r="A1130" t="s">
        <v>25</v>
      </c>
      <c r="B1130">
        <v>11</v>
      </c>
      <c r="C1130">
        <v>0.82</v>
      </c>
    </row>
    <row r="1131" spans="1:3" x14ac:dyDescent="0.25">
      <c r="A1131" t="s">
        <v>25</v>
      </c>
      <c r="B1131">
        <v>11</v>
      </c>
      <c r="C1131">
        <v>0.85</v>
      </c>
    </row>
    <row r="1132" spans="1:3" x14ac:dyDescent="0.25">
      <c r="A1132" t="s">
        <v>25</v>
      </c>
      <c r="B1132">
        <v>11</v>
      </c>
      <c r="C1132">
        <v>0.7</v>
      </c>
    </row>
    <row r="1133" spans="1:3" x14ac:dyDescent="0.25">
      <c r="A1133" t="s">
        <v>30</v>
      </c>
      <c r="B1133">
        <v>11</v>
      </c>
      <c r="C1133">
        <v>0.59</v>
      </c>
    </row>
    <row r="1134" spans="1:3" x14ac:dyDescent="0.25">
      <c r="A1134" t="s">
        <v>30</v>
      </c>
      <c r="B1134">
        <v>11</v>
      </c>
      <c r="C1134">
        <v>0.34</v>
      </c>
    </row>
    <row r="1135" spans="1:3" x14ac:dyDescent="0.25">
      <c r="A1135" t="s">
        <v>30</v>
      </c>
      <c r="B1135">
        <v>11</v>
      </c>
      <c r="C1135">
        <v>0.33</v>
      </c>
    </row>
    <row r="1136" spans="1:3" x14ac:dyDescent="0.25">
      <c r="A1136" t="s">
        <v>30</v>
      </c>
      <c r="B1136">
        <v>11</v>
      </c>
      <c r="C1136">
        <v>0.43</v>
      </c>
    </row>
    <row r="1137" spans="1:3" x14ac:dyDescent="0.25">
      <c r="A1137" t="s">
        <v>30</v>
      </c>
      <c r="B1137">
        <v>11</v>
      </c>
      <c r="C1137">
        <v>0.56000000000000005</v>
      </c>
    </row>
    <row r="1138" spans="1:3" x14ac:dyDescent="0.25">
      <c r="A1138" t="s">
        <v>30</v>
      </c>
      <c r="B1138">
        <v>11</v>
      </c>
      <c r="C1138">
        <v>0.5</v>
      </c>
    </row>
    <row r="1139" spans="1:3" x14ac:dyDescent="0.25">
      <c r="A1139" t="s">
        <v>30</v>
      </c>
      <c r="B1139">
        <v>11</v>
      </c>
      <c r="C1139">
        <v>0.33</v>
      </c>
    </row>
    <row r="1140" spans="1:3" x14ac:dyDescent="0.25">
      <c r="A1140" t="s">
        <v>30</v>
      </c>
      <c r="B1140">
        <v>11</v>
      </c>
      <c r="C1140">
        <v>0.67</v>
      </c>
    </row>
    <row r="1141" spans="1:3" x14ac:dyDescent="0.25">
      <c r="A1141" t="s">
        <v>30</v>
      </c>
      <c r="B1141">
        <v>11</v>
      </c>
      <c r="C1141">
        <v>0.69</v>
      </c>
    </row>
    <row r="1142" spans="1:3" x14ac:dyDescent="0.25">
      <c r="A1142" t="s">
        <v>15</v>
      </c>
      <c r="B1142">
        <v>11</v>
      </c>
      <c r="C1142">
        <v>0.1</v>
      </c>
    </row>
    <row r="1143" spans="1:3" x14ac:dyDescent="0.25">
      <c r="A1143" t="s">
        <v>15</v>
      </c>
      <c r="B1143">
        <v>11</v>
      </c>
      <c r="C1143">
        <v>0.06</v>
      </c>
    </row>
    <row r="1144" spans="1:3" x14ac:dyDescent="0.25">
      <c r="A1144" t="s">
        <v>15</v>
      </c>
      <c r="B1144">
        <v>11</v>
      </c>
      <c r="C1144">
        <v>0.16</v>
      </c>
    </row>
    <row r="1145" spans="1:3" x14ac:dyDescent="0.25">
      <c r="A1145" t="s">
        <v>15</v>
      </c>
      <c r="B1145">
        <v>11</v>
      </c>
      <c r="C1145">
        <v>0.28000000000000003</v>
      </c>
    </row>
    <row r="1146" spans="1:3" x14ac:dyDescent="0.25">
      <c r="A1146" t="s">
        <v>15</v>
      </c>
      <c r="B1146">
        <v>11</v>
      </c>
      <c r="C1146">
        <v>0.16</v>
      </c>
    </row>
    <row r="1147" spans="1:3" x14ac:dyDescent="0.25">
      <c r="A1147" t="s">
        <v>26</v>
      </c>
      <c r="B1147">
        <v>11</v>
      </c>
      <c r="C1147">
        <v>0.15</v>
      </c>
    </row>
    <row r="1148" spans="1:3" x14ac:dyDescent="0.25">
      <c r="A1148" t="s">
        <v>26</v>
      </c>
      <c r="B1148">
        <v>11</v>
      </c>
      <c r="C1148">
        <v>0.28000000000000003</v>
      </c>
    </row>
    <row r="1149" spans="1:3" x14ac:dyDescent="0.25">
      <c r="A1149" t="s">
        <v>26</v>
      </c>
      <c r="B1149">
        <v>11</v>
      </c>
      <c r="C1149">
        <v>0.25</v>
      </c>
    </row>
    <row r="1150" spans="1:3" x14ac:dyDescent="0.25">
      <c r="A1150" t="s">
        <v>26</v>
      </c>
      <c r="B1150">
        <v>11</v>
      </c>
      <c r="C1150">
        <v>0.28000000000000003</v>
      </c>
    </row>
    <row r="1151" spans="1:3" x14ac:dyDescent="0.25">
      <c r="A1151" t="s">
        <v>26</v>
      </c>
      <c r="B1151">
        <v>11</v>
      </c>
      <c r="C1151">
        <v>7.0000000000000007E-2</v>
      </c>
    </row>
    <row r="1152" spans="1:3" x14ac:dyDescent="0.25">
      <c r="A1152" t="s">
        <v>14</v>
      </c>
      <c r="B1152">
        <v>11</v>
      </c>
      <c r="C1152">
        <v>0.54</v>
      </c>
    </row>
    <row r="1153" spans="1:3" x14ac:dyDescent="0.25">
      <c r="A1153" t="s">
        <v>14</v>
      </c>
      <c r="B1153">
        <v>11</v>
      </c>
      <c r="C1153">
        <v>0.34</v>
      </c>
    </row>
    <row r="1154" spans="1:3" x14ac:dyDescent="0.25">
      <c r="A1154" t="s">
        <v>14</v>
      </c>
      <c r="B1154">
        <v>11</v>
      </c>
      <c r="C1154">
        <v>0.66</v>
      </c>
    </row>
    <row r="1155" spans="1:3" x14ac:dyDescent="0.25">
      <c r="A1155" t="s">
        <v>14</v>
      </c>
      <c r="B1155">
        <v>11</v>
      </c>
      <c r="C1155">
        <v>0.56000000000000005</v>
      </c>
    </row>
    <row r="1156" spans="1:3" x14ac:dyDescent="0.25">
      <c r="A1156" t="s">
        <v>14</v>
      </c>
      <c r="B1156">
        <v>11</v>
      </c>
      <c r="C1156">
        <v>0.45</v>
      </c>
    </row>
    <row r="1157" spans="1:3" x14ac:dyDescent="0.25">
      <c r="A1157" t="s">
        <v>14</v>
      </c>
      <c r="B1157">
        <v>11</v>
      </c>
      <c r="C1157">
        <v>0.43</v>
      </c>
    </row>
    <row r="1158" spans="1:3" x14ac:dyDescent="0.25">
      <c r="A1158" t="s">
        <v>14</v>
      </c>
      <c r="B1158">
        <v>11</v>
      </c>
      <c r="C1158">
        <v>0.5</v>
      </c>
    </row>
    <row r="1159" spans="1:3" x14ac:dyDescent="0.25">
      <c r="A1159" t="s">
        <v>28</v>
      </c>
      <c r="B1159">
        <v>11</v>
      </c>
      <c r="C1159">
        <v>0.55000000000000004</v>
      </c>
    </row>
    <row r="1160" spans="1:3" x14ac:dyDescent="0.25">
      <c r="A1160" t="s">
        <v>28</v>
      </c>
      <c r="B1160">
        <v>11</v>
      </c>
      <c r="C1160">
        <v>0.42</v>
      </c>
    </row>
    <row r="1161" spans="1:3" x14ac:dyDescent="0.25">
      <c r="A1161" t="s">
        <v>28</v>
      </c>
      <c r="B1161">
        <v>11</v>
      </c>
      <c r="C1161">
        <v>0.6</v>
      </c>
    </row>
    <row r="1162" spans="1:3" x14ac:dyDescent="0.25">
      <c r="A1162" t="s">
        <v>16</v>
      </c>
      <c r="B1162">
        <v>11</v>
      </c>
      <c r="C1162">
        <v>0.67</v>
      </c>
    </row>
    <row r="1163" spans="1:3" x14ac:dyDescent="0.25">
      <c r="A1163" t="s">
        <v>16</v>
      </c>
      <c r="B1163">
        <v>11</v>
      </c>
      <c r="C1163">
        <v>0.57999999999999996</v>
      </c>
    </row>
    <row r="1164" spans="1:3" x14ac:dyDescent="0.25">
      <c r="A1164" t="s">
        <v>16</v>
      </c>
      <c r="B1164">
        <v>11</v>
      </c>
      <c r="C1164">
        <v>0.69</v>
      </c>
    </row>
    <row r="1165" spans="1:3" x14ac:dyDescent="0.25">
      <c r="A1165" t="s">
        <v>16</v>
      </c>
      <c r="B1165">
        <v>11</v>
      </c>
      <c r="C1165">
        <v>0.31</v>
      </c>
    </row>
    <row r="1166" spans="1:3" x14ac:dyDescent="0.25">
      <c r="A1166" t="s">
        <v>16</v>
      </c>
      <c r="B1166">
        <v>11</v>
      </c>
      <c r="C1166">
        <v>0.6</v>
      </c>
    </row>
    <row r="1167" spans="1:3" x14ac:dyDescent="0.25">
      <c r="A1167" t="s">
        <v>16</v>
      </c>
      <c r="B1167">
        <v>11</v>
      </c>
      <c r="C1167">
        <v>0.41</v>
      </c>
    </row>
    <row r="1168" spans="1:3" x14ac:dyDescent="0.25">
      <c r="A1168" t="s">
        <v>16</v>
      </c>
      <c r="B1168">
        <v>11</v>
      </c>
      <c r="C1168">
        <v>0.38</v>
      </c>
    </row>
    <row r="1169" spans="1:3" x14ac:dyDescent="0.25">
      <c r="A1169" t="s">
        <v>13</v>
      </c>
      <c r="B1169">
        <v>11</v>
      </c>
      <c r="C1169">
        <v>0.34</v>
      </c>
    </row>
    <row r="1170" spans="1:3" x14ac:dyDescent="0.25">
      <c r="A1170" t="s">
        <v>13</v>
      </c>
      <c r="B1170">
        <v>11</v>
      </c>
      <c r="C1170">
        <v>0.32</v>
      </c>
    </row>
    <row r="1171" spans="1:3" x14ac:dyDescent="0.25">
      <c r="A1171" t="s">
        <v>13</v>
      </c>
      <c r="B1171">
        <v>11</v>
      </c>
      <c r="C1171">
        <v>0.36</v>
      </c>
    </row>
    <row r="1172" spans="1:3" x14ac:dyDescent="0.25">
      <c r="A1172" t="s">
        <v>13</v>
      </c>
      <c r="B1172">
        <v>11</v>
      </c>
      <c r="C1172">
        <v>0.7</v>
      </c>
    </row>
    <row r="1173" spans="1:3" x14ac:dyDescent="0.25">
      <c r="A1173" t="s">
        <v>13</v>
      </c>
      <c r="B1173">
        <v>11</v>
      </c>
      <c r="C1173">
        <v>0.56999999999999995</v>
      </c>
    </row>
    <row r="1174" spans="1:3" x14ac:dyDescent="0.25">
      <c r="A1174" t="s">
        <v>13</v>
      </c>
      <c r="B1174">
        <v>11</v>
      </c>
      <c r="C1174">
        <v>0.34</v>
      </c>
    </row>
    <row r="1175" spans="1:3" x14ac:dyDescent="0.25">
      <c r="A1175" t="s">
        <v>13</v>
      </c>
      <c r="B1175">
        <v>11</v>
      </c>
      <c r="C1175">
        <v>0.65</v>
      </c>
    </row>
    <row r="1176" spans="1:3" x14ac:dyDescent="0.25">
      <c r="A1176" t="s">
        <v>13</v>
      </c>
      <c r="B1176">
        <v>11</v>
      </c>
      <c r="C1176">
        <v>0.69</v>
      </c>
    </row>
    <row r="1177" spans="1:3" x14ac:dyDescent="0.25">
      <c r="A1177" t="s">
        <v>17</v>
      </c>
      <c r="B1177">
        <v>11</v>
      </c>
      <c r="C1177">
        <v>0.28000000000000003</v>
      </c>
    </row>
    <row r="1178" spans="1:3" x14ac:dyDescent="0.25">
      <c r="A1178" t="s">
        <v>17</v>
      </c>
      <c r="B1178">
        <v>11</v>
      </c>
      <c r="C1178">
        <v>0.1</v>
      </c>
    </row>
    <row r="1179" spans="1:3" x14ac:dyDescent="0.25">
      <c r="A1179" t="s">
        <v>17</v>
      </c>
      <c r="B1179">
        <v>11</v>
      </c>
      <c r="C1179">
        <v>0.13</v>
      </c>
    </row>
    <row r="1180" spans="1:3" x14ac:dyDescent="0.25">
      <c r="A1180" t="s">
        <v>17</v>
      </c>
      <c r="B1180">
        <v>11</v>
      </c>
      <c r="C1180">
        <v>0.1</v>
      </c>
    </row>
    <row r="1181" spans="1:3" x14ac:dyDescent="0.25">
      <c r="A1181" t="s">
        <v>17</v>
      </c>
      <c r="B1181">
        <v>11</v>
      </c>
      <c r="C1181">
        <v>0.28000000000000003</v>
      </c>
    </row>
    <row r="1182" spans="1:3" x14ac:dyDescent="0.25">
      <c r="A1182" t="s">
        <v>17</v>
      </c>
      <c r="B1182">
        <v>11</v>
      </c>
      <c r="C1182">
        <v>0.14000000000000001</v>
      </c>
    </row>
    <row r="1183" spans="1:3" x14ac:dyDescent="0.25">
      <c r="A1183" t="s">
        <v>27</v>
      </c>
      <c r="B1183">
        <v>11</v>
      </c>
      <c r="C1183">
        <v>0.84</v>
      </c>
    </row>
    <row r="1184" spans="1:3" x14ac:dyDescent="0.25">
      <c r="A1184" t="s">
        <v>27</v>
      </c>
      <c r="B1184">
        <v>11</v>
      </c>
      <c r="C1184">
        <v>0.72</v>
      </c>
    </row>
    <row r="1185" spans="1:3" x14ac:dyDescent="0.25">
      <c r="A1185" t="s">
        <v>27</v>
      </c>
      <c r="B1185">
        <v>11</v>
      </c>
      <c r="C1185">
        <v>0.88</v>
      </c>
    </row>
    <row r="1186" spans="1:3" x14ac:dyDescent="0.25">
      <c r="A1186" t="s">
        <v>27</v>
      </c>
      <c r="B1186">
        <v>11</v>
      </c>
      <c r="C1186">
        <v>0.71</v>
      </c>
    </row>
    <row r="1187" spans="1:3" x14ac:dyDescent="0.25">
      <c r="A1187" t="s">
        <v>9</v>
      </c>
      <c r="B1187">
        <v>11</v>
      </c>
      <c r="C1187">
        <v>0.19</v>
      </c>
    </row>
    <row r="1188" spans="1:3" x14ac:dyDescent="0.25">
      <c r="A1188" t="s">
        <v>9</v>
      </c>
      <c r="B1188">
        <v>11</v>
      </c>
      <c r="C1188">
        <v>0.28999999999999998</v>
      </c>
    </row>
    <row r="1189" spans="1:3" x14ac:dyDescent="0.25">
      <c r="A1189" t="s">
        <v>9</v>
      </c>
      <c r="B1189">
        <v>11</v>
      </c>
      <c r="C1189">
        <v>0.18</v>
      </c>
    </row>
    <row r="1190" spans="1:3" x14ac:dyDescent="0.25">
      <c r="A1190" t="s">
        <v>9</v>
      </c>
      <c r="B1190">
        <v>11</v>
      </c>
      <c r="C1190">
        <v>0.06</v>
      </c>
    </row>
    <row r="1191" spans="1:3" x14ac:dyDescent="0.25">
      <c r="A1191" t="s">
        <v>9</v>
      </c>
      <c r="B1191">
        <v>11</v>
      </c>
      <c r="C1191">
        <v>0.17</v>
      </c>
    </row>
    <row r="1192" spans="1:3" x14ac:dyDescent="0.25">
      <c r="A1192" t="s">
        <v>9</v>
      </c>
      <c r="B1192">
        <v>11</v>
      </c>
      <c r="C1192">
        <v>0.08</v>
      </c>
    </row>
    <row r="1193" spans="1:3" x14ac:dyDescent="0.25">
      <c r="A1193" t="s">
        <v>9</v>
      </c>
      <c r="B1193">
        <v>11</v>
      </c>
      <c r="C1193">
        <v>0.28999999999999998</v>
      </c>
    </row>
    <row r="1194" spans="1:3" x14ac:dyDescent="0.25">
      <c r="A1194" t="s">
        <v>9</v>
      </c>
      <c r="B1194">
        <v>11</v>
      </c>
      <c r="C1194">
        <v>7.0000000000000007E-2</v>
      </c>
    </row>
    <row r="1195" spans="1:3" x14ac:dyDescent="0.25">
      <c r="A1195" t="s">
        <v>9</v>
      </c>
      <c r="B1195">
        <v>11</v>
      </c>
      <c r="C1195">
        <v>0.12</v>
      </c>
    </row>
    <row r="1196" spans="1:3" x14ac:dyDescent="0.25">
      <c r="A1196" t="s">
        <v>20</v>
      </c>
      <c r="B1196">
        <v>11</v>
      </c>
      <c r="C1196">
        <v>0.61</v>
      </c>
    </row>
    <row r="1197" spans="1:3" x14ac:dyDescent="0.25">
      <c r="A1197" t="s">
        <v>19</v>
      </c>
      <c r="B1197">
        <v>11</v>
      </c>
      <c r="C1197">
        <v>0.88</v>
      </c>
    </row>
    <row r="1198" spans="1:3" x14ac:dyDescent="0.25">
      <c r="A1198" t="s">
        <v>19</v>
      </c>
      <c r="B1198">
        <v>11</v>
      </c>
      <c r="C1198">
        <v>0.84</v>
      </c>
    </row>
    <row r="1199" spans="1:3" x14ac:dyDescent="0.25">
      <c r="A1199" t="s">
        <v>19</v>
      </c>
      <c r="B1199">
        <v>11</v>
      </c>
      <c r="C1199">
        <v>0.81</v>
      </c>
    </row>
    <row r="1200" spans="1:3" x14ac:dyDescent="0.25">
      <c r="A1200" t="s">
        <v>19</v>
      </c>
      <c r="B1200">
        <v>11</v>
      </c>
      <c r="C1200">
        <v>0.78</v>
      </c>
    </row>
    <row r="1201" spans="1:3" x14ac:dyDescent="0.25">
      <c r="A1201" t="s">
        <v>19</v>
      </c>
      <c r="B1201">
        <v>11</v>
      </c>
      <c r="C1201">
        <v>0.86</v>
      </c>
    </row>
    <row r="1202" spans="1:3" x14ac:dyDescent="0.25">
      <c r="A1202" t="s">
        <v>19</v>
      </c>
      <c r="B1202">
        <v>11</v>
      </c>
      <c r="C1202">
        <v>0.85</v>
      </c>
    </row>
    <row r="1203" spans="1:3" x14ac:dyDescent="0.25">
      <c r="A1203" t="s">
        <v>22</v>
      </c>
      <c r="B1203">
        <v>12</v>
      </c>
      <c r="C1203">
        <v>0.46</v>
      </c>
    </row>
    <row r="1204" spans="1:3" x14ac:dyDescent="0.25">
      <c r="A1204" t="s">
        <v>22</v>
      </c>
      <c r="B1204">
        <v>12</v>
      </c>
      <c r="C1204">
        <v>0.62</v>
      </c>
    </row>
    <row r="1205" spans="1:3" x14ac:dyDescent="0.25">
      <c r="A1205" t="s">
        <v>22</v>
      </c>
      <c r="B1205">
        <v>12</v>
      </c>
      <c r="C1205">
        <v>0.68</v>
      </c>
    </row>
    <row r="1206" spans="1:3" x14ac:dyDescent="0.25">
      <c r="A1206" t="s">
        <v>22</v>
      </c>
      <c r="B1206">
        <v>12</v>
      </c>
      <c r="C1206">
        <v>0.38</v>
      </c>
    </row>
    <row r="1207" spans="1:3" x14ac:dyDescent="0.25">
      <c r="A1207" t="s">
        <v>22</v>
      </c>
      <c r="B1207">
        <v>12</v>
      </c>
      <c r="C1207">
        <v>0.67</v>
      </c>
    </row>
    <row r="1208" spans="1:3" x14ac:dyDescent="0.25">
      <c r="A1208" t="s">
        <v>22</v>
      </c>
      <c r="B1208">
        <v>12</v>
      </c>
      <c r="C1208">
        <v>0.61</v>
      </c>
    </row>
    <row r="1209" spans="1:3" x14ac:dyDescent="0.25">
      <c r="A1209" t="s">
        <v>29</v>
      </c>
      <c r="B1209">
        <v>12</v>
      </c>
      <c r="C1209">
        <v>0.16</v>
      </c>
    </row>
    <row r="1210" spans="1:3" x14ac:dyDescent="0.25">
      <c r="A1210" t="s">
        <v>29</v>
      </c>
      <c r="B1210">
        <v>12</v>
      </c>
      <c r="C1210">
        <v>0.06</v>
      </c>
    </row>
    <row r="1211" spans="1:3" x14ac:dyDescent="0.25">
      <c r="A1211" t="s">
        <v>29</v>
      </c>
      <c r="B1211">
        <v>12</v>
      </c>
      <c r="C1211">
        <v>0.16</v>
      </c>
    </row>
    <row r="1212" spans="1:3" x14ac:dyDescent="0.25">
      <c r="A1212" t="s">
        <v>29</v>
      </c>
      <c r="B1212">
        <v>12</v>
      </c>
      <c r="C1212">
        <v>0.28999999999999998</v>
      </c>
    </row>
    <row r="1213" spans="1:3" x14ac:dyDescent="0.25">
      <c r="A1213" t="s">
        <v>7</v>
      </c>
      <c r="B1213">
        <v>12</v>
      </c>
      <c r="C1213">
        <v>0.9</v>
      </c>
    </row>
    <row r="1214" spans="1:3" x14ac:dyDescent="0.25">
      <c r="A1214" t="s">
        <v>7</v>
      </c>
      <c r="B1214">
        <v>12</v>
      </c>
      <c r="C1214">
        <v>0.84</v>
      </c>
    </row>
    <row r="1215" spans="1:3" x14ac:dyDescent="0.25">
      <c r="A1215" t="s">
        <v>11</v>
      </c>
      <c r="B1215">
        <v>12</v>
      </c>
      <c r="C1215">
        <v>0.88</v>
      </c>
    </row>
    <row r="1216" spans="1:3" x14ac:dyDescent="0.25">
      <c r="A1216" t="s">
        <v>11</v>
      </c>
      <c r="B1216">
        <v>12</v>
      </c>
      <c r="C1216">
        <v>0.83</v>
      </c>
    </row>
    <row r="1217" spans="1:3" x14ac:dyDescent="0.25">
      <c r="A1217" t="s">
        <v>11</v>
      </c>
      <c r="B1217">
        <v>12</v>
      </c>
      <c r="C1217">
        <v>0.75</v>
      </c>
    </row>
    <row r="1218" spans="1:3" x14ac:dyDescent="0.25">
      <c r="A1218" t="s">
        <v>11</v>
      </c>
      <c r="B1218">
        <v>12</v>
      </c>
      <c r="C1218">
        <v>0.93</v>
      </c>
    </row>
    <row r="1219" spans="1:3" x14ac:dyDescent="0.25">
      <c r="A1219" t="s">
        <v>11</v>
      </c>
      <c r="B1219">
        <v>12</v>
      </c>
      <c r="C1219">
        <v>0.81</v>
      </c>
    </row>
    <row r="1220" spans="1:3" x14ac:dyDescent="0.25">
      <c r="A1220" t="s">
        <v>23</v>
      </c>
      <c r="B1220">
        <v>12</v>
      </c>
      <c r="C1220">
        <v>0.68</v>
      </c>
    </row>
    <row r="1221" spans="1:3" x14ac:dyDescent="0.25">
      <c r="A1221" t="s">
        <v>23</v>
      </c>
      <c r="B1221">
        <v>12</v>
      </c>
      <c r="C1221">
        <v>0.41</v>
      </c>
    </row>
    <row r="1222" spans="1:3" x14ac:dyDescent="0.25">
      <c r="A1222" t="s">
        <v>23</v>
      </c>
      <c r="B1222">
        <v>12</v>
      </c>
      <c r="C1222">
        <v>0.64</v>
      </c>
    </row>
    <row r="1223" spans="1:3" x14ac:dyDescent="0.25">
      <c r="A1223" t="s">
        <v>23</v>
      </c>
      <c r="B1223">
        <v>12</v>
      </c>
      <c r="C1223">
        <v>0.3</v>
      </c>
    </row>
    <row r="1224" spans="1:3" x14ac:dyDescent="0.25">
      <c r="A1224" t="s">
        <v>23</v>
      </c>
      <c r="B1224">
        <v>12</v>
      </c>
      <c r="C1224">
        <v>0.44</v>
      </c>
    </row>
    <row r="1225" spans="1:3" x14ac:dyDescent="0.25">
      <c r="A1225" t="s">
        <v>18</v>
      </c>
      <c r="B1225">
        <v>12</v>
      </c>
      <c r="C1225">
        <v>0.48</v>
      </c>
    </row>
    <row r="1226" spans="1:3" x14ac:dyDescent="0.25">
      <c r="A1226" t="s">
        <v>18</v>
      </c>
      <c r="B1226">
        <v>12</v>
      </c>
      <c r="C1226">
        <v>0.33</v>
      </c>
    </row>
    <row r="1227" spans="1:3" x14ac:dyDescent="0.25">
      <c r="A1227" t="s">
        <v>18</v>
      </c>
      <c r="B1227">
        <v>12</v>
      </c>
      <c r="C1227">
        <v>0.56999999999999995</v>
      </c>
    </row>
    <row r="1228" spans="1:3" x14ac:dyDescent="0.25">
      <c r="A1228" t="s">
        <v>21</v>
      </c>
      <c r="B1228">
        <v>12</v>
      </c>
      <c r="C1228">
        <v>0.64</v>
      </c>
    </row>
    <row r="1229" spans="1:3" x14ac:dyDescent="0.25">
      <c r="A1229" t="s">
        <v>21</v>
      </c>
      <c r="B1229">
        <v>12</v>
      </c>
      <c r="C1229">
        <v>0.4</v>
      </c>
    </row>
    <row r="1230" spans="1:3" x14ac:dyDescent="0.25">
      <c r="A1230" t="s">
        <v>21</v>
      </c>
      <c r="B1230">
        <v>12</v>
      </c>
      <c r="C1230">
        <v>0.44</v>
      </c>
    </row>
    <row r="1231" spans="1:3" x14ac:dyDescent="0.25">
      <c r="A1231" t="s">
        <v>25</v>
      </c>
      <c r="B1231">
        <v>12</v>
      </c>
      <c r="C1231">
        <v>0.71</v>
      </c>
    </row>
    <row r="1232" spans="1:3" x14ac:dyDescent="0.25">
      <c r="A1232" t="s">
        <v>25</v>
      </c>
      <c r="B1232">
        <v>12</v>
      </c>
      <c r="C1232">
        <v>0.76</v>
      </c>
    </row>
    <row r="1233" spans="1:3" x14ac:dyDescent="0.25">
      <c r="A1233" t="s">
        <v>25</v>
      </c>
      <c r="B1233">
        <v>12</v>
      </c>
      <c r="C1233">
        <v>0.7</v>
      </c>
    </row>
    <row r="1234" spans="1:3" x14ac:dyDescent="0.25">
      <c r="A1234" t="s">
        <v>25</v>
      </c>
      <c r="B1234">
        <v>12</v>
      </c>
      <c r="C1234">
        <v>0.86</v>
      </c>
    </row>
    <row r="1235" spans="1:3" x14ac:dyDescent="0.25">
      <c r="A1235" t="s">
        <v>25</v>
      </c>
      <c r="B1235">
        <v>12</v>
      </c>
      <c r="C1235">
        <v>0.76</v>
      </c>
    </row>
    <row r="1236" spans="1:3" x14ac:dyDescent="0.25">
      <c r="A1236" t="s">
        <v>25</v>
      </c>
      <c r="B1236">
        <v>12</v>
      </c>
      <c r="C1236">
        <v>0.8</v>
      </c>
    </row>
    <row r="1237" spans="1:3" x14ac:dyDescent="0.25">
      <c r="A1237" t="s">
        <v>25</v>
      </c>
      <c r="B1237">
        <v>12</v>
      </c>
      <c r="C1237">
        <v>0.88</v>
      </c>
    </row>
    <row r="1238" spans="1:3" x14ac:dyDescent="0.25">
      <c r="A1238" t="s">
        <v>30</v>
      </c>
      <c r="B1238">
        <v>12</v>
      </c>
      <c r="C1238">
        <v>0.55000000000000004</v>
      </c>
    </row>
    <row r="1239" spans="1:3" x14ac:dyDescent="0.25">
      <c r="A1239" t="s">
        <v>30</v>
      </c>
      <c r="B1239">
        <v>12</v>
      </c>
      <c r="C1239">
        <v>0.42</v>
      </c>
    </row>
    <row r="1240" spans="1:3" x14ac:dyDescent="0.25">
      <c r="A1240" t="s">
        <v>30</v>
      </c>
      <c r="B1240">
        <v>12</v>
      </c>
      <c r="C1240">
        <v>0.4</v>
      </c>
    </row>
    <row r="1241" spans="1:3" x14ac:dyDescent="0.25">
      <c r="A1241" t="s">
        <v>30</v>
      </c>
      <c r="B1241">
        <v>12</v>
      </c>
      <c r="C1241">
        <v>0.52</v>
      </c>
    </row>
    <row r="1242" spans="1:3" x14ac:dyDescent="0.25">
      <c r="A1242" t="s">
        <v>30</v>
      </c>
      <c r="B1242">
        <v>12</v>
      </c>
      <c r="C1242">
        <v>0.36</v>
      </c>
    </row>
    <row r="1243" spans="1:3" x14ac:dyDescent="0.25">
      <c r="A1243" t="s">
        <v>15</v>
      </c>
      <c r="B1243">
        <v>12</v>
      </c>
      <c r="C1243">
        <v>0.16</v>
      </c>
    </row>
    <row r="1244" spans="1:3" x14ac:dyDescent="0.25">
      <c r="A1244" t="s">
        <v>15</v>
      </c>
      <c r="B1244">
        <v>12</v>
      </c>
      <c r="C1244">
        <v>0.14000000000000001</v>
      </c>
    </row>
    <row r="1245" spans="1:3" x14ac:dyDescent="0.25">
      <c r="A1245" t="s">
        <v>15</v>
      </c>
      <c r="B1245">
        <v>12</v>
      </c>
      <c r="C1245">
        <v>0.24</v>
      </c>
    </row>
    <row r="1246" spans="1:3" x14ac:dyDescent="0.25">
      <c r="A1246" t="s">
        <v>15</v>
      </c>
      <c r="B1246">
        <v>12</v>
      </c>
      <c r="C1246">
        <v>0.25</v>
      </c>
    </row>
    <row r="1247" spans="1:3" x14ac:dyDescent="0.25">
      <c r="A1247" t="s">
        <v>15</v>
      </c>
      <c r="B1247">
        <v>12</v>
      </c>
      <c r="C1247">
        <v>0.15</v>
      </c>
    </row>
    <row r="1248" spans="1:3" x14ac:dyDescent="0.25">
      <c r="A1248" t="s">
        <v>15</v>
      </c>
      <c r="B1248">
        <v>12</v>
      </c>
      <c r="C1248">
        <v>0.25</v>
      </c>
    </row>
    <row r="1249" spans="1:3" x14ac:dyDescent="0.25">
      <c r="A1249" t="s">
        <v>15</v>
      </c>
      <c r="B1249">
        <v>12</v>
      </c>
      <c r="C1249">
        <v>0.17</v>
      </c>
    </row>
    <row r="1250" spans="1:3" x14ac:dyDescent="0.25">
      <c r="A1250" t="s">
        <v>15</v>
      </c>
      <c r="B1250">
        <v>12</v>
      </c>
      <c r="C1250">
        <v>0.12</v>
      </c>
    </row>
    <row r="1251" spans="1:3" x14ac:dyDescent="0.25">
      <c r="A1251" t="s">
        <v>26</v>
      </c>
      <c r="B1251">
        <v>12</v>
      </c>
      <c r="C1251">
        <v>0.15</v>
      </c>
    </row>
    <row r="1252" spans="1:3" x14ac:dyDescent="0.25">
      <c r="A1252" t="s">
        <v>26</v>
      </c>
      <c r="B1252">
        <v>12</v>
      </c>
      <c r="C1252">
        <v>0.1</v>
      </c>
    </row>
    <row r="1253" spans="1:3" x14ac:dyDescent="0.25">
      <c r="A1253" t="s">
        <v>26</v>
      </c>
      <c r="B1253">
        <v>12</v>
      </c>
      <c r="C1253">
        <v>0.14000000000000001</v>
      </c>
    </row>
    <row r="1254" spans="1:3" x14ac:dyDescent="0.25">
      <c r="A1254" t="s">
        <v>14</v>
      </c>
      <c r="B1254">
        <v>12</v>
      </c>
      <c r="C1254">
        <v>0.63</v>
      </c>
    </row>
    <row r="1255" spans="1:3" x14ac:dyDescent="0.25">
      <c r="A1255" t="s">
        <v>14</v>
      </c>
      <c r="B1255">
        <v>12</v>
      </c>
      <c r="C1255">
        <v>0.35</v>
      </c>
    </row>
    <row r="1256" spans="1:3" x14ac:dyDescent="0.25">
      <c r="A1256" t="s">
        <v>14</v>
      </c>
      <c r="B1256">
        <v>12</v>
      </c>
      <c r="C1256">
        <v>0.44</v>
      </c>
    </row>
    <row r="1257" spans="1:3" x14ac:dyDescent="0.25">
      <c r="A1257" t="s">
        <v>28</v>
      </c>
      <c r="B1257">
        <v>12</v>
      </c>
      <c r="C1257">
        <v>0.45</v>
      </c>
    </row>
    <row r="1258" spans="1:3" x14ac:dyDescent="0.25">
      <c r="A1258" t="s">
        <v>28</v>
      </c>
      <c r="B1258">
        <v>12</v>
      </c>
      <c r="C1258">
        <v>0.55000000000000004</v>
      </c>
    </row>
    <row r="1259" spans="1:3" x14ac:dyDescent="0.25">
      <c r="A1259" t="s">
        <v>28</v>
      </c>
      <c r="B1259">
        <v>12</v>
      </c>
      <c r="C1259">
        <v>0.45</v>
      </c>
    </row>
    <row r="1260" spans="1:3" x14ac:dyDescent="0.25">
      <c r="A1260" t="s">
        <v>28</v>
      </c>
      <c r="B1260">
        <v>12</v>
      </c>
      <c r="C1260">
        <v>0.67</v>
      </c>
    </row>
    <row r="1261" spans="1:3" x14ac:dyDescent="0.25">
      <c r="A1261" t="s">
        <v>28</v>
      </c>
      <c r="B1261">
        <v>12</v>
      </c>
      <c r="C1261">
        <v>0.41</v>
      </c>
    </row>
    <row r="1262" spans="1:3" x14ac:dyDescent="0.25">
      <c r="A1262" t="s">
        <v>16</v>
      </c>
      <c r="B1262">
        <v>12</v>
      </c>
      <c r="C1262">
        <v>0.34</v>
      </c>
    </row>
    <row r="1263" spans="1:3" x14ac:dyDescent="0.25">
      <c r="A1263" t="s">
        <v>16</v>
      </c>
      <c r="B1263">
        <v>12</v>
      </c>
      <c r="C1263">
        <v>0.46</v>
      </c>
    </row>
    <row r="1264" spans="1:3" x14ac:dyDescent="0.25">
      <c r="A1264" t="s">
        <v>16</v>
      </c>
      <c r="B1264">
        <v>12</v>
      </c>
      <c r="C1264">
        <v>0.35</v>
      </c>
    </row>
    <row r="1265" spans="1:3" x14ac:dyDescent="0.25">
      <c r="A1265" t="s">
        <v>16</v>
      </c>
      <c r="B1265">
        <v>12</v>
      </c>
      <c r="C1265">
        <v>0.39</v>
      </c>
    </row>
    <row r="1266" spans="1:3" x14ac:dyDescent="0.25">
      <c r="A1266" t="s">
        <v>16</v>
      </c>
      <c r="B1266">
        <v>12</v>
      </c>
      <c r="C1266">
        <v>0.5</v>
      </c>
    </row>
    <row r="1267" spans="1:3" x14ac:dyDescent="0.25">
      <c r="A1267" t="s">
        <v>13</v>
      </c>
      <c r="B1267">
        <v>12</v>
      </c>
      <c r="C1267">
        <v>0.56000000000000005</v>
      </c>
    </row>
    <row r="1268" spans="1:3" x14ac:dyDescent="0.25">
      <c r="A1268" t="s">
        <v>13</v>
      </c>
      <c r="B1268">
        <v>12</v>
      </c>
      <c r="C1268">
        <v>0.42</v>
      </c>
    </row>
    <row r="1269" spans="1:3" x14ac:dyDescent="0.25">
      <c r="A1269" t="s">
        <v>13</v>
      </c>
      <c r="B1269">
        <v>12</v>
      </c>
      <c r="C1269">
        <v>0.69</v>
      </c>
    </row>
    <row r="1270" spans="1:3" x14ac:dyDescent="0.25">
      <c r="A1270" t="s">
        <v>13</v>
      </c>
      <c r="B1270">
        <v>12</v>
      </c>
      <c r="C1270">
        <v>0.51</v>
      </c>
    </row>
    <row r="1271" spans="1:3" x14ac:dyDescent="0.25">
      <c r="A1271" t="s">
        <v>13</v>
      </c>
      <c r="B1271">
        <v>12</v>
      </c>
      <c r="C1271">
        <v>0.6</v>
      </c>
    </row>
    <row r="1272" spans="1:3" x14ac:dyDescent="0.25">
      <c r="A1272" t="s">
        <v>13</v>
      </c>
      <c r="B1272">
        <v>12</v>
      </c>
      <c r="C1272">
        <v>0.67</v>
      </c>
    </row>
    <row r="1273" spans="1:3" x14ac:dyDescent="0.25">
      <c r="A1273" t="s">
        <v>17</v>
      </c>
      <c r="B1273">
        <v>12</v>
      </c>
      <c r="C1273">
        <v>0.17</v>
      </c>
    </row>
    <row r="1274" spans="1:3" x14ac:dyDescent="0.25">
      <c r="A1274" t="s">
        <v>17</v>
      </c>
      <c r="B1274">
        <v>12</v>
      </c>
      <c r="C1274">
        <v>0.14000000000000001</v>
      </c>
    </row>
    <row r="1275" spans="1:3" x14ac:dyDescent="0.25">
      <c r="A1275" t="s">
        <v>17</v>
      </c>
      <c r="B1275">
        <v>12</v>
      </c>
      <c r="C1275">
        <v>0.28000000000000003</v>
      </c>
    </row>
    <row r="1276" spans="1:3" x14ac:dyDescent="0.25">
      <c r="A1276" t="s">
        <v>17</v>
      </c>
      <c r="B1276">
        <v>12</v>
      </c>
      <c r="C1276">
        <v>0.2</v>
      </c>
    </row>
    <row r="1277" spans="1:3" x14ac:dyDescent="0.25">
      <c r="A1277" t="s">
        <v>17</v>
      </c>
      <c r="B1277">
        <v>12</v>
      </c>
      <c r="C1277">
        <v>0.19</v>
      </c>
    </row>
    <row r="1278" spans="1:3" x14ac:dyDescent="0.25">
      <c r="A1278" t="s">
        <v>17</v>
      </c>
      <c r="B1278">
        <v>12</v>
      </c>
      <c r="C1278">
        <v>0.28000000000000003</v>
      </c>
    </row>
    <row r="1279" spans="1:3" x14ac:dyDescent="0.25">
      <c r="A1279" t="s">
        <v>17</v>
      </c>
      <c r="B1279">
        <v>12</v>
      </c>
      <c r="C1279">
        <v>0.28999999999999998</v>
      </c>
    </row>
    <row r="1280" spans="1:3" x14ac:dyDescent="0.25">
      <c r="A1280" t="s">
        <v>27</v>
      </c>
      <c r="B1280">
        <v>12</v>
      </c>
      <c r="C1280">
        <v>0.84</v>
      </c>
    </row>
    <row r="1281" spans="1:3" x14ac:dyDescent="0.25">
      <c r="A1281" t="s">
        <v>27</v>
      </c>
      <c r="B1281">
        <v>12</v>
      </c>
      <c r="C1281">
        <v>0.89</v>
      </c>
    </row>
    <row r="1282" spans="1:3" x14ac:dyDescent="0.25">
      <c r="A1282" t="s">
        <v>27</v>
      </c>
      <c r="B1282">
        <v>12</v>
      </c>
      <c r="C1282">
        <v>0.88</v>
      </c>
    </row>
    <row r="1283" spans="1:3" x14ac:dyDescent="0.25">
      <c r="A1283" t="s">
        <v>9</v>
      </c>
      <c r="B1283">
        <v>12</v>
      </c>
      <c r="C1283">
        <v>0.3</v>
      </c>
    </row>
    <row r="1284" spans="1:3" x14ac:dyDescent="0.25">
      <c r="A1284" t="s">
        <v>9</v>
      </c>
      <c r="B1284">
        <v>12</v>
      </c>
      <c r="C1284">
        <v>0.11</v>
      </c>
    </row>
    <row r="1285" spans="1:3" x14ac:dyDescent="0.25">
      <c r="A1285" t="s">
        <v>9</v>
      </c>
      <c r="B1285">
        <v>12</v>
      </c>
      <c r="C1285">
        <v>0.12</v>
      </c>
    </row>
    <row r="1286" spans="1:3" x14ac:dyDescent="0.25">
      <c r="A1286" t="s">
        <v>9</v>
      </c>
      <c r="B1286">
        <v>12</v>
      </c>
      <c r="C1286">
        <v>7.0000000000000007E-2</v>
      </c>
    </row>
    <row r="1287" spans="1:3" x14ac:dyDescent="0.25">
      <c r="A1287" t="s">
        <v>20</v>
      </c>
      <c r="B1287">
        <v>12</v>
      </c>
      <c r="C1287">
        <v>0.39</v>
      </c>
    </row>
    <row r="1288" spans="1:3" x14ac:dyDescent="0.25">
      <c r="A1288" t="s">
        <v>20</v>
      </c>
      <c r="B1288">
        <v>12</v>
      </c>
      <c r="C1288">
        <v>0.37</v>
      </c>
    </row>
    <row r="1289" spans="1:3" x14ac:dyDescent="0.25">
      <c r="A1289" t="s">
        <v>20</v>
      </c>
      <c r="B1289">
        <v>12</v>
      </c>
      <c r="C1289">
        <v>0.62</v>
      </c>
    </row>
    <row r="1290" spans="1:3" x14ac:dyDescent="0.25">
      <c r="A1290" t="s">
        <v>19</v>
      </c>
      <c r="B1290">
        <v>12</v>
      </c>
      <c r="C1290">
        <v>0.85</v>
      </c>
    </row>
    <row r="1291" spans="1:3" x14ac:dyDescent="0.25">
      <c r="A1291" t="s">
        <v>19</v>
      </c>
      <c r="B1291">
        <v>12</v>
      </c>
      <c r="C1291">
        <v>0.75</v>
      </c>
    </row>
    <row r="1292" spans="1:3" x14ac:dyDescent="0.25">
      <c r="A1292" t="s">
        <v>19</v>
      </c>
      <c r="B1292">
        <v>12</v>
      </c>
      <c r="C1292">
        <v>0.94</v>
      </c>
    </row>
    <row r="1293" spans="1:3" x14ac:dyDescent="0.25">
      <c r="A1293" t="s">
        <v>19</v>
      </c>
      <c r="B1293">
        <v>12</v>
      </c>
      <c r="C1293">
        <v>0.95</v>
      </c>
    </row>
    <row r="1294" spans="1:3" x14ac:dyDescent="0.25">
      <c r="A1294" t="s">
        <v>22</v>
      </c>
      <c r="B1294">
        <v>13</v>
      </c>
      <c r="C1294">
        <v>0.38</v>
      </c>
    </row>
    <row r="1295" spans="1:3" x14ac:dyDescent="0.25">
      <c r="A1295" t="s">
        <v>22</v>
      </c>
      <c r="B1295">
        <v>13</v>
      </c>
      <c r="C1295">
        <v>0.31</v>
      </c>
    </row>
    <row r="1296" spans="1:3" x14ac:dyDescent="0.25">
      <c r="A1296" t="s">
        <v>22</v>
      </c>
      <c r="B1296">
        <v>13</v>
      </c>
      <c r="C1296">
        <v>0.35</v>
      </c>
    </row>
    <row r="1297" spans="1:3" x14ac:dyDescent="0.25">
      <c r="A1297" t="s">
        <v>22</v>
      </c>
      <c r="B1297">
        <v>13</v>
      </c>
      <c r="C1297">
        <v>0.65</v>
      </c>
    </row>
    <row r="1298" spans="1:3" x14ac:dyDescent="0.25">
      <c r="A1298" t="s">
        <v>22</v>
      </c>
      <c r="B1298">
        <v>13</v>
      </c>
      <c r="C1298">
        <v>0.56000000000000005</v>
      </c>
    </row>
    <row r="1299" spans="1:3" x14ac:dyDescent="0.25">
      <c r="A1299" t="s">
        <v>22</v>
      </c>
      <c r="B1299">
        <v>13</v>
      </c>
      <c r="C1299">
        <v>0.69</v>
      </c>
    </row>
    <row r="1300" spans="1:3" x14ac:dyDescent="0.25">
      <c r="A1300" t="s">
        <v>22</v>
      </c>
      <c r="B1300">
        <v>13</v>
      </c>
      <c r="C1300">
        <v>0.67</v>
      </c>
    </row>
    <row r="1301" spans="1:3" x14ac:dyDescent="0.25">
      <c r="A1301" t="s">
        <v>29</v>
      </c>
      <c r="B1301">
        <v>13</v>
      </c>
      <c r="C1301">
        <v>0.25</v>
      </c>
    </row>
    <row r="1302" spans="1:3" x14ac:dyDescent="0.25">
      <c r="A1302" t="s">
        <v>29</v>
      </c>
      <c r="B1302">
        <v>13</v>
      </c>
      <c r="C1302">
        <v>0.14000000000000001</v>
      </c>
    </row>
    <row r="1303" spans="1:3" x14ac:dyDescent="0.25">
      <c r="A1303" t="s">
        <v>29</v>
      </c>
      <c r="B1303">
        <v>13</v>
      </c>
      <c r="C1303">
        <v>0.19</v>
      </c>
    </row>
    <row r="1304" spans="1:3" x14ac:dyDescent="0.25">
      <c r="A1304" t="s">
        <v>29</v>
      </c>
      <c r="B1304">
        <v>13</v>
      </c>
      <c r="C1304">
        <v>0.2</v>
      </c>
    </row>
    <row r="1305" spans="1:3" x14ac:dyDescent="0.25">
      <c r="A1305" t="s">
        <v>29</v>
      </c>
      <c r="B1305">
        <v>13</v>
      </c>
      <c r="C1305">
        <v>0.18</v>
      </c>
    </row>
    <row r="1306" spans="1:3" x14ac:dyDescent="0.25">
      <c r="A1306" t="s">
        <v>7</v>
      </c>
      <c r="B1306">
        <v>13</v>
      </c>
      <c r="C1306">
        <v>0.84</v>
      </c>
    </row>
    <row r="1307" spans="1:3" x14ac:dyDescent="0.25">
      <c r="A1307" t="s">
        <v>7</v>
      </c>
      <c r="B1307">
        <v>13</v>
      </c>
      <c r="C1307">
        <v>0.83</v>
      </c>
    </row>
    <row r="1308" spans="1:3" x14ac:dyDescent="0.25">
      <c r="A1308" t="s">
        <v>7</v>
      </c>
      <c r="B1308">
        <v>13</v>
      </c>
      <c r="C1308">
        <v>0.93</v>
      </c>
    </row>
    <row r="1309" spans="1:3" x14ac:dyDescent="0.25">
      <c r="A1309" t="s">
        <v>7</v>
      </c>
      <c r="B1309">
        <v>13</v>
      </c>
      <c r="C1309">
        <v>0.85</v>
      </c>
    </row>
    <row r="1310" spans="1:3" x14ac:dyDescent="0.25">
      <c r="A1310" t="s">
        <v>11</v>
      </c>
      <c r="B1310">
        <v>13</v>
      </c>
      <c r="C1310">
        <v>0.88</v>
      </c>
    </row>
    <row r="1311" spans="1:3" x14ac:dyDescent="0.25">
      <c r="A1311" t="s">
        <v>11</v>
      </c>
      <c r="B1311">
        <v>13</v>
      </c>
      <c r="C1311">
        <v>0.78</v>
      </c>
    </row>
    <row r="1312" spans="1:3" x14ac:dyDescent="0.25">
      <c r="A1312" t="s">
        <v>11</v>
      </c>
      <c r="B1312">
        <v>13</v>
      </c>
      <c r="C1312">
        <v>0.86</v>
      </c>
    </row>
    <row r="1313" spans="1:3" x14ac:dyDescent="0.25">
      <c r="A1313" t="s">
        <v>11</v>
      </c>
      <c r="B1313">
        <v>13</v>
      </c>
      <c r="C1313">
        <v>0.73</v>
      </c>
    </row>
    <row r="1314" spans="1:3" x14ac:dyDescent="0.25">
      <c r="A1314" t="s">
        <v>11</v>
      </c>
      <c r="B1314">
        <v>13</v>
      </c>
      <c r="C1314">
        <v>0.72</v>
      </c>
    </row>
    <row r="1315" spans="1:3" x14ac:dyDescent="0.25">
      <c r="A1315" t="s">
        <v>23</v>
      </c>
      <c r="B1315">
        <v>13</v>
      </c>
      <c r="C1315">
        <v>0.36</v>
      </c>
    </row>
    <row r="1316" spans="1:3" x14ac:dyDescent="0.25">
      <c r="A1316" t="s">
        <v>23</v>
      </c>
      <c r="B1316">
        <v>13</v>
      </c>
      <c r="C1316">
        <v>0.68</v>
      </c>
    </row>
    <row r="1317" spans="1:3" x14ac:dyDescent="0.25">
      <c r="A1317" t="s">
        <v>23</v>
      </c>
      <c r="B1317">
        <v>13</v>
      </c>
      <c r="C1317">
        <v>0.68</v>
      </c>
    </row>
    <row r="1318" spans="1:3" x14ac:dyDescent="0.25">
      <c r="A1318" t="s">
        <v>23</v>
      </c>
      <c r="B1318">
        <v>13</v>
      </c>
      <c r="C1318">
        <v>0.53</v>
      </c>
    </row>
    <row r="1319" spans="1:3" x14ac:dyDescent="0.25">
      <c r="A1319" t="s">
        <v>23</v>
      </c>
      <c r="B1319">
        <v>13</v>
      </c>
      <c r="C1319">
        <v>0.66</v>
      </c>
    </row>
    <row r="1320" spans="1:3" x14ac:dyDescent="0.25">
      <c r="A1320" t="s">
        <v>23</v>
      </c>
      <c r="B1320">
        <v>13</v>
      </c>
      <c r="C1320">
        <v>0.59</v>
      </c>
    </row>
    <row r="1321" spans="1:3" x14ac:dyDescent="0.25">
      <c r="A1321" t="s">
        <v>23</v>
      </c>
      <c r="B1321">
        <v>13</v>
      </c>
      <c r="C1321">
        <v>0.35</v>
      </c>
    </row>
    <row r="1322" spans="1:3" x14ac:dyDescent="0.25">
      <c r="A1322" t="s">
        <v>23</v>
      </c>
      <c r="B1322">
        <v>13</v>
      </c>
      <c r="C1322">
        <v>0.4</v>
      </c>
    </row>
    <row r="1323" spans="1:3" x14ac:dyDescent="0.25">
      <c r="A1323" t="s">
        <v>23</v>
      </c>
      <c r="B1323">
        <v>13</v>
      </c>
      <c r="C1323">
        <v>0.33</v>
      </c>
    </row>
    <row r="1324" spans="1:3" x14ac:dyDescent="0.25">
      <c r="A1324" t="s">
        <v>18</v>
      </c>
      <c r="B1324">
        <v>13</v>
      </c>
      <c r="C1324">
        <v>0.6</v>
      </c>
    </row>
    <row r="1325" spans="1:3" x14ac:dyDescent="0.25">
      <c r="A1325" t="s">
        <v>18</v>
      </c>
      <c r="B1325">
        <v>13</v>
      </c>
      <c r="C1325">
        <v>0.44</v>
      </c>
    </row>
    <row r="1326" spans="1:3" x14ac:dyDescent="0.25">
      <c r="A1326" t="s">
        <v>18</v>
      </c>
      <c r="B1326">
        <v>13</v>
      </c>
      <c r="C1326">
        <v>0.61</v>
      </c>
    </row>
    <row r="1327" spans="1:3" x14ac:dyDescent="0.25">
      <c r="A1327" t="s">
        <v>21</v>
      </c>
      <c r="B1327">
        <v>13</v>
      </c>
      <c r="C1327">
        <v>0.7</v>
      </c>
    </row>
    <row r="1328" spans="1:3" x14ac:dyDescent="0.25">
      <c r="A1328" t="s">
        <v>21</v>
      </c>
      <c r="B1328">
        <v>13</v>
      </c>
      <c r="C1328">
        <v>0.33</v>
      </c>
    </row>
    <row r="1329" spans="1:3" x14ac:dyDescent="0.25">
      <c r="A1329" t="s">
        <v>25</v>
      </c>
      <c r="B1329">
        <v>13</v>
      </c>
      <c r="C1329">
        <v>0.8</v>
      </c>
    </row>
    <row r="1330" spans="1:3" x14ac:dyDescent="0.25">
      <c r="A1330" t="s">
        <v>25</v>
      </c>
      <c r="B1330">
        <v>13</v>
      </c>
      <c r="C1330">
        <v>0.8</v>
      </c>
    </row>
    <row r="1331" spans="1:3" x14ac:dyDescent="0.25">
      <c r="A1331" t="s">
        <v>30</v>
      </c>
      <c r="B1331">
        <v>13</v>
      </c>
      <c r="C1331">
        <v>0.48</v>
      </c>
    </row>
    <row r="1332" spans="1:3" x14ac:dyDescent="0.25">
      <c r="A1332" t="s">
        <v>30</v>
      </c>
      <c r="B1332">
        <v>13</v>
      </c>
      <c r="C1332">
        <v>0.69</v>
      </c>
    </row>
    <row r="1333" spans="1:3" x14ac:dyDescent="0.25">
      <c r="A1333" t="s">
        <v>30</v>
      </c>
      <c r="B1333">
        <v>13</v>
      </c>
      <c r="C1333">
        <v>0.51</v>
      </c>
    </row>
    <row r="1334" spans="1:3" x14ac:dyDescent="0.25">
      <c r="A1334" t="s">
        <v>30</v>
      </c>
      <c r="B1334">
        <v>13</v>
      </c>
      <c r="C1334">
        <v>0.39</v>
      </c>
    </row>
    <row r="1335" spans="1:3" x14ac:dyDescent="0.25">
      <c r="A1335" t="s">
        <v>15</v>
      </c>
      <c r="B1335">
        <v>13</v>
      </c>
      <c r="C1335">
        <v>0.05</v>
      </c>
    </row>
    <row r="1336" spans="1:3" x14ac:dyDescent="0.25">
      <c r="A1336" t="s">
        <v>15</v>
      </c>
      <c r="B1336">
        <v>13</v>
      </c>
      <c r="C1336">
        <v>0.18</v>
      </c>
    </row>
    <row r="1337" spans="1:3" x14ac:dyDescent="0.25">
      <c r="A1337" t="s">
        <v>15</v>
      </c>
      <c r="B1337">
        <v>13</v>
      </c>
      <c r="C1337">
        <v>0.16</v>
      </c>
    </row>
    <row r="1338" spans="1:3" x14ac:dyDescent="0.25">
      <c r="A1338" t="s">
        <v>15</v>
      </c>
      <c r="B1338">
        <v>13</v>
      </c>
      <c r="C1338">
        <v>0.23</v>
      </c>
    </row>
    <row r="1339" spans="1:3" x14ac:dyDescent="0.25">
      <c r="A1339" t="s">
        <v>26</v>
      </c>
      <c r="B1339">
        <v>13</v>
      </c>
      <c r="C1339">
        <v>0.12</v>
      </c>
    </row>
    <row r="1340" spans="1:3" x14ac:dyDescent="0.25">
      <c r="A1340" t="s">
        <v>26</v>
      </c>
      <c r="B1340">
        <v>13</v>
      </c>
      <c r="C1340">
        <v>0.28999999999999998</v>
      </c>
    </row>
    <row r="1341" spans="1:3" x14ac:dyDescent="0.25">
      <c r="A1341" t="s">
        <v>26</v>
      </c>
      <c r="B1341">
        <v>13</v>
      </c>
      <c r="C1341">
        <v>0.28000000000000003</v>
      </c>
    </row>
    <row r="1342" spans="1:3" x14ac:dyDescent="0.25">
      <c r="A1342" t="s">
        <v>26</v>
      </c>
      <c r="B1342">
        <v>13</v>
      </c>
      <c r="C1342">
        <v>0.17</v>
      </c>
    </row>
    <row r="1343" spans="1:3" x14ac:dyDescent="0.25">
      <c r="A1343" t="s">
        <v>26</v>
      </c>
      <c r="B1343">
        <v>13</v>
      </c>
      <c r="C1343">
        <v>0.16</v>
      </c>
    </row>
    <row r="1344" spans="1:3" x14ac:dyDescent="0.25">
      <c r="A1344" t="s">
        <v>14</v>
      </c>
      <c r="B1344">
        <v>13</v>
      </c>
      <c r="C1344">
        <v>0.62</v>
      </c>
    </row>
    <row r="1345" spans="1:3" x14ac:dyDescent="0.25">
      <c r="A1345" t="s">
        <v>14</v>
      </c>
      <c r="B1345">
        <v>13</v>
      </c>
      <c r="C1345">
        <v>0.43</v>
      </c>
    </row>
    <row r="1346" spans="1:3" x14ac:dyDescent="0.25">
      <c r="A1346" t="s">
        <v>14</v>
      </c>
      <c r="B1346">
        <v>13</v>
      </c>
      <c r="C1346">
        <v>0.37</v>
      </c>
    </row>
    <row r="1347" spans="1:3" x14ac:dyDescent="0.25">
      <c r="A1347" t="s">
        <v>28</v>
      </c>
      <c r="B1347">
        <v>13</v>
      </c>
      <c r="C1347">
        <v>0.69</v>
      </c>
    </row>
    <row r="1348" spans="1:3" x14ac:dyDescent="0.25">
      <c r="A1348" t="s">
        <v>28</v>
      </c>
      <c r="B1348">
        <v>13</v>
      </c>
      <c r="C1348">
        <v>0.56999999999999995</v>
      </c>
    </row>
    <row r="1349" spans="1:3" x14ac:dyDescent="0.25">
      <c r="A1349" t="s">
        <v>28</v>
      </c>
      <c r="B1349">
        <v>13</v>
      </c>
      <c r="C1349">
        <v>0.38</v>
      </c>
    </row>
    <row r="1350" spans="1:3" x14ac:dyDescent="0.25">
      <c r="A1350" t="s">
        <v>28</v>
      </c>
      <c r="B1350">
        <v>13</v>
      </c>
      <c r="C1350">
        <v>0.67</v>
      </c>
    </row>
    <row r="1351" spans="1:3" x14ac:dyDescent="0.25">
      <c r="A1351" t="s">
        <v>16</v>
      </c>
      <c r="B1351">
        <v>13</v>
      </c>
      <c r="C1351">
        <v>0.56999999999999995</v>
      </c>
    </row>
    <row r="1352" spans="1:3" x14ac:dyDescent="0.25">
      <c r="A1352" t="s">
        <v>16</v>
      </c>
      <c r="B1352">
        <v>13</v>
      </c>
      <c r="C1352">
        <v>0.36</v>
      </c>
    </row>
    <row r="1353" spans="1:3" x14ac:dyDescent="0.25">
      <c r="A1353" t="s">
        <v>13</v>
      </c>
      <c r="B1353">
        <v>13</v>
      </c>
      <c r="C1353">
        <v>0.6</v>
      </c>
    </row>
    <row r="1354" spans="1:3" x14ac:dyDescent="0.25">
      <c r="A1354" t="s">
        <v>13</v>
      </c>
      <c r="B1354">
        <v>13</v>
      </c>
      <c r="C1354">
        <v>0.44</v>
      </c>
    </row>
    <row r="1355" spans="1:3" x14ac:dyDescent="0.25">
      <c r="A1355" t="s">
        <v>13</v>
      </c>
      <c r="B1355">
        <v>13</v>
      </c>
      <c r="C1355">
        <v>0.56000000000000005</v>
      </c>
    </row>
    <row r="1356" spans="1:3" x14ac:dyDescent="0.25">
      <c r="A1356" t="s">
        <v>13</v>
      </c>
      <c r="B1356">
        <v>13</v>
      </c>
      <c r="C1356">
        <v>0.65</v>
      </c>
    </row>
    <row r="1357" spans="1:3" x14ac:dyDescent="0.25">
      <c r="A1357" t="s">
        <v>13</v>
      </c>
      <c r="B1357">
        <v>13</v>
      </c>
      <c r="C1357">
        <v>0.46</v>
      </c>
    </row>
    <row r="1358" spans="1:3" x14ac:dyDescent="0.25">
      <c r="A1358" t="s">
        <v>17</v>
      </c>
      <c r="B1358">
        <v>13</v>
      </c>
      <c r="C1358">
        <v>0.09</v>
      </c>
    </row>
    <row r="1359" spans="1:3" x14ac:dyDescent="0.25">
      <c r="A1359" t="s">
        <v>17</v>
      </c>
      <c r="B1359">
        <v>13</v>
      </c>
      <c r="C1359">
        <v>0.26</v>
      </c>
    </row>
    <row r="1360" spans="1:3" x14ac:dyDescent="0.25">
      <c r="A1360" t="s">
        <v>17</v>
      </c>
      <c r="B1360">
        <v>13</v>
      </c>
      <c r="C1360">
        <v>7.0000000000000007E-2</v>
      </c>
    </row>
    <row r="1361" spans="1:3" x14ac:dyDescent="0.25">
      <c r="A1361" t="s">
        <v>17</v>
      </c>
      <c r="B1361">
        <v>13</v>
      </c>
      <c r="C1361">
        <v>0.25</v>
      </c>
    </row>
    <row r="1362" spans="1:3" x14ac:dyDescent="0.25">
      <c r="A1362" t="s">
        <v>17</v>
      </c>
      <c r="B1362">
        <v>13</v>
      </c>
      <c r="C1362">
        <v>0.14000000000000001</v>
      </c>
    </row>
    <row r="1363" spans="1:3" x14ac:dyDescent="0.25">
      <c r="A1363" t="s">
        <v>17</v>
      </c>
      <c r="B1363">
        <v>13</v>
      </c>
      <c r="C1363">
        <v>0.06</v>
      </c>
    </row>
    <row r="1364" spans="1:3" x14ac:dyDescent="0.25">
      <c r="A1364" t="s">
        <v>17</v>
      </c>
      <c r="B1364">
        <v>13</v>
      </c>
      <c r="C1364">
        <v>7.0000000000000007E-2</v>
      </c>
    </row>
    <row r="1365" spans="1:3" x14ac:dyDescent="0.25">
      <c r="A1365" t="s">
        <v>27</v>
      </c>
      <c r="B1365">
        <v>13</v>
      </c>
      <c r="C1365">
        <v>0.79</v>
      </c>
    </row>
    <row r="1366" spans="1:3" x14ac:dyDescent="0.25">
      <c r="A1366" t="s">
        <v>27</v>
      </c>
      <c r="B1366">
        <v>13</v>
      </c>
      <c r="C1366">
        <v>0.93</v>
      </c>
    </row>
    <row r="1367" spans="1:3" x14ac:dyDescent="0.25">
      <c r="A1367" t="s">
        <v>27</v>
      </c>
      <c r="B1367">
        <v>13</v>
      </c>
      <c r="C1367">
        <v>0.83</v>
      </c>
    </row>
    <row r="1368" spans="1:3" x14ac:dyDescent="0.25">
      <c r="A1368" t="s">
        <v>27</v>
      </c>
      <c r="B1368">
        <v>13</v>
      </c>
      <c r="C1368">
        <v>0.84</v>
      </c>
    </row>
    <row r="1369" spans="1:3" x14ac:dyDescent="0.25">
      <c r="A1369" t="s">
        <v>27</v>
      </c>
      <c r="B1369">
        <v>13</v>
      </c>
      <c r="C1369">
        <v>0.9</v>
      </c>
    </row>
    <row r="1370" spans="1:3" x14ac:dyDescent="0.25">
      <c r="A1370" t="s">
        <v>27</v>
      </c>
      <c r="B1370">
        <v>13</v>
      </c>
      <c r="C1370">
        <v>0.76</v>
      </c>
    </row>
    <row r="1371" spans="1:3" x14ac:dyDescent="0.25">
      <c r="A1371" t="s">
        <v>27</v>
      </c>
      <c r="B1371">
        <v>13</v>
      </c>
      <c r="C1371">
        <v>0.73</v>
      </c>
    </row>
    <row r="1372" spans="1:3" x14ac:dyDescent="0.25">
      <c r="A1372" t="s">
        <v>9</v>
      </c>
      <c r="B1372">
        <v>13</v>
      </c>
      <c r="C1372">
        <v>0.26</v>
      </c>
    </row>
    <row r="1373" spans="1:3" x14ac:dyDescent="0.25">
      <c r="A1373" t="s">
        <v>9</v>
      </c>
      <c r="B1373">
        <v>13</v>
      </c>
      <c r="C1373">
        <v>0.28000000000000003</v>
      </c>
    </row>
    <row r="1374" spans="1:3" x14ac:dyDescent="0.25">
      <c r="A1374" t="s">
        <v>9</v>
      </c>
      <c r="B1374">
        <v>13</v>
      </c>
      <c r="C1374">
        <v>0.1</v>
      </c>
    </row>
    <row r="1375" spans="1:3" x14ac:dyDescent="0.25">
      <c r="A1375" t="s">
        <v>9</v>
      </c>
      <c r="B1375">
        <v>13</v>
      </c>
      <c r="C1375">
        <v>0.09</v>
      </c>
    </row>
    <row r="1376" spans="1:3" x14ac:dyDescent="0.25">
      <c r="A1376" t="s">
        <v>20</v>
      </c>
      <c r="B1376">
        <v>13</v>
      </c>
      <c r="C1376">
        <v>0.52</v>
      </c>
    </row>
    <row r="1377" spans="1:3" x14ac:dyDescent="0.25">
      <c r="A1377" t="s">
        <v>20</v>
      </c>
      <c r="B1377">
        <v>13</v>
      </c>
      <c r="C1377">
        <v>0.32</v>
      </c>
    </row>
    <row r="1378" spans="1:3" x14ac:dyDescent="0.25">
      <c r="A1378" t="s">
        <v>20</v>
      </c>
      <c r="B1378">
        <v>13</v>
      </c>
      <c r="C1378">
        <v>0.63</v>
      </c>
    </row>
    <row r="1379" spans="1:3" x14ac:dyDescent="0.25">
      <c r="A1379" t="s">
        <v>20</v>
      </c>
      <c r="B1379">
        <v>13</v>
      </c>
      <c r="C1379">
        <v>0.63</v>
      </c>
    </row>
    <row r="1380" spans="1:3" x14ac:dyDescent="0.25">
      <c r="A1380" t="s">
        <v>20</v>
      </c>
      <c r="B1380">
        <v>13</v>
      </c>
      <c r="C1380">
        <v>0.45</v>
      </c>
    </row>
    <row r="1381" spans="1:3" x14ac:dyDescent="0.25">
      <c r="A1381" t="s">
        <v>20</v>
      </c>
      <c r="B1381">
        <v>13</v>
      </c>
      <c r="C1381">
        <v>0.39</v>
      </c>
    </row>
    <row r="1382" spans="1:3" x14ac:dyDescent="0.25">
      <c r="A1382" t="s">
        <v>20</v>
      </c>
      <c r="B1382">
        <v>13</v>
      </c>
      <c r="C1382">
        <v>0.31</v>
      </c>
    </row>
    <row r="1383" spans="1:3" x14ac:dyDescent="0.25">
      <c r="A1383" t="s">
        <v>20</v>
      </c>
      <c r="B1383">
        <v>13</v>
      </c>
      <c r="C1383">
        <v>0.48</v>
      </c>
    </row>
    <row r="1384" spans="1:3" x14ac:dyDescent="0.25">
      <c r="A1384" t="s">
        <v>19</v>
      </c>
      <c r="B1384">
        <v>13</v>
      </c>
      <c r="C1384">
        <v>0.85</v>
      </c>
    </row>
    <row r="1385" spans="1:3" x14ac:dyDescent="0.25">
      <c r="A1385" t="s">
        <v>22</v>
      </c>
      <c r="B1385">
        <v>14</v>
      </c>
      <c r="C1385">
        <v>0.55000000000000004</v>
      </c>
    </row>
    <row r="1386" spans="1:3" x14ac:dyDescent="0.25">
      <c r="A1386" t="s">
        <v>22</v>
      </c>
      <c r="B1386">
        <v>14</v>
      </c>
      <c r="C1386">
        <v>0.56999999999999995</v>
      </c>
    </row>
    <row r="1387" spans="1:3" x14ac:dyDescent="0.25">
      <c r="A1387" t="s">
        <v>22</v>
      </c>
      <c r="B1387">
        <v>14</v>
      </c>
      <c r="C1387">
        <v>0.42</v>
      </c>
    </row>
    <row r="1388" spans="1:3" x14ac:dyDescent="0.25">
      <c r="A1388" t="s">
        <v>22</v>
      </c>
      <c r="B1388">
        <v>14</v>
      </c>
      <c r="C1388">
        <v>0.5</v>
      </c>
    </row>
    <row r="1389" spans="1:3" x14ac:dyDescent="0.25">
      <c r="A1389" t="s">
        <v>29</v>
      </c>
      <c r="B1389">
        <v>14</v>
      </c>
      <c r="C1389">
        <v>0.25</v>
      </c>
    </row>
    <row r="1390" spans="1:3" x14ac:dyDescent="0.25">
      <c r="A1390" t="s">
        <v>29</v>
      </c>
      <c r="B1390">
        <v>14</v>
      </c>
      <c r="C1390">
        <v>0.1</v>
      </c>
    </row>
    <row r="1391" spans="1:3" x14ac:dyDescent="0.25">
      <c r="A1391" t="s">
        <v>29</v>
      </c>
      <c r="B1391">
        <v>14</v>
      </c>
      <c r="C1391">
        <v>0.12</v>
      </c>
    </row>
    <row r="1392" spans="1:3" x14ac:dyDescent="0.25">
      <c r="A1392" t="s">
        <v>29</v>
      </c>
      <c r="B1392">
        <v>14</v>
      </c>
      <c r="C1392">
        <v>0.14000000000000001</v>
      </c>
    </row>
    <row r="1393" spans="1:3" x14ac:dyDescent="0.25">
      <c r="A1393" t="s">
        <v>29</v>
      </c>
      <c r="B1393">
        <v>14</v>
      </c>
      <c r="C1393">
        <v>0.26</v>
      </c>
    </row>
    <row r="1394" spans="1:3" x14ac:dyDescent="0.25">
      <c r="A1394" t="s">
        <v>29</v>
      </c>
      <c r="B1394">
        <v>14</v>
      </c>
      <c r="C1394">
        <v>0.25</v>
      </c>
    </row>
    <row r="1395" spans="1:3" x14ac:dyDescent="0.25">
      <c r="A1395" t="s">
        <v>29</v>
      </c>
      <c r="B1395">
        <v>14</v>
      </c>
      <c r="C1395">
        <v>0.22</v>
      </c>
    </row>
    <row r="1396" spans="1:3" x14ac:dyDescent="0.25">
      <c r="A1396" t="s">
        <v>7</v>
      </c>
      <c r="B1396">
        <v>14</v>
      </c>
      <c r="C1396">
        <v>0.72</v>
      </c>
    </row>
    <row r="1397" spans="1:3" x14ac:dyDescent="0.25">
      <c r="A1397" t="s">
        <v>7</v>
      </c>
      <c r="B1397">
        <v>14</v>
      </c>
      <c r="C1397">
        <v>0.81</v>
      </c>
    </row>
    <row r="1398" spans="1:3" x14ac:dyDescent="0.25">
      <c r="A1398" t="s">
        <v>7</v>
      </c>
      <c r="B1398">
        <v>14</v>
      </c>
      <c r="C1398">
        <v>0.88</v>
      </c>
    </row>
    <row r="1399" spans="1:3" x14ac:dyDescent="0.25">
      <c r="A1399" t="s">
        <v>7</v>
      </c>
      <c r="B1399">
        <v>14</v>
      </c>
      <c r="C1399">
        <v>0.75</v>
      </c>
    </row>
    <row r="1400" spans="1:3" x14ac:dyDescent="0.25">
      <c r="A1400" t="s">
        <v>7</v>
      </c>
      <c r="B1400">
        <v>14</v>
      </c>
      <c r="C1400">
        <v>0.93</v>
      </c>
    </row>
    <row r="1401" spans="1:3" x14ac:dyDescent="0.25">
      <c r="A1401" t="s">
        <v>7</v>
      </c>
      <c r="B1401">
        <v>14</v>
      </c>
      <c r="C1401">
        <v>0.82</v>
      </c>
    </row>
    <row r="1402" spans="1:3" x14ac:dyDescent="0.25">
      <c r="A1402" t="s">
        <v>7</v>
      </c>
      <c r="B1402">
        <v>14</v>
      </c>
      <c r="C1402">
        <v>0.9</v>
      </c>
    </row>
    <row r="1403" spans="1:3" x14ac:dyDescent="0.25">
      <c r="A1403" t="s">
        <v>7</v>
      </c>
      <c r="B1403">
        <v>14</v>
      </c>
      <c r="C1403">
        <v>0.89</v>
      </c>
    </row>
    <row r="1404" spans="1:3" x14ac:dyDescent="0.25">
      <c r="A1404" t="s">
        <v>7</v>
      </c>
      <c r="B1404">
        <v>14</v>
      </c>
      <c r="C1404">
        <v>0.8</v>
      </c>
    </row>
    <row r="1405" spans="1:3" x14ac:dyDescent="0.25">
      <c r="A1405" t="s">
        <v>7</v>
      </c>
      <c r="B1405">
        <v>14</v>
      </c>
      <c r="C1405">
        <v>0.82</v>
      </c>
    </row>
    <row r="1406" spans="1:3" x14ac:dyDescent="0.25">
      <c r="A1406" t="s">
        <v>11</v>
      </c>
      <c r="B1406">
        <v>14</v>
      </c>
      <c r="C1406">
        <v>0.7</v>
      </c>
    </row>
    <row r="1407" spans="1:3" x14ac:dyDescent="0.25">
      <c r="A1407" t="s">
        <v>11</v>
      </c>
      <c r="B1407">
        <v>14</v>
      </c>
      <c r="C1407">
        <v>0.74</v>
      </c>
    </row>
    <row r="1408" spans="1:3" x14ac:dyDescent="0.25">
      <c r="A1408" t="s">
        <v>11</v>
      </c>
      <c r="B1408">
        <v>14</v>
      </c>
      <c r="C1408">
        <v>0.83</v>
      </c>
    </row>
    <row r="1409" spans="1:3" x14ac:dyDescent="0.25">
      <c r="A1409" t="s">
        <v>23</v>
      </c>
      <c r="B1409">
        <v>14</v>
      </c>
      <c r="C1409">
        <v>0.36</v>
      </c>
    </row>
    <row r="1410" spans="1:3" x14ac:dyDescent="0.25">
      <c r="A1410" t="s">
        <v>23</v>
      </c>
      <c r="B1410">
        <v>14</v>
      </c>
      <c r="C1410">
        <v>0.63</v>
      </c>
    </row>
    <row r="1411" spans="1:3" x14ac:dyDescent="0.25">
      <c r="A1411" t="s">
        <v>23</v>
      </c>
      <c r="B1411">
        <v>14</v>
      </c>
      <c r="C1411">
        <v>0.62</v>
      </c>
    </row>
    <row r="1412" spans="1:3" x14ac:dyDescent="0.25">
      <c r="A1412" t="s">
        <v>23</v>
      </c>
      <c r="B1412">
        <v>14</v>
      </c>
      <c r="C1412">
        <v>0.66</v>
      </c>
    </row>
    <row r="1413" spans="1:3" x14ac:dyDescent="0.25">
      <c r="A1413" t="s">
        <v>23</v>
      </c>
      <c r="B1413">
        <v>14</v>
      </c>
      <c r="C1413">
        <v>0.63</v>
      </c>
    </row>
    <row r="1414" spans="1:3" x14ac:dyDescent="0.25">
      <c r="A1414" t="s">
        <v>23</v>
      </c>
      <c r="B1414">
        <v>14</v>
      </c>
      <c r="C1414">
        <v>0.52</v>
      </c>
    </row>
    <row r="1415" spans="1:3" x14ac:dyDescent="0.25">
      <c r="A1415" t="s">
        <v>18</v>
      </c>
      <c r="B1415">
        <v>14</v>
      </c>
      <c r="C1415">
        <v>0.31</v>
      </c>
    </row>
    <row r="1416" spans="1:3" x14ac:dyDescent="0.25">
      <c r="A1416" t="s">
        <v>18</v>
      </c>
      <c r="B1416">
        <v>14</v>
      </c>
      <c r="C1416">
        <v>0.36</v>
      </c>
    </row>
    <row r="1417" spans="1:3" x14ac:dyDescent="0.25">
      <c r="A1417" t="s">
        <v>18</v>
      </c>
      <c r="B1417">
        <v>14</v>
      </c>
      <c r="C1417">
        <v>0.63</v>
      </c>
    </row>
    <row r="1418" spans="1:3" x14ac:dyDescent="0.25">
      <c r="A1418" t="s">
        <v>18</v>
      </c>
      <c r="B1418">
        <v>14</v>
      </c>
      <c r="C1418">
        <v>0.5</v>
      </c>
    </row>
    <row r="1419" spans="1:3" x14ac:dyDescent="0.25">
      <c r="A1419" t="s">
        <v>18</v>
      </c>
      <c r="B1419">
        <v>14</v>
      </c>
      <c r="C1419">
        <v>0.35</v>
      </c>
    </row>
    <row r="1420" spans="1:3" x14ac:dyDescent="0.25">
      <c r="A1420" t="s">
        <v>18</v>
      </c>
      <c r="B1420">
        <v>14</v>
      </c>
      <c r="C1420">
        <v>0.48</v>
      </c>
    </row>
    <row r="1421" spans="1:3" x14ac:dyDescent="0.25">
      <c r="A1421" t="s">
        <v>18</v>
      </c>
      <c r="B1421">
        <v>14</v>
      </c>
      <c r="C1421">
        <v>0.47</v>
      </c>
    </row>
    <row r="1422" spans="1:3" x14ac:dyDescent="0.25">
      <c r="A1422" t="s">
        <v>21</v>
      </c>
      <c r="B1422">
        <v>14</v>
      </c>
      <c r="C1422">
        <v>0.59</v>
      </c>
    </row>
    <row r="1423" spans="1:3" x14ac:dyDescent="0.25">
      <c r="A1423" t="s">
        <v>21</v>
      </c>
      <c r="B1423">
        <v>14</v>
      </c>
      <c r="C1423">
        <v>0.38</v>
      </c>
    </row>
    <row r="1424" spans="1:3" x14ac:dyDescent="0.25">
      <c r="A1424" t="s">
        <v>21</v>
      </c>
      <c r="B1424">
        <v>14</v>
      </c>
      <c r="C1424">
        <v>0.62</v>
      </c>
    </row>
    <row r="1425" spans="1:3" x14ac:dyDescent="0.25">
      <c r="A1425" t="s">
        <v>21</v>
      </c>
      <c r="B1425">
        <v>14</v>
      </c>
      <c r="C1425">
        <v>0.49</v>
      </c>
    </row>
    <row r="1426" spans="1:3" x14ac:dyDescent="0.25">
      <c r="A1426" t="s">
        <v>21</v>
      </c>
      <c r="B1426">
        <v>14</v>
      </c>
      <c r="C1426">
        <v>0.38</v>
      </c>
    </row>
    <row r="1427" spans="1:3" x14ac:dyDescent="0.25">
      <c r="A1427" t="s">
        <v>25</v>
      </c>
      <c r="B1427">
        <v>14</v>
      </c>
      <c r="C1427">
        <v>0.93</v>
      </c>
    </row>
    <row r="1428" spans="1:3" x14ac:dyDescent="0.25">
      <c r="A1428" t="s">
        <v>25</v>
      </c>
      <c r="B1428">
        <v>14</v>
      </c>
      <c r="C1428">
        <v>0.77</v>
      </c>
    </row>
    <row r="1429" spans="1:3" x14ac:dyDescent="0.25">
      <c r="A1429" t="s">
        <v>25</v>
      </c>
      <c r="B1429">
        <v>14</v>
      </c>
      <c r="C1429">
        <v>0.88</v>
      </c>
    </row>
    <row r="1430" spans="1:3" x14ac:dyDescent="0.25">
      <c r="A1430" t="s">
        <v>25</v>
      </c>
      <c r="B1430">
        <v>14</v>
      </c>
      <c r="C1430">
        <v>0.82</v>
      </c>
    </row>
    <row r="1431" spans="1:3" x14ac:dyDescent="0.25">
      <c r="A1431" t="s">
        <v>25</v>
      </c>
      <c r="B1431">
        <v>14</v>
      </c>
      <c r="C1431">
        <v>0.81</v>
      </c>
    </row>
    <row r="1432" spans="1:3" x14ac:dyDescent="0.25">
      <c r="A1432" t="s">
        <v>25</v>
      </c>
      <c r="B1432">
        <v>14</v>
      </c>
      <c r="C1432">
        <v>0.92</v>
      </c>
    </row>
    <row r="1433" spans="1:3" x14ac:dyDescent="0.25">
      <c r="A1433" t="s">
        <v>30</v>
      </c>
      <c r="B1433">
        <v>14</v>
      </c>
      <c r="C1433">
        <v>0.57999999999999996</v>
      </c>
    </row>
    <row r="1434" spans="1:3" x14ac:dyDescent="0.25">
      <c r="A1434" t="s">
        <v>30</v>
      </c>
      <c r="B1434">
        <v>14</v>
      </c>
      <c r="C1434">
        <v>0.48</v>
      </c>
    </row>
    <row r="1435" spans="1:3" x14ac:dyDescent="0.25">
      <c r="A1435" t="s">
        <v>15</v>
      </c>
      <c r="B1435">
        <v>14</v>
      </c>
      <c r="C1435">
        <v>0.06</v>
      </c>
    </row>
    <row r="1436" spans="1:3" x14ac:dyDescent="0.25">
      <c r="A1436" t="s">
        <v>15</v>
      </c>
      <c r="B1436">
        <v>14</v>
      </c>
      <c r="C1436">
        <v>0.28000000000000003</v>
      </c>
    </row>
    <row r="1437" spans="1:3" x14ac:dyDescent="0.25">
      <c r="A1437" t="s">
        <v>15</v>
      </c>
      <c r="B1437">
        <v>14</v>
      </c>
      <c r="C1437">
        <v>0.27</v>
      </c>
    </row>
    <row r="1438" spans="1:3" x14ac:dyDescent="0.25">
      <c r="A1438" t="s">
        <v>15</v>
      </c>
      <c r="B1438">
        <v>14</v>
      </c>
      <c r="C1438">
        <v>0.21</v>
      </c>
    </row>
    <row r="1439" spans="1:3" x14ac:dyDescent="0.25">
      <c r="A1439" t="s">
        <v>15</v>
      </c>
      <c r="B1439">
        <v>14</v>
      </c>
      <c r="C1439">
        <v>0.12</v>
      </c>
    </row>
    <row r="1440" spans="1:3" x14ac:dyDescent="0.25">
      <c r="A1440" t="s">
        <v>15</v>
      </c>
      <c r="B1440">
        <v>14</v>
      </c>
      <c r="C1440">
        <v>0.28999999999999998</v>
      </c>
    </row>
    <row r="1441" spans="1:3" x14ac:dyDescent="0.25">
      <c r="A1441" t="s">
        <v>15</v>
      </c>
      <c r="B1441">
        <v>14</v>
      </c>
      <c r="C1441">
        <v>0.18</v>
      </c>
    </row>
    <row r="1442" spans="1:3" x14ac:dyDescent="0.25">
      <c r="A1442" t="s">
        <v>26</v>
      </c>
      <c r="B1442">
        <v>14</v>
      </c>
      <c r="C1442">
        <v>0.26</v>
      </c>
    </row>
    <row r="1443" spans="1:3" x14ac:dyDescent="0.25">
      <c r="A1443" t="s">
        <v>26</v>
      </c>
      <c r="B1443">
        <v>14</v>
      </c>
      <c r="C1443">
        <v>0.09</v>
      </c>
    </row>
    <row r="1444" spans="1:3" x14ac:dyDescent="0.25">
      <c r="A1444" t="s">
        <v>26</v>
      </c>
      <c r="B1444">
        <v>14</v>
      </c>
      <c r="C1444">
        <v>0.1</v>
      </c>
    </row>
    <row r="1445" spans="1:3" x14ac:dyDescent="0.25">
      <c r="A1445" t="s">
        <v>26</v>
      </c>
      <c r="B1445">
        <v>14</v>
      </c>
      <c r="C1445">
        <v>0.21</v>
      </c>
    </row>
    <row r="1446" spans="1:3" x14ac:dyDescent="0.25">
      <c r="A1446" t="s">
        <v>26</v>
      </c>
      <c r="B1446">
        <v>14</v>
      </c>
      <c r="C1446">
        <v>0.24</v>
      </c>
    </row>
    <row r="1447" spans="1:3" x14ac:dyDescent="0.25">
      <c r="A1447" t="s">
        <v>14</v>
      </c>
      <c r="B1447">
        <v>14</v>
      </c>
      <c r="C1447">
        <v>0.52</v>
      </c>
    </row>
    <row r="1448" spans="1:3" x14ac:dyDescent="0.25">
      <c r="A1448" t="s">
        <v>14</v>
      </c>
      <c r="B1448">
        <v>14</v>
      </c>
      <c r="C1448">
        <v>0.69</v>
      </c>
    </row>
    <row r="1449" spans="1:3" x14ac:dyDescent="0.25">
      <c r="A1449" t="s">
        <v>14</v>
      </c>
      <c r="B1449">
        <v>14</v>
      </c>
      <c r="C1449">
        <v>0.41</v>
      </c>
    </row>
    <row r="1450" spans="1:3" x14ac:dyDescent="0.25">
      <c r="A1450" t="s">
        <v>14</v>
      </c>
      <c r="B1450">
        <v>14</v>
      </c>
      <c r="C1450">
        <v>0.36</v>
      </c>
    </row>
    <row r="1451" spans="1:3" x14ac:dyDescent="0.25">
      <c r="A1451" t="s">
        <v>14</v>
      </c>
      <c r="B1451">
        <v>14</v>
      </c>
      <c r="C1451">
        <v>0.33</v>
      </c>
    </row>
    <row r="1452" spans="1:3" x14ac:dyDescent="0.25">
      <c r="A1452" t="s">
        <v>14</v>
      </c>
      <c r="B1452">
        <v>14</v>
      </c>
      <c r="C1452">
        <v>0.52</v>
      </c>
    </row>
    <row r="1453" spans="1:3" x14ac:dyDescent="0.25">
      <c r="A1453" t="s">
        <v>28</v>
      </c>
      <c r="B1453">
        <v>14</v>
      </c>
      <c r="C1453">
        <v>0.37</v>
      </c>
    </row>
    <row r="1454" spans="1:3" x14ac:dyDescent="0.25">
      <c r="A1454" t="s">
        <v>28</v>
      </c>
      <c r="B1454">
        <v>14</v>
      </c>
      <c r="C1454">
        <v>0.49</v>
      </c>
    </row>
    <row r="1455" spans="1:3" x14ac:dyDescent="0.25">
      <c r="A1455" t="s">
        <v>28</v>
      </c>
      <c r="B1455">
        <v>14</v>
      </c>
      <c r="C1455">
        <v>0.31</v>
      </c>
    </row>
    <row r="1456" spans="1:3" x14ac:dyDescent="0.25">
      <c r="A1456" t="s">
        <v>28</v>
      </c>
      <c r="B1456">
        <v>14</v>
      </c>
      <c r="C1456">
        <v>0.36</v>
      </c>
    </row>
    <row r="1457" spans="1:3" x14ac:dyDescent="0.25">
      <c r="A1457" t="s">
        <v>28</v>
      </c>
      <c r="B1457">
        <v>14</v>
      </c>
      <c r="C1457">
        <v>0.62</v>
      </c>
    </row>
    <row r="1458" spans="1:3" x14ac:dyDescent="0.25">
      <c r="A1458" t="s">
        <v>28</v>
      </c>
      <c r="B1458">
        <v>14</v>
      </c>
      <c r="C1458">
        <v>0.64</v>
      </c>
    </row>
    <row r="1459" spans="1:3" x14ac:dyDescent="0.25">
      <c r="A1459" t="s">
        <v>16</v>
      </c>
      <c r="B1459">
        <v>14</v>
      </c>
      <c r="C1459">
        <v>0.45</v>
      </c>
    </row>
    <row r="1460" spans="1:3" x14ac:dyDescent="0.25">
      <c r="A1460" t="s">
        <v>16</v>
      </c>
      <c r="B1460">
        <v>14</v>
      </c>
      <c r="C1460">
        <v>0.35</v>
      </c>
    </row>
    <row r="1461" spans="1:3" x14ac:dyDescent="0.25">
      <c r="A1461" t="s">
        <v>16</v>
      </c>
      <c r="B1461">
        <v>14</v>
      </c>
      <c r="C1461">
        <v>0.32</v>
      </c>
    </row>
    <row r="1462" spans="1:3" x14ac:dyDescent="0.25">
      <c r="A1462" t="s">
        <v>16</v>
      </c>
      <c r="B1462">
        <v>14</v>
      </c>
      <c r="C1462">
        <v>0.34</v>
      </c>
    </row>
    <row r="1463" spans="1:3" x14ac:dyDescent="0.25">
      <c r="A1463" t="s">
        <v>16</v>
      </c>
      <c r="B1463">
        <v>14</v>
      </c>
      <c r="C1463">
        <v>0.46</v>
      </c>
    </row>
    <row r="1464" spans="1:3" x14ac:dyDescent="0.25">
      <c r="A1464" t="s">
        <v>16</v>
      </c>
      <c r="B1464">
        <v>14</v>
      </c>
      <c r="C1464">
        <v>0.48</v>
      </c>
    </row>
    <row r="1465" spans="1:3" x14ac:dyDescent="0.25">
      <c r="A1465" t="s">
        <v>13</v>
      </c>
      <c r="B1465">
        <v>14</v>
      </c>
      <c r="C1465">
        <v>0.53</v>
      </c>
    </row>
    <row r="1466" spans="1:3" x14ac:dyDescent="0.25">
      <c r="A1466" t="s">
        <v>13</v>
      </c>
      <c r="B1466">
        <v>14</v>
      </c>
      <c r="C1466">
        <v>0.56000000000000005</v>
      </c>
    </row>
    <row r="1467" spans="1:3" x14ac:dyDescent="0.25">
      <c r="A1467" t="s">
        <v>13</v>
      </c>
      <c r="B1467">
        <v>14</v>
      </c>
      <c r="C1467">
        <v>0.31</v>
      </c>
    </row>
    <row r="1468" spans="1:3" x14ac:dyDescent="0.25">
      <c r="A1468" t="s">
        <v>13</v>
      </c>
      <c r="B1468">
        <v>14</v>
      </c>
      <c r="C1468">
        <v>0.34</v>
      </c>
    </row>
    <row r="1469" spans="1:3" x14ac:dyDescent="0.25">
      <c r="A1469" t="s">
        <v>13</v>
      </c>
      <c r="B1469">
        <v>14</v>
      </c>
      <c r="C1469">
        <v>0.54</v>
      </c>
    </row>
    <row r="1470" spans="1:3" x14ac:dyDescent="0.25">
      <c r="A1470" t="s">
        <v>13</v>
      </c>
      <c r="B1470">
        <v>14</v>
      </c>
      <c r="C1470">
        <v>0.37</v>
      </c>
    </row>
    <row r="1471" spans="1:3" x14ac:dyDescent="0.25">
      <c r="A1471" t="s">
        <v>17</v>
      </c>
      <c r="B1471">
        <v>14</v>
      </c>
      <c r="C1471">
        <v>0.08</v>
      </c>
    </row>
    <row r="1472" spans="1:3" x14ac:dyDescent="0.25">
      <c r="A1472" t="s">
        <v>17</v>
      </c>
      <c r="B1472">
        <v>14</v>
      </c>
      <c r="C1472">
        <v>0.19</v>
      </c>
    </row>
    <row r="1473" spans="1:3" x14ac:dyDescent="0.25">
      <c r="A1473" t="s">
        <v>9</v>
      </c>
      <c r="B1473">
        <v>14</v>
      </c>
      <c r="C1473">
        <v>0.15</v>
      </c>
    </row>
    <row r="1474" spans="1:3" x14ac:dyDescent="0.25">
      <c r="A1474" t="s">
        <v>9</v>
      </c>
      <c r="B1474">
        <v>14</v>
      </c>
      <c r="C1474">
        <v>0.23</v>
      </c>
    </row>
    <row r="1475" spans="1:3" x14ac:dyDescent="0.25">
      <c r="A1475" t="s">
        <v>9</v>
      </c>
      <c r="B1475">
        <v>14</v>
      </c>
      <c r="C1475">
        <v>0.09</v>
      </c>
    </row>
    <row r="1476" spans="1:3" x14ac:dyDescent="0.25">
      <c r="A1476" t="s">
        <v>9</v>
      </c>
      <c r="B1476">
        <v>14</v>
      </c>
      <c r="C1476">
        <v>0.18</v>
      </c>
    </row>
    <row r="1477" spans="1:3" x14ac:dyDescent="0.25">
      <c r="A1477" t="s">
        <v>20</v>
      </c>
      <c r="B1477">
        <v>14</v>
      </c>
      <c r="C1477">
        <v>0.42</v>
      </c>
    </row>
    <row r="1478" spans="1:3" x14ac:dyDescent="0.25">
      <c r="A1478" t="s">
        <v>20</v>
      </c>
      <c r="B1478">
        <v>14</v>
      </c>
      <c r="C1478">
        <v>0.5</v>
      </c>
    </row>
    <row r="1479" spans="1:3" x14ac:dyDescent="0.25">
      <c r="A1479" t="s">
        <v>20</v>
      </c>
      <c r="B1479">
        <v>14</v>
      </c>
      <c r="C1479">
        <v>0.43</v>
      </c>
    </row>
    <row r="1480" spans="1:3" x14ac:dyDescent="0.25">
      <c r="A1480" t="s">
        <v>20</v>
      </c>
      <c r="B1480">
        <v>14</v>
      </c>
      <c r="C1480">
        <v>0.54</v>
      </c>
    </row>
    <row r="1481" spans="1:3" x14ac:dyDescent="0.25">
      <c r="A1481" t="s">
        <v>20</v>
      </c>
      <c r="B1481">
        <v>14</v>
      </c>
      <c r="C1481">
        <v>0.57999999999999996</v>
      </c>
    </row>
    <row r="1482" spans="1:3" x14ac:dyDescent="0.25">
      <c r="A1482" t="s">
        <v>22</v>
      </c>
      <c r="B1482">
        <v>15</v>
      </c>
      <c r="C1482">
        <v>0.55000000000000004</v>
      </c>
    </row>
    <row r="1483" spans="1:3" x14ac:dyDescent="0.25">
      <c r="A1483" t="s">
        <v>22</v>
      </c>
      <c r="B1483">
        <v>15</v>
      </c>
      <c r="C1483">
        <v>0.41</v>
      </c>
    </row>
    <row r="1484" spans="1:3" x14ac:dyDescent="0.25">
      <c r="A1484" t="s">
        <v>22</v>
      </c>
      <c r="B1484">
        <v>15</v>
      </c>
      <c r="C1484">
        <v>0.56999999999999995</v>
      </c>
    </row>
    <row r="1485" spans="1:3" x14ac:dyDescent="0.25">
      <c r="A1485" t="s">
        <v>22</v>
      </c>
      <c r="B1485">
        <v>15</v>
      </c>
      <c r="C1485">
        <v>0.42</v>
      </c>
    </row>
    <row r="1486" spans="1:3" x14ac:dyDescent="0.25">
      <c r="A1486" t="s">
        <v>22</v>
      </c>
      <c r="B1486">
        <v>15</v>
      </c>
      <c r="C1486">
        <v>0.41</v>
      </c>
    </row>
    <row r="1487" spans="1:3" x14ac:dyDescent="0.25">
      <c r="A1487" t="s">
        <v>22</v>
      </c>
      <c r="B1487">
        <v>15</v>
      </c>
      <c r="C1487">
        <v>0.42</v>
      </c>
    </row>
    <row r="1488" spans="1:3" x14ac:dyDescent="0.25">
      <c r="A1488" t="s">
        <v>22</v>
      </c>
      <c r="B1488">
        <v>15</v>
      </c>
      <c r="C1488">
        <v>0.47</v>
      </c>
    </row>
    <row r="1489" spans="1:3" x14ac:dyDescent="0.25">
      <c r="A1489" t="s">
        <v>29</v>
      </c>
      <c r="B1489">
        <v>15</v>
      </c>
      <c r="C1489">
        <v>7.0000000000000007E-2</v>
      </c>
    </row>
    <row r="1490" spans="1:3" x14ac:dyDescent="0.25">
      <c r="A1490" t="s">
        <v>29</v>
      </c>
      <c r="B1490">
        <v>15</v>
      </c>
      <c r="C1490">
        <v>0.22</v>
      </c>
    </row>
    <row r="1491" spans="1:3" x14ac:dyDescent="0.25">
      <c r="A1491" t="s">
        <v>29</v>
      </c>
      <c r="B1491">
        <v>15</v>
      </c>
      <c r="C1491">
        <v>0.28999999999999998</v>
      </c>
    </row>
    <row r="1492" spans="1:3" x14ac:dyDescent="0.25">
      <c r="A1492" t="s">
        <v>29</v>
      </c>
      <c r="B1492">
        <v>15</v>
      </c>
      <c r="C1492">
        <v>0.2</v>
      </c>
    </row>
    <row r="1493" spans="1:3" x14ac:dyDescent="0.25">
      <c r="A1493" t="s">
        <v>7</v>
      </c>
      <c r="B1493">
        <v>15</v>
      </c>
      <c r="C1493">
        <v>0.81</v>
      </c>
    </row>
    <row r="1494" spans="1:3" x14ac:dyDescent="0.25">
      <c r="A1494" t="s">
        <v>7</v>
      </c>
      <c r="B1494">
        <v>15</v>
      </c>
      <c r="C1494">
        <v>0.91</v>
      </c>
    </row>
    <row r="1495" spans="1:3" x14ac:dyDescent="0.25">
      <c r="A1495" t="s">
        <v>7</v>
      </c>
      <c r="B1495">
        <v>15</v>
      </c>
      <c r="C1495">
        <v>0.88</v>
      </c>
    </row>
    <row r="1496" spans="1:3" x14ac:dyDescent="0.25">
      <c r="A1496" t="s">
        <v>7</v>
      </c>
      <c r="B1496">
        <v>15</v>
      </c>
      <c r="C1496">
        <v>0.77</v>
      </c>
    </row>
    <row r="1497" spans="1:3" x14ac:dyDescent="0.25">
      <c r="A1497" t="s">
        <v>7</v>
      </c>
      <c r="B1497">
        <v>15</v>
      </c>
      <c r="C1497">
        <v>0.78</v>
      </c>
    </row>
    <row r="1498" spans="1:3" x14ac:dyDescent="0.25">
      <c r="A1498" t="s">
        <v>7</v>
      </c>
      <c r="B1498">
        <v>15</v>
      </c>
      <c r="C1498">
        <v>0.81</v>
      </c>
    </row>
    <row r="1499" spans="1:3" x14ac:dyDescent="0.25">
      <c r="A1499" t="s">
        <v>7</v>
      </c>
      <c r="B1499">
        <v>15</v>
      </c>
      <c r="C1499">
        <v>0.94</v>
      </c>
    </row>
    <row r="1500" spans="1:3" x14ac:dyDescent="0.25">
      <c r="A1500" t="s">
        <v>7</v>
      </c>
      <c r="B1500">
        <v>15</v>
      </c>
      <c r="C1500">
        <v>0.74</v>
      </c>
    </row>
    <row r="1501" spans="1:3" x14ac:dyDescent="0.25">
      <c r="A1501" t="s">
        <v>11</v>
      </c>
      <c r="B1501">
        <v>15</v>
      </c>
      <c r="C1501">
        <v>0.84</v>
      </c>
    </row>
    <row r="1502" spans="1:3" x14ac:dyDescent="0.25">
      <c r="A1502" t="s">
        <v>11</v>
      </c>
      <c r="B1502">
        <v>15</v>
      </c>
      <c r="C1502">
        <v>0.83</v>
      </c>
    </row>
    <row r="1503" spans="1:3" x14ac:dyDescent="0.25">
      <c r="A1503" t="s">
        <v>11</v>
      </c>
      <c r="B1503">
        <v>15</v>
      </c>
      <c r="C1503">
        <v>0.89</v>
      </c>
    </row>
    <row r="1504" spans="1:3" x14ac:dyDescent="0.25">
      <c r="A1504" t="s">
        <v>11</v>
      </c>
      <c r="B1504">
        <v>15</v>
      </c>
      <c r="C1504">
        <v>0.91</v>
      </c>
    </row>
    <row r="1505" spans="1:3" x14ac:dyDescent="0.25">
      <c r="A1505" t="s">
        <v>11</v>
      </c>
      <c r="B1505">
        <v>15</v>
      </c>
      <c r="C1505">
        <v>0.78</v>
      </c>
    </row>
    <row r="1506" spans="1:3" x14ac:dyDescent="0.25">
      <c r="A1506" t="s">
        <v>23</v>
      </c>
      <c r="B1506">
        <v>15</v>
      </c>
      <c r="C1506">
        <v>0.55000000000000004</v>
      </c>
    </row>
    <row r="1507" spans="1:3" x14ac:dyDescent="0.25">
      <c r="A1507" t="s">
        <v>18</v>
      </c>
      <c r="B1507">
        <v>15</v>
      </c>
      <c r="C1507">
        <v>0.67</v>
      </c>
    </row>
    <row r="1508" spans="1:3" x14ac:dyDescent="0.25">
      <c r="A1508" t="s">
        <v>18</v>
      </c>
      <c r="B1508">
        <v>15</v>
      </c>
      <c r="C1508">
        <v>0.3</v>
      </c>
    </row>
    <row r="1509" spans="1:3" x14ac:dyDescent="0.25">
      <c r="A1509" t="s">
        <v>18</v>
      </c>
      <c r="B1509">
        <v>15</v>
      </c>
      <c r="C1509">
        <v>0.4</v>
      </c>
    </row>
    <row r="1510" spans="1:3" x14ac:dyDescent="0.25">
      <c r="A1510" t="s">
        <v>18</v>
      </c>
      <c r="B1510">
        <v>15</v>
      </c>
      <c r="C1510">
        <v>0.49</v>
      </c>
    </row>
    <row r="1511" spans="1:3" x14ac:dyDescent="0.25">
      <c r="A1511" t="s">
        <v>21</v>
      </c>
      <c r="B1511">
        <v>15</v>
      </c>
      <c r="C1511">
        <v>0.49</v>
      </c>
    </row>
    <row r="1512" spans="1:3" x14ac:dyDescent="0.25">
      <c r="A1512" t="s">
        <v>21</v>
      </c>
      <c r="B1512">
        <v>15</v>
      </c>
      <c r="C1512">
        <v>0.62</v>
      </c>
    </row>
    <row r="1513" spans="1:3" x14ac:dyDescent="0.25">
      <c r="A1513" t="s">
        <v>21</v>
      </c>
      <c r="B1513">
        <v>15</v>
      </c>
      <c r="C1513">
        <v>0.33</v>
      </c>
    </row>
    <row r="1514" spans="1:3" x14ac:dyDescent="0.25">
      <c r="A1514" t="s">
        <v>25</v>
      </c>
      <c r="B1514">
        <v>15</v>
      </c>
      <c r="C1514">
        <v>0.8</v>
      </c>
    </row>
    <row r="1515" spans="1:3" x14ac:dyDescent="0.25">
      <c r="A1515" t="s">
        <v>25</v>
      </c>
      <c r="B1515">
        <v>15</v>
      </c>
      <c r="C1515">
        <v>0.81</v>
      </c>
    </row>
    <row r="1516" spans="1:3" x14ac:dyDescent="0.25">
      <c r="A1516" t="s">
        <v>25</v>
      </c>
      <c r="B1516">
        <v>15</v>
      </c>
      <c r="C1516">
        <v>0.86</v>
      </c>
    </row>
    <row r="1517" spans="1:3" x14ac:dyDescent="0.25">
      <c r="A1517" t="s">
        <v>25</v>
      </c>
      <c r="B1517">
        <v>15</v>
      </c>
      <c r="C1517">
        <v>0.9</v>
      </c>
    </row>
    <row r="1518" spans="1:3" x14ac:dyDescent="0.25">
      <c r="A1518" t="s">
        <v>30</v>
      </c>
      <c r="B1518">
        <v>15</v>
      </c>
      <c r="C1518">
        <v>0.68</v>
      </c>
    </row>
    <row r="1519" spans="1:3" x14ac:dyDescent="0.25">
      <c r="A1519" t="s">
        <v>30</v>
      </c>
      <c r="B1519">
        <v>15</v>
      </c>
      <c r="C1519">
        <v>0.49</v>
      </c>
    </row>
    <row r="1520" spans="1:3" x14ac:dyDescent="0.25">
      <c r="A1520" t="s">
        <v>30</v>
      </c>
      <c r="B1520">
        <v>15</v>
      </c>
      <c r="C1520">
        <v>0.46</v>
      </c>
    </row>
    <row r="1521" spans="1:3" x14ac:dyDescent="0.25">
      <c r="A1521" t="s">
        <v>30</v>
      </c>
      <c r="B1521">
        <v>15</v>
      </c>
      <c r="C1521">
        <v>0.48</v>
      </c>
    </row>
    <row r="1522" spans="1:3" x14ac:dyDescent="0.25">
      <c r="A1522" t="s">
        <v>30</v>
      </c>
      <c r="B1522">
        <v>15</v>
      </c>
      <c r="C1522">
        <v>0.56000000000000005</v>
      </c>
    </row>
    <row r="1523" spans="1:3" x14ac:dyDescent="0.25">
      <c r="A1523" t="s">
        <v>30</v>
      </c>
      <c r="B1523">
        <v>15</v>
      </c>
      <c r="C1523">
        <v>0.4</v>
      </c>
    </row>
    <row r="1524" spans="1:3" x14ac:dyDescent="0.25">
      <c r="A1524" t="s">
        <v>15</v>
      </c>
      <c r="B1524">
        <v>15</v>
      </c>
      <c r="C1524">
        <v>0.17</v>
      </c>
    </row>
    <row r="1525" spans="1:3" x14ac:dyDescent="0.25">
      <c r="A1525" t="s">
        <v>15</v>
      </c>
      <c r="B1525">
        <v>15</v>
      </c>
      <c r="C1525">
        <v>7.0000000000000007E-2</v>
      </c>
    </row>
    <row r="1526" spans="1:3" x14ac:dyDescent="0.25">
      <c r="A1526" t="s">
        <v>15</v>
      </c>
      <c r="B1526">
        <v>15</v>
      </c>
      <c r="C1526">
        <v>0.19</v>
      </c>
    </row>
    <row r="1527" spans="1:3" x14ac:dyDescent="0.25">
      <c r="A1527" t="s">
        <v>26</v>
      </c>
      <c r="B1527">
        <v>15</v>
      </c>
      <c r="C1527">
        <v>0.15</v>
      </c>
    </row>
    <row r="1528" spans="1:3" x14ac:dyDescent="0.25">
      <c r="A1528" t="s">
        <v>26</v>
      </c>
      <c r="B1528">
        <v>15</v>
      </c>
      <c r="C1528">
        <v>0.17</v>
      </c>
    </row>
    <row r="1529" spans="1:3" x14ac:dyDescent="0.25">
      <c r="A1529" t="s">
        <v>26</v>
      </c>
      <c r="B1529">
        <v>15</v>
      </c>
      <c r="C1529">
        <v>0.28999999999999998</v>
      </c>
    </row>
    <row r="1530" spans="1:3" x14ac:dyDescent="0.25">
      <c r="A1530" t="s">
        <v>26</v>
      </c>
      <c r="B1530">
        <v>15</v>
      </c>
      <c r="C1530">
        <v>0.05</v>
      </c>
    </row>
    <row r="1531" spans="1:3" x14ac:dyDescent="0.25">
      <c r="A1531" t="s">
        <v>26</v>
      </c>
      <c r="B1531">
        <v>15</v>
      </c>
      <c r="C1531">
        <v>7.0000000000000007E-2</v>
      </c>
    </row>
    <row r="1532" spans="1:3" x14ac:dyDescent="0.25">
      <c r="A1532" t="s">
        <v>26</v>
      </c>
      <c r="B1532">
        <v>15</v>
      </c>
      <c r="C1532">
        <v>0.3</v>
      </c>
    </row>
    <row r="1533" spans="1:3" x14ac:dyDescent="0.25">
      <c r="A1533" t="s">
        <v>14</v>
      </c>
      <c r="B1533">
        <v>15</v>
      </c>
      <c r="C1533">
        <v>0.32</v>
      </c>
    </row>
    <row r="1534" spans="1:3" x14ac:dyDescent="0.25">
      <c r="A1534" t="s">
        <v>14</v>
      </c>
      <c r="B1534">
        <v>15</v>
      </c>
      <c r="C1534">
        <v>0.64</v>
      </c>
    </row>
    <row r="1535" spans="1:3" x14ac:dyDescent="0.25">
      <c r="A1535" t="s">
        <v>14</v>
      </c>
      <c r="B1535">
        <v>15</v>
      </c>
      <c r="C1535">
        <v>0.36</v>
      </c>
    </row>
    <row r="1536" spans="1:3" x14ac:dyDescent="0.25">
      <c r="A1536" t="s">
        <v>28</v>
      </c>
      <c r="B1536">
        <v>15</v>
      </c>
      <c r="C1536">
        <v>0.34</v>
      </c>
    </row>
    <row r="1537" spans="1:3" x14ac:dyDescent="0.25">
      <c r="A1537" t="s">
        <v>28</v>
      </c>
      <c r="B1537">
        <v>15</v>
      </c>
      <c r="C1537">
        <v>0.32</v>
      </c>
    </row>
    <row r="1538" spans="1:3" x14ac:dyDescent="0.25">
      <c r="A1538" t="s">
        <v>28</v>
      </c>
      <c r="B1538">
        <v>15</v>
      </c>
      <c r="C1538">
        <v>0.56000000000000005</v>
      </c>
    </row>
    <row r="1539" spans="1:3" x14ac:dyDescent="0.25">
      <c r="A1539" t="s">
        <v>28</v>
      </c>
      <c r="B1539">
        <v>15</v>
      </c>
      <c r="C1539">
        <v>0.34</v>
      </c>
    </row>
    <row r="1540" spans="1:3" x14ac:dyDescent="0.25">
      <c r="A1540" t="s">
        <v>28</v>
      </c>
      <c r="B1540">
        <v>15</v>
      </c>
      <c r="C1540">
        <v>0.42</v>
      </c>
    </row>
    <row r="1541" spans="1:3" x14ac:dyDescent="0.25">
      <c r="A1541" t="s">
        <v>16</v>
      </c>
      <c r="B1541">
        <v>15</v>
      </c>
      <c r="C1541">
        <v>0.69</v>
      </c>
    </row>
    <row r="1542" spans="1:3" x14ac:dyDescent="0.25">
      <c r="A1542" t="s">
        <v>16</v>
      </c>
      <c r="B1542">
        <v>15</v>
      </c>
      <c r="C1542">
        <v>0.36</v>
      </c>
    </row>
    <row r="1543" spans="1:3" x14ac:dyDescent="0.25">
      <c r="A1543" t="s">
        <v>16</v>
      </c>
      <c r="B1543">
        <v>15</v>
      </c>
      <c r="C1543">
        <v>0.36</v>
      </c>
    </row>
    <row r="1544" spans="1:3" x14ac:dyDescent="0.25">
      <c r="A1544" t="s">
        <v>16</v>
      </c>
      <c r="B1544">
        <v>15</v>
      </c>
      <c r="C1544">
        <v>0.42</v>
      </c>
    </row>
    <row r="1545" spans="1:3" x14ac:dyDescent="0.25">
      <c r="A1545" t="s">
        <v>16</v>
      </c>
      <c r="B1545">
        <v>15</v>
      </c>
      <c r="C1545">
        <v>0.45</v>
      </c>
    </row>
    <row r="1546" spans="1:3" x14ac:dyDescent="0.25">
      <c r="A1546" t="s">
        <v>16</v>
      </c>
      <c r="B1546">
        <v>15</v>
      </c>
      <c r="C1546">
        <v>0.48</v>
      </c>
    </row>
    <row r="1547" spans="1:3" x14ac:dyDescent="0.25">
      <c r="A1547" t="s">
        <v>13</v>
      </c>
      <c r="B1547">
        <v>15</v>
      </c>
      <c r="C1547">
        <v>0.56000000000000005</v>
      </c>
    </row>
    <row r="1548" spans="1:3" x14ac:dyDescent="0.25">
      <c r="A1548" t="s">
        <v>13</v>
      </c>
      <c r="B1548">
        <v>15</v>
      </c>
      <c r="C1548">
        <v>0.46</v>
      </c>
    </row>
    <row r="1549" spans="1:3" x14ac:dyDescent="0.25">
      <c r="A1549" t="s">
        <v>13</v>
      </c>
      <c r="B1549">
        <v>15</v>
      </c>
      <c r="C1549">
        <v>0.49</v>
      </c>
    </row>
    <row r="1550" spans="1:3" x14ac:dyDescent="0.25">
      <c r="A1550" t="s">
        <v>13</v>
      </c>
      <c r="B1550">
        <v>15</v>
      </c>
      <c r="C1550">
        <v>0.5</v>
      </c>
    </row>
    <row r="1551" spans="1:3" x14ac:dyDescent="0.25">
      <c r="A1551" t="s">
        <v>17</v>
      </c>
      <c r="B1551">
        <v>15</v>
      </c>
      <c r="C1551">
        <v>0.19</v>
      </c>
    </row>
    <row r="1552" spans="1:3" x14ac:dyDescent="0.25">
      <c r="A1552" t="s">
        <v>17</v>
      </c>
      <c r="B1552">
        <v>15</v>
      </c>
      <c r="C1552">
        <v>0.12</v>
      </c>
    </row>
    <row r="1553" spans="1:3" x14ac:dyDescent="0.25">
      <c r="A1553" t="s">
        <v>17</v>
      </c>
      <c r="B1553">
        <v>15</v>
      </c>
      <c r="C1553">
        <v>0.14000000000000001</v>
      </c>
    </row>
    <row r="1554" spans="1:3" x14ac:dyDescent="0.25">
      <c r="A1554" t="s">
        <v>17</v>
      </c>
      <c r="B1554">
        <v>15</v>
      </c>
      <c r="C1554">
        <v>0.08</v>
      </c>
    </row>
    <row r="1555" spans="1:3" x14ac:dyDescent="0.25">
      <c r="A1555" t="s">
        <v>17</v>
      </c>
      <c r="B1555">
        <v>15</v>
      </c>
      <c r="C1555">
        <v>0.16</v>
      </c>
    </row>
    <row r="1556" spans="1:3" x14ac:dyDescent="0.25">
      <c r="A1556" t="s">
        <v>17</v>
      </c>
      <c r="B1556">
        <v>15</v>
      </c>
      <c r="C1556">
        <v>0.22</v>
      </c>
    </row>
    <row r="1557" spans="1:3" x14ac:dyDescent="0.25">
      <c r="A1557" t="s">
        <v>17</v>
      </c>
      <c r="B1557">
        <v>15</v>
      </c>
      <c r="C1557">
        <v>0.14000000000000001</v>
      </c>
    </row>
    <row r="1558" spans="1:3" x14ac:dyDescent="0.25">
      <c r="A1558" t="s">
        <v>17</v>
      </c>
      <c r="B1558">
        <v>15</v>
      </c>
      <c r="C1558">
        <v>0.14000000000000001</v>
      </c>
    </row>
    <row r="1559" spans="1:3" x14ac:dyDescent="0.25">
      <c r="A1559" t="s">
        <v>27</v>
      </c>
      <c r="B1559">
        <v>15</v>
      </c>
      <c r="C1559">
        <v>0.74</v>
      </c>
    </row>
    <row r="1560" spans="1:3" x14ac:dyDescent="0.25">
      <c r="A1560" t="s">
        <v>27</v>
      </c>
      <c r="B1560">
        <v>15</v>
      </c>
      <c r="C1560">
        <v>0.92</v>
      </c>
    </row>
    <row r="1561" spans="1:3" x14ac:dyDescent="0.25">
      <c r="A1561" t="s">
        <v>27</v>
      </c>
      <c r="B1561">
        <v>15</v>
      </c>
      <c r="C1561">
        <v>0.89</v>
      </c>
    </row>
    <row r="1562" spans="1:3" x14ac:dyDescent="0.25">
      <c r="A1562" t="s">
        <v>27</v>
      </c>
      <c r="B1562">
        <v>15</v>
      </c>
      <c r="C1562">
        <v>0.76</v>
      </c>
    </row>
    <row r="1563" spans="1:3" x14ac:dyDescent="0.25">
      <c r="A1563" t="s">
        <v>9</v>
      </c>
      <c r="B1563">
        <v>15</v>
      </c>
      <c r="C1563">
        <v>0.14000000000000001</v>
      </c>
    </row>
    <row r="1564" spans="1:3" x14ac:dyDescent="0.25">
      <c r="A1564" t="s">
        <v>9</v>
      </c>
      <c r="B1564">
        <v>15</v>
      </c>
      <c r="C1564">
        <v>0.27</v>
      </c>
    </row>
    <row r="1565" spans="1:3" x14ac:dyDescent="0.25">
      <c r="A1565" t="s">
        <v>9</v>
      </c>
      <c r="B1565">
        <v>15</v>
      </c>
      <c r="C1565">
        <v>0.05</v>
      </c>
    </row>
    <row r="1566" spans="1:3" x14ac:dyDescent="0.25">
      <c r="A1566" t="s">
        <v>9</v>
      </c>
      <c r="B1566">
        <v>15</v>
      </c>
      <c r="C1566">
        <v>0.28000000000000003</v>
      </c>
    </row>
    <row r="1567" spans="1:3" x14ac:dyDescent="0.25">
      <c r="A1567" t="s">
        <v>9</v>
      </c>
      <c r="B1567">
        <v>15</v>
      </c>
      <c r="C1567">
        <v>0.11</v>
      </c>
    </row>
    <row r="1568" spans="1:3" x14ac:dyDescent="0.25">
      <c r="A1568" t="s">
        <v>20</v>
      </c>
      <c r="B1568">
        <v>15</v>
      </c>
      <c r="C1568">
        <v>0.56000000000000005</v>
      </c>
    </row>
    <row r="1569" spans="1:3" x14ac:dyDescent="0.25">
      <c r="A1569" t="s">
        <v>20</v>
      </c>
      <c r="B1569">
        <v>15</v>
      </c>
      <c r="C1569">
        <v>0.59</v>
      </c>
    </row>
    <row r="1570" spans="1:3" x14ac:dyDescent="0.25">
      <c r="A1570" t="s">
        <v>20</v>
      </c>
      <c r="B1570">
        <v>15</v>
      </c>
      <c r="C1570">
        <v>0.43</v>
      </c>
    </row>
    <row r="1571" spans="1:3" x14ac:dyDescent="0.25">
      <c r="A1571" t="s">
        <v>20</v>
      </c>
      <c r="B1571">
        <v>15</v>
      </c>
      <c r="C1571">
        <v>0.64</v>
      </c>
    </row>
    <row r="1572" spans="1:3" x14ac:dyDescent="0.25">
      <c r="A1572" t="s">
        <v>20</v>
      </c>
      <c r="B1572">
        <v>15</v>
      </c>
      <c r="C1572">
        <v>0.44</v>
      </c>
    </row>
    <row r="1573" spans="1:3" x14ac:dyDescent="0.25">
      <c r="A1573" t="s">
        <v>20</v>
      </c>
      <c r="B1573">
        <v>15</v>
      </c>
      <c r="C1573">
        <v>0.56999999999999995</v>
      </c>
    </row>
    <row r="1574" spans="1:3" x14ac:dyDescent="0.25">
      <c r="A1574" t="s">
        <v>20</v>
      </c>
      <c r="B1574">
        <v>15</v>
      </c>
      <c r="C1574">
        <v>0.49</v>
      </c>
    </row>
    <row r="1575" spans="1:3" x14ac:dyDescent="0.25">
      <c r="A1575" t="s">
        <v>19</v>
      </c>
      <c r="B1575">
        <v>15</v>
      </c>
      <c r="C1575">
        <v>0.8</v>
      </c>
    </row>
    <row r="1576" spans="1:3" x14ac:dyDescent="0.25">
      <c r="A1576" t="s">
        <v>19</v>
      </c>
      <c r="B1576">
        <v>15</v>
      </c>
      <c r="C1576">
        <v>0.86</v>
      </c>
    </row>
    <row r="1577" spans="1:3" x14ac:dyDescent="0.25">
      <c r="A1577" t="s">
        <v>19</v>
      </c>
      <c r="B1577">
        <v>15</v>
      </c>
      <c r="C1577">
        <v>0.92</v>
      </c>
    </row>
    <row r="1578" spans="1:3" x14ac:dyDescent="0.25">
      <c r="A1578" t="s">
        <v>19</v>
      </c>
      <c r="B1578">
        <v>15</v>
      </c>
      <c r="C1578">
        <v>0.92</v>
      </c>
    </row>
    <row r="1579" spans="1:3" x14ac:dyDescent="0.25">
      <c r="A1579" t="s">
        <v>19</v>
      </c>
      <c r="B1579">
        <v>15</v>
      </c>
      <c r="C1579">
        <v>0.71</v>
      </c>
    </row>
    <row r="1580" spans="1:3" x14ac:dyDescent="0.25">
      <c r="A1580" t="s">
        <v>22</v>
      </c>
      <c r="B1580">
        <v>16</v>
      </c>
      <c r="C1580">
        <v>0.67</v>
      </c>
    </row>
    <row r="1581" spans="1:3" x14ac:dyDescent="0.25">
      <c r="A1581" t="s">
        <v>22</v>
      </c>
      <c r="B1581">
        <v>16</v>
      </c>
      <c r="C1581">
        <v>0.37</v>
      </c>
    </row>
    <row r="1582" spans="1:3" x14ac:dyDescent="0.25">
      <c r="A1582" t="s">
        <v>22</v>
      </c>
      <c r="B1582">
        <v>16</v>
      </c>
      <c r="C1582">
        <v>0.56999999999999995</v>
      </c>
    </row>
    <row r="1583" spans="1:3" x14ac:dyDescent="0.25">
      <c r="A1583" t="s">
        <v>22</v>
      </c>
      <c r="B1583">
        <v>16</v>
      </c>
      <c r="C1583">
        <v>0.33</v>
      </c>
    </row>
    <row r="1584" spans="1:3" x14ac:dyDescent="0.25">
      <c r="A1584" t="s">
        <v>22</v>
      </c>
      <c r="B1584">
        <v>16</v>
      </c>
      <c r="C1584">
        <v>0.59</v>
      </c>
    </row>
    <row r="1585" spans="1:3" x14ac:dyDescent="0.25">
      <c r="A1585" t="s">
        <v>29</v>
      </c>
      <c r="B1585">
        <v>16</v>
      </c>
      <c r="C1585">
        <v>0.22</v>
      </c>
    </row>
    <row r="1586" spans="1:3" x14ac:dyDescent="0.25">
      <c r="A1586" t="s">
        <v>29</v>
      </c>
      <c r="B1586">
        <v>16</v>
      </c>
      <c r="C1586">
        <v>0.24</v>
      </c>
    </row>
    <row r="1587" spans="1:3" x14ac:dyDescent="0.25">
      <c r="A1587" t="s">
        <v>29</v>
      </c>
      <c r="B1587">
        <v>16</v>
      </c>
      <c r="C1587">
        <v>0.18</v>
      </c>
    </row>
    <row r="1588" spans="1:3" x14ac:dyDescent="0.25">
      <c r="A1588" t="s">
        <v>29</v>
      </c>
      <c r="B1588">
        <v>16</v>
      </c>
      <c r="C1588">
        <v>0.19</v>
      </c>
    </row>
    <row r="1589" spans="1:3" x14ac:dyDescent="0.25">
      <c r="A1589" t="s">
        <v>29</v>
      </c>
      <c r="B1589">
        <v>16</v>
      </c>
      <c r="C1589">
        <v>0.09</v>
      </c>
    </row>
    <row r="1590" spans="1:3" x14ac:dyDescent="0.25">
      <c r="A1590" t="s">
        <v>29</v>
      </c>
      <c r="B1590">
        <v>16</v>
      </c>
      <c r="C1590">
        <v>0.13</v>
      </c>
    </row>
    <row r="1591" spans="1:3" x14ac:dyDescent="0.25">
      <c r="A1591" t="s">
        <v>29</v>
      </c>
      <c r="B1591">
        <v>16</v>
      </c>
      <c r="C1591">
        <v>0.3</v>
      </c>
    </row>
    <row r="1592" spans="1:3" x14ac:dyDescent="0.25">
      <c r="A1592" t="s">
        <v>29</v>
      </c>
      <c r="B1592">
        <v>16</v>
      </c>
      <c r="C1592">
        <v>0.28999999999999998</v>
      </c>
    </row>
    <row r="1593" spans="1:3" x14ac:dyDescent="0.25">
      <c r="A1593" t="s">
        <v>7</v>
      </c>
      <c r="B1593">
        <v>16</v>
      </c>
      <c r="C1593">
        <v>0.93</v>
      </c>
    </row>
    <row r="1594" spans="1:3" x14ac:dyDescent="0.25">
      <c r="A1594" t="s">
        <v>7</v>
      </c>
      <c r="B1594">
        <v>16</v>
      </c>
      <c r="C1594">
        <v>0.9</v>
      </c>
    </row>
    <row r="1595" spans="1:3" x14ac:dyDescent="0.25">
      <c r="A1595" t="s">
        <v>7</v>
      </c>
      <c r="B1595">
        <v>16</v>
      </c>
      <c r="C1595">
        <v>0.75</v>
      </c>
    </row>
    <row r="1596" spans="1:3" x14ac:dyDescent="0.25">
      <c r="A1596" t="s">
        <v>7</v>
      </c>
      <c r="B1596">
        <v>16</v>
      </c>
      <c r="C1596">
        <v>0.83</v>
      </c>
    </row>
    <row r="1597" spans="1:3" x14ac:dyDescent="0.25">
      <c r="A1597" t="s">
        <v>7</v>
      </c>
      <c r="B1597">
        <v>16</v>
      </c>
      <c r="C1597">
        <v>0.94</v>
      </c>
    </row>
    <row r="1598" spans="1:3" x14ac:dyDescent="0.25">
      <c r="A1598" t="s">
        <v>7</v>
      </c>
      <c r="B1598">
        <v>16</v>
      </c>
      <c r="C1598">
        <v>0.9</v>
      </c>
    </row>
    <row r="1599" spans="1:3" x14ac:dyDescent="0.25">
      <c r="A1599" t="s">
        <v>7</v>
      </c>
      <c r="B1599">
        <v>16</v>
      </c>
      <c r="C1599">
        <v>0.71</v>
      </c>
    </row>
    <row r="1600" spans="1:3" x14ac:dyDescent="0.25">
      <c r="A1600" t="s">
        <v>11</v>
      </c>
      <c r="B1600">
        <v>16</v>
      </c>
      <c r="C1600">
        <v>0.73</v>
      </c>
    </row>
    <row r="1601" spans="1:3" x14ac:dyDescent="0.25">
      <c r="A1601" t="s">
        <v>11</v>
      </c>
      <c r="B1601">
        <v>16</v>
      </c>
      <c r="C1601">
        <v>0.82</v>
      </c>
    </row>
    <row r="1602" spans="1:3" x14ac:dyDescent="0.25">
      <c r="A1602" t="s">
        <v>11</v>
      </c>
      <c r="B1602">
        <v>16</v>
      </c>
      <c r="C1602">
        <v>0.91</v>
      </c>
    </row>
    <row r="1603" spans="1:3" x14ac:dyDescent="0.25">
      <c r="A1603" t="s">
        <v>11</v>
      </c>
      <c r="B1603">
        <v>16</v>
      </c>
      <c r="C1603">
        <v>0.95</v>
      </c>
    </row>
    <row r="1604" spans="1:3" x14ac:dyDescent="0.25">
      <c r="A1604" t="s">
        <v>11</v>
      </c>
      <c r="B1604">
        <v>16</v>
      </c>
      <c r="C1604">
        <v>0.88</v>
      </c>
    </row>
    <row r="1605" spans="1:3" x14ac:dyDescent="0.25">
      <c r="A1605" t="s">
        <v>11</v>
      </c>
      <c r="B1605">
        <v>16</v>
      </c>
      <c r="C1605">
        <v>0.75</v>
      </c>
    </row>
    <row r="1606" spans="1:3" x14ac:dyDescent="0.25">
      <c r="A1606" t="s">
        <v>11</v>
      </c>
      <c r="B1606">
        <v>16</v>
      </c>
      <c r="C1606">
        <v>0.91</v>
      </c>
    </row>
    <row r="1607" spans="1:3" x14ac:dyDescent="0.25">
      <c r="A1607" t="s">
        <v>11</v>
      </c>
      <c r="B1607">
        <v>16</v>
      </c>
      <c r="C1607">
        <v>0.94</v>
      </c>
    </row>
    <row r="1608" spans="1:3" x14ac:dyDescent="0.25">
      <c r="A1608" t="s">
        <v>23</v>
      </c>
      <c r="B1608">
        <v>16</v>
      </c>
      <c r="C1608">
        <v>0.43</v>
      </c>
    </row>
    <row r="1609" spans="1:3" x14ac:dyDescent="0.25">
      <c r="A1609" t="s">
        <v>23</v>
      </c>
      <c r="B1609">
        <v>16</v>
      </c>
      <c r="C1609">
        <v>0.46</v>
      </c>
    </row>
    <row r="1610" spans="1:3" x14ac:dyDescent="0.25">
      <c r="A1610" t="s">
        <v>23</v>
      </c>
      <c r="B1610">
        <v>16</v>
      </c>
      <c r="C1610">
        <v>0.41</v>
      </c>
    </row>
    <row r="1611" spans="1:3" x14ac:dyDescent="0.25">
      <c r="A1611" t="s">
        <v>18</v>
      </c>
      <c r="B1611">
        <v>16</v>
      </c>
      <c r="C1611">
        <v>0.56999999999999995</v>
      </c>
    </row>
    <row r="1612" spans="1:3" x14ac:dyDescent="0.25">
      <c r="A1612" t="s">
        <v>18</v>
      </c>
      <c r="B1612">
        <v>16</v>
      </c>
      <c r="C1612">
        <v>0.57999999999999996</v>
      </c>
    </row>
    <row r="1613" spans="1:3" x14ac:dyDescent="0.25">
      <c r="A1613" t="s">
        <v>18</v>
      </c>
      <c r="B1613">
        <v>16</v>
      </c>
      <c r="C1613">
        <v>0.32</v>
      </c>
    </row>
    <row r="1614" spans="1:3" x14ac:dyDescent="0.25">
      <c r="A1614" t="s">
        <v>21</v>
      </c>
      <c r="B1614">
        <v>16</v>
      </c>
      <c r="C1614">
        <v>0.31</v>
      </c>
    </row>
    <row r="1615" spans="1:3" x14ac:dyDescent="0.25">
      <c r="A1615" t="s">
        <v>21</v>
      </c>
      <c r="B1615">
        <v>16</v>
      </c>
      <c r="C1615">
        <v>0.65</v>
      </c>
    </row>
    <row r="1616" spans="1:3" x14ac:dyDescent="0.25">
      <c r="A1616" t="s">
        <v>21</v>
      </c>
      <c r="B1616">
        <v>16</v>
      </c>
      <c r="C1616">
        <v>0.34</v>
      </c>
    </row>
    <row r="1617" spans="1:3" x14ac:dyDescent="0.25">
      <c r="A1617" t="s">
        <v>21</v>
      </c>
      <c r="B1617">
        <v>16</v>
      </c>
      <c r="C1617">
        <v>0.63</v>
      </c>
    </row>
    <row r="1618" spans="1:3" x14ac:dyDescent="0.25">
      <c r="A1618" t="s">
        <v>21</v>
      </c>
      <c r="B1618">
        <v>16</v>
      </c>
      <c r="C1618">
        <v>0.49</v>
      </c>
    </row>
    <row r="1619" spans="1:3" x14ac:dyDescent="0.25">
      <c r="A1619" t="s">
        <v>25</v>
      </c>
      <c r="B1619">
        <v>16</v>
      </c>
      <c r="C1619">
        <v>0.73</v>
      </c>
    </row>
    <row r="1620" spans="1:3" x14ac:dyDescent="0.25">
      <c r="A1620" t="s">
        <v>25</v>
      </c>
      <c r="B1620">
        <v>16</v>
      </c>
      <c r="C1620">
        <v>0.73</v>
      </c>
    </row>
    <row r="1621" spans="1:3" x14ac:dyDescent="0.25">
      <c r="A1621" t="s">
        <v>25</v>
      </c>
      <c r="B1621">
        <v>16</v>
      </c>
      <c r="C1621">
        <v>0.82</v>
      </c>
    </row>
    <row r="1622" spans="1:3" x14ac:dyDescent="0.25">
      <c r="A1622" t="s">
        <v>25</v>
      </c>
      <c r="B1622">
        <v>16</v>
      </c>
      <c r="C1622">
        <v>0.85</v>
      </c>
    </row>
    <row r="1623" spans="1:3" x14ac:dyDescent="0.25">
      <c r="A1623" t="s">
        <v>25</v>
      </c>
      <c r="B1623">
        <v>16</v>
      </c>
      <c r="C1623">
        <v>0.92</v>
      </c>
    </row>
    <row r="1624" spans="1:3" x14ac:dyDescent="0.25">
      <c r="A1624" t="s">
        <v>25</v>
      </c>
      <c r="B1624">
        <v>16</v>
      </c>
      <c r="C1624">
        <v>0.9</v>
      </c>
    </row>
    <row r="1625" spans="1:3" x14ac:dyDescent="0.25">
      <c r="A1625" t="s">
        <v>25</v>
      </c>
      <c r="B1625">
        <v>16</v>
      </c>
      <c r="C1625">
        <v>0.91</v>
      </c>
    </row>
    <row r="1626" spans="1:3" x14ac:dyDescent="0.25">
      <c r="A1626" t="s">
        <v>25</v>
      </c>
      <c r="B1626">
        <v>16</v>
      </c>
      <c r="C1626">
        <v>0.73</v>
      </c>
    </row>
    <row r="1627" spans="1:3" x14ac:dyDescent="0.25">
      <c r="A1627" t="s">
        <v>25</v>
      </c>
      <c r="B1627">
        <v>16</v>
      </c>
      <c r="C1627">
        <v>0.94</v>
      </c>
    </row>
    <row r="1628" spans="1:3" x14ac:dyDescent="0.25">
      <c r="A1628" t="s">
        <v>25</v>
      </c>
      <c r="B1628">
        <v>16</v>
      </c>
      <c r="C1628">
        <v>0.81</v>
      </c>
    </row>
    <row r="1629" spans="1:3" x14ac:dyDescent="0.25">
      <c r="A1629" t="s">
        <v>30</v>
      </c>
      <c r="B1629">
        <v>16</v>
      </c>
      <c r="C1629">
        <v>0.53</v>
      </c>
    </row>
    <row r="1630" spans="1:3" x14ac:dyDescent="0.25">
      <c r="A1630" t="s">
        <v>30</v>
      </c>
      <c r="B1630">
        <v>16</v>
      </c>
      <c r="C1630">
        <v>0.4</v>
      </c>
    </row>
    <row r="1631" spans="1:3" x14ac:dyDescent="0.25">
      <c r="A1631" t="s">
        <v>30</v>
      </c>
      <c r="B1631">
        <v>16</v>
      </c>
      <c r="C1631">
        <v>0.48</v>
      </c>
    </row>
    <row r="1632" spans="1:3" x14ac:dyDescent="0.25">
      <c r="A1632" t="s">
        <v>30</v>
      </c>
      <c r="B1632">
        <v>16</v>
      </c>
      <c r="C1632">
        <v>0.64</v>
      </c>
    </row>
    <row r="1633" spans="1:3" x14ac:dyDescent="0.25">
      <c r="A1633" t="s">
        <v>15</v>
      </c>
      <c r="B1633">
        <v>16</v>
      </c>
      <c r="C1633">
        <v>0.14000000000000001</v>
      </c>
    </row>
    <row r="1634" spans="1:3" x14ac:dyDescent="0.25">
      <c r="A1634" t="s">
        <v>15</v>
      </c>
      <c r="B1634">
        <v>16</v>
      </c>
      <c r="C1634">
        <v>0.27</v>
      </c>
    </row>
    <row r="1635" spans="1:3" x14ac:dyDescent="0.25">
      <c r="A1635" t="s">
        <v>15</v>
      </c>
      <c r="B1635">
        <v>16</v>
      </c>
      <c r="C1635">
        <v>0.12</v>
      </c>
    </row>
    <row r="1636" spans="1:3" x14ac:dyDescent="0.25">
      <c r="A1636" t="s">
        <v>26</v>
      </c>
      <c r="B1636">
        <v>16</v>
      </c>
      <c r="C1636">
        <v>0.28000000000000003</v>
      </c>
    </row>
    <row r="1637" spans="1:3" x14ac:dyDescent="0.25">
      <c r="A1637" t="s">
        <v>26</v>
      </c>
      <c r="B1637">
        <v>16</v>
      </c>
      <c r="C1637">
        <v>0.09</v>
      </c>
    </row>
    <row r="1638" spans="1:3" x14ac:dyDescent="0.25">
      <c r="A1638" t="s">
        <v>26</v>
      </c>
      <c r="B1638">
        <v>16</v>
      </c>
      <c r="C1638">
        <v>0.26</v>
      </c>
    </row>
    <row r="1639" spans="1:3" x14ac:dyDescent="0.25">
      <c r="A1639" t="s">
        <v>26</v>
      </c>
      <c r="B1639">
        <v>16</v>
      </c>
      <c r="C1639">
        <v>0.1</v>
      </c>
    </row>
    <row r="1640" spans="1:3" x14ac:dyDescent="0.25">
      <c r="A1640" t="s">
        <v>14</v>
      </c>
      <c r="B1640">
        <v>16</v>
      </c>
      <c r="C1640">
        <v>0.38</v>
      </c>
    </row>
    <row r="1641" spans="1:3" x14ac:dyDescent="0.25">
      <c r="A1641" t="s">
        <v>14</v>
      </c>
      <c r="B1641">
        <v>16</v>
      </c>
      <c r="C1641">
        <v>0.43</v>
      </c>
    </row>
    <row r="1642" spans="1:3" x14ac:dyDescent="0.25">
      <c r="A1642" t="s">
        <v>14</v>
      </c>
      <c r="B1642">
        <v>16</v>
      </c>
      <c r="C1642">
        <v>0.36</v>
      </c>
    </row>
    <row r="1643" spans="1:3" x14ac:dyDescent="0.25">
      <c r="A1643" t="s">
        <v>14</v>
      </c>
      <c r="B1643">
        <v>16</v>
      </c>
      <c r="C1643">
        <v>0.6</v>
      </c>
    </row>
    <row r="1644" spans="1:3" x14ac:dyDescent="0.25">
      <c r="A1644" t="s">
        <v>14</v>
      </c>
      <c r="B1644">
        <v>16</v>
      </c>
      <c r="C1644">
        <v>0.47</v>
      </c>
    </row>
    <row r="1645" spans="1:3" x14ac:dyDescent="0.25">
      <c r="A1645" t="s">
        <v>14</v>
      </c>
      <c r="B1645">
        <v>16</v>
      </c>
      <c r="C1645">
        <v>0.51</v>
      </c>
    </row>
    <row r="1646" spans="1:3" x14ac:dyDescent="0.25">
      <c r="A1646" t="s">
        <v>28</v>
      </c>
      <c r="B1646">
        <v>16</v>
      </c>
      <c r="C1646">
        <v>0.4</v>
      </c>
    </row>
    <row r="1647" spans="1:3" x14ac:dyDescent="0.25">
      <c r="A1647" t="s">
        <v>28</v>
      </c>
      <c r="B1647">
        <v>16</v>
      </c>
      <c r="C1647">
        <v>0.53</v>
      </c>
    </row>
    <row r="1648" spans="1:3" x14ac:dyDescent="0.25">
      <c r="A1648" t="s">
        <v>28</v>
      </c>
      <c r="B1648">
        <v>16</v>
      </c>
      <c r="C1648">
        <v>0.33</v>
      </c>
    </row>
    <row r="1649" spans="1:3" x14ac:dyDescent="0.25">
      <c r="A1649" t="s">
        <v>28</v>
      </c>
      <c r="B1649">
        <v>16</v>
      </c>
      <c r="C1649">
        <v>0.45</v>
      </c>
    </row>
    <row r="1650" spans="1:3" x14ac:dyDescent="0.25">
      <c r="A1650" t="s">
        <v>28</v>
      </c>
      <c r="B1650">
        <v>16</v>
      </c>
      <c r="C1650">
        <v>0.59</v>
      </c>
    </row>
    <row r="1651" spans="1:3" x14ac:dyDescent="0.25">
      <c r="A1651" t="s">
        <v>16</v>
      </c>
      <c r="B1651">
        <v>16</v>
      </c>
      <c r="C1651">
        <v>0.55000000000000004</v>
      </c>
    </row>
    <row r="1652" spans="1:3" x14ac:dyDescent="0.25">
      <c r="A1652" t="s">
        <v>16</v>
      </c>
      <c r="B1652">
        <v>16</v>
      </c>
      <c r="C1652">
        <v>0.57999999999999996</v>
      </c>
    </row>
    <row r="1653" spans="1:3" x14ac:dyDescent="0.25">
      <c r="A1653" t="s">
        <v>16</v>
      </c>
      <c r="B1653">
        <v>16</v>
      </c>
      <c r="C1653">
        <v>0.56999999999999995</v>
      </c>
    </row>
    <row r="1654" spans="1:3" x14ac:dyDescent="0.25">
      <c r="A1654" t="s">
        <v>16</v>
      </c>
      <c r="B1654">
        <v>16</v>
      </c>
      <c r="C1654">
        <v>0.56000000000000005</v>
      </c>
    </row>
    <row r="1655" spans="1:3" x14ac:dyDescent="0.25">
      <c r="A1655" t="s">
        <v>13</v>
      </c>
      <c r="B1655">
        <v>16</v>
      </c>
      <c r="C1655">
        <v>0.45</v>
      </c>
    </row>
    <row r="1656" spans="1:3" x14ac:dyDescent="0.25">
      <c r="A1656" t="s">
        <v>13</v>
      </c>
      <c r="B1656">
        <v>16</v>
      </c>
      <c r="C1656">
        <v>0.51</v>
      </c>
    </row>
    <row r="1657" spans="1:3" x14ac:dyDescent="0.25">
      <c r="A1657" t="s">
        <v>13</v>
      </c>
      <c r="B1657">
        <v>16</v>
      </c>
      <c r="C1657">
        <v>0.6</v>
      </c>
    </row>
    <row r="1658" spans="1:3" x14ac:dyDescent="0.25">
      <c r="A1658" t="s">
        <v>13</v>
      </c>
      <c r="B1658">
        <v>16</v>
      </c>
      <c r="C1658">
        <v>0.38</v>
      </c>
    </row>
    <row r="1659" spans="1:3" x14ac:dyDescent="0.25">
      <c r="A1659" t="s">
        <v>13</v>
      </c>
      <c r="B1659">
        <v>16</v>
      </c>
      <c r="C1659">
        <v>0.36</v>
      </c>
    </row>
    <row r="1660" spans="1:3" x14ac:dyDescent="0.25">
      <c r="A1660" t="s">
        <v>13</v>
      </c>
      <c r="B1660">
        <v>16</v>
      </c>
      <c r="C1660">
        <v>0.39</v>
      </c>
    </row>
    <row r="1661" spans="1:3" x14ac:dyDescent="0.25">
      <c r="A1661" t="s">
        <v>17</v>
      </c>
      <c r="B1661">
        <v>16</v>
      </c>
      <c r="C1661">
        <v>0.09</v>
      </c>
    </row>
    <row r="1662" spans="1:3" x14ac:dyDescent="0.25">
      <c r="A1662" t="s">
        <v>17</v>
      </c>
      <c r="B1662">
        <v>16</v>
      </c>
      <c r="C1662">
        <v>0.17</v>
      </c>
    </row>
    <row r="1663" spans="1:3" x14ac:dyDescent="0.25">
      <c r="A1663" t="s">
        <v>17</v>
      </c>
      <c r="B1663">
        <v>16</v>
      </c>
      <c r="C1663">
        <v>0.21</v>
      </c>
    </row>
    <row r="1664" spans="1:3" x14ac:dyDescent="0.25">
      <c r="A1664" t="s">
        <v>27</v>
      </c>
      <c r="B1664">
        <v>16</v>
      </c>
      <c r="C1664">
        <v>0.92</v>
      </c>
    </row>
    <row r="1665" spans="1:3" x14ac:dyDescent="0.25">
      <c r="A1665" t="s">
        <v>27</v>
      </c>
      <c r="B1665">
        <v>16</v>
      </c>
      <c r="C1665">
        <v>0.75</v>
      </c>
    </row>
    <row r="1666" spans="1:3" x14ac:dyDescent="0.25">
      <c r="A1666" t="s">
        <v>27</v>
      </c>
      <c r="B1666">
        <v>16</v>
      </c>
      <c r="C1666">
        <v>0.94</v>
      </c>
    </row>
    <row r="1667" spans="1:3" x14ac:dyDescent="0.25">
      <c r="A1667" t="s">
        <v>27</v>
      </c>
      <c r="B1667">
        <v>16</v>
      </c>
      <c r="C1667">
        <v>0.72</v>
      </c>
    </row>
    <row r="1668" spans="1:3" x14ac:dyDescent="0.25">
      <c r="A1668" t="s">
        <v>27</v>
      </c>
      <c r="B1668">
        <v>16</v>
      </c>
      <c r="C1668">
        <v>0.83</v>
      </c>
    </row>
    <row r="1669" spans="1:3" x14ac:dyDescent="0.25">
      <c r="A1669" t="s">
        <v>27</v>
      </c>
      <c r="B1669">
        <v>16</v>
      </c>
      <c r="C1669">
        <v>0.87</v>
      </c>
    </row>
    <row r="1670" spans="1:3" x14ac:dyDescent="0.25">
      <c r="A1670" t="s">
        <v>9</v>
      </c>
      <c r="B1670">
        <v>16</v>
      </c>
      <c r="C1670">
        <v>0.24</v>
      </c>
    </row>
    <row r="1671" spans="1:3" x14ac:dyDescent="0.25">
      <c r="A1671" t="s">
        <v>9</v>
      </c>
      <c r="B1671">
        <v>16</v>
      </c>
      <c r="C1671">
        <v>0.2</v>
      </c>
    </row>
    <row r="1672" spans="1:3" x14ac:dyDescent="0.25">
      <c r="A1672" t="s">
        <v>9</v>
      </c>
      <c r="B1672">
        <v>16</v>
      </c>
      <c r="C1672">
        <v>0.11</v>
      </c>
    </row>
    <row r="1673" spans="1:3" x14ac:dyDescent="0.25">
      <c r="A1673" t="s">
        <v>9</v>
      </c>
      <c r="B1673">
        <v>16</v>
      </c>
      <c r="C1673">
        <v>0.11</v>
      </c>
    </row>
    <row r="1674" spans="1:3" x14ac:dyDescent="0.25">
      <c r="A1674" t="s">
        <v>9</v>
      </c>
      <c r="B1674">
        <v>16</v>
      </c>
      <c r="C1674">
        <v>0.27</v>
      </c>
    </row>
    <row r="1675" spans="1:3" x14ac:dyDescent="0.25">
      <c r="A1675" t="s">
        <v>9</v>
      </c>
      <c r="B1675">
        <v>16</v>
      </c>
      <c r="C1675">
        <v>0.27</v>
      </c>
    </row>
    <row r="1676" spans="1:3" x14ac:dyDescent="0.25">
      <c r="A1676" t="s">
        <v>9</v>
      </c>
      <c r="B1676">
        <v>16</v>
      </c>
      <c r="C1676">
        <v>0.21</v>
      </c>
    </row>
    <row r="1677" spans="1:3" x14ac:dyDescent="0.25">
      <c r="A1677" t="s">
        <v>9</v>
      </c>
      <c r="B1677">
        <v>16</v>
      </c>
      <c r="C1677">
        <v>0.11</v>
      </c>
    </row>
    <row r="1678" spans="1:3" x14ac:dyDescent="0.25">
      <c r="A1678" t="s">
        <v>20</v>
      </c>
      <c r="B1678">
        <v>16</v>
      </c>
      <c r="C1678">
        <v>0.55000000000000004</v>
      </c>
    </row>
    <row r="1679" spans="1:3" x14ac:dyDescent="0.25">
      <c r="A1679" t="s">
        <v>20</v>
      </c>
      <c r="B1679">
        <v>16</v>
      </c>
      <c r="C1679">
        <v>0.31</v>
      </c>
    </row>
    <row r="1680" spans="1:3" x14ac:dyDescent="0.25">
      <c r="A1680" t="s">
        <v>20</v>
      </c>
      <c r="B1680">
        <v>16</v>
      </c>
      <c r="C1680">
        <v>0.63</v>
      </c>
    </row>
    <row r="1681" spans="1:3" x14ac:dyDescent="0.25">
      <c r="A1681" t="s">
        <v>20</v>
      </c>
      <c r="B1681">
        <v>16</v>
      </c>
      <c r="C1681">
        <v>0.43</v>
      </c>
    </row>
    <row r="1682" spans="1:3" x14ac:dyDescent="0.25">
      <c r="A1682" t="s">
        <v>20</v>
      </c>
      <c r="B1682">
        <v>16</v>
      </c>
      <c r="C1682">
        <v>0.54</v>
      </c>
    </row>
    <row r="1683" spans="1:3" x14ac:dyDescent="0.25">
      <c r="A1683" t="s">
        <v>20</v>
      </c>
      <c r="B1683">
        <v>16</v>
      </c>
      <c r="C1683">
        <v>0.5</v>
      </c>
    </row>
    <row r="1684" spans="1:3" x14ac:dyDescent="0.25">
      <c r="A1684" t="s">
        <v>20</v>
      </c>
      <c r="B1684">
        <v>16</v>
      </c>
      <c r="C1684">
        <v>0.35</v>
      </c>
    </row>
    <row r="1685" spans="1:3" x14ac:dyDescent="0.25">
      <c r="A1685" t="s">
        <v>19</v>
      </c>
      <c r="B1685">
        <v>16</v>
      </c>
      <c r="C1685">
        <v>0.71</v>
      </c>
    </row>
    <row r="1686" spans="1:3" x14ac:dyDescent="0.25">
      <c r="A1686" t="s">
        <v>19</v>
      </c>
      <c r="B1686">
        <v>16</v>
      </c>
      <c r="C1686">
        <v>0.83</v>
      </c>
    </row>
    <row r="1687" spans="1:3" x14ac:dyDescent="0.25">
      <c r="A1687" t="s">
        <v>19</v>
      </c>
      <c r="B1687">
        <v>16</v>
      </c>
      <c r="C1687">
        <v>0.76</v>
      </c>
    </row>
    <row r="1688" spans="1:3" x14ac:dyDescent="0.25">
      <c r="A1688" t="s">
        <v>19</v>
      </c>
      <c r="B1688">
        <v>16</v>
      </c>
      <c r="C1688">
        <v>0.91</v>
      </c>
    </row>
    <row r="1689" spans="1:3" x14ac:dyDescent="0.25">
      <c r="A1689" t="s">
        <v>19</v>
      </c>
      <c r="B1689">
        <v>16</v>
      </c>
      <c r="C1689">
        <v>0.83</v>
      </c>
    </row>
    <row r="1690" spans="1:3" x14ac:dyDescent="0.25">
      <c r="A1690" t="s">
        <v>19</v>
      </c>
      <c r="B1690">
        <v>16</v>
      </c>
      <c r="C1690">
        <v>0.93</v>
      </c>
    </row>
    <row r="1691" spans="1:3" x14ac:dyDescent="0.25">
      <c r="A1691" t="s">
        <v>22</v>
      </c>
      <c r="B1691">
        <v>17</v>
      </c>
      <c r="C1691">
        <v>0.31</v>
      </c>
    </row>
    <row r="1692" spans="1:3" x14ac:dyDescent="0.25">
      <c r="A1692" t="s">
        <v>22</v>
      </c>
      <c r="B1692">
        <v>17</v>
      </c>
      <c r="C1692">
        <v>0.35</v>
      </c>
    </row>
    <row r="1693" spans="1:3" x14ac:dyDescent="0.25">
      <c r="A1693" t="s">
        <v>22</v>
      </c>
      <c r="B1693">
        <v>17</v>
      </c>
      <c r="C1693">
        <v>0.35</v>
      </c>
    </row>
    <row r="1694" spans="1:3" x14ac:dyDescent="0.25">
      <c r="A1694" t="s">
        <v>22</v>
      </c>
      <c r="B1694">
        <v>17</v>
      </c>
      <c r="C1694">
        <v>0.6</v>
      </c>
    </row>
    <row r="1695" spans="1:3" x14ac:dyDescent="0.25">
      <c r="A1695" t="s">
        <v>22</v>
      </c>
      <c r="B1695">
        <v>17</v>
      </c>
      <c r="C1695">
        <v>0.35</v>
      </c>
    </row>
    <row r="1696" spans="1:3" x14ac:dyDescent="0.25">
      <c r="A1696" t="s">
        <v>29</v>
      </c>
      <c r="B1696">
        <v>17</v>
      </c>
      <c r="C1696">
        <v>0.05</v>
      </c>
    </row>
    <row r="1697" spans="1:3" x14ac:dyDescent="0.25">
      <c r="A1697" t="s">
        <v>29</v>
      </c>
      <c r="B1697">
        <v>17</v>
      </c>
      <c r="C1697">
        <v>0.28000000000000003</v>
      </c>
    </row>
    <row r="1698" spans="1:3" x14ac:dyDescent="0.25">
      <c r="A1698" t="s">
        <v>29</v>
      </c>
      <c r="B1698">
        <v>17</v>
      </c>
      <c r="C1698">
        <v>0.08</v>
      </c>
    </row>
    <row r="1699" spans="1:3" x14ac:dyDescent="0.25">
      <c r="A1699" t="s">
        <v>7</v>
      </c>
      <c r="B1699">
        <v>17</v>
      </c>
      <c r="C1699">
        <v>0.83</v>
      </c>
    </row>
    <row r="1700" spans="1:3" x14ac:dyDescent="0.25">
      <c r="A1700" t="s">
        <v>11</v>
      </c>
      <c r="B1700">
        <v>17</v>
      </c>
      <c r="C1700">
        <v>0.89</v>
      </c>
    </row>
    <row r="1701" spans="1:3" x14ac:dyDescent="0.25">
      <c r="A1701" t="s">
        <v>23</v>
      </c>
      <c r="B1701">
        <v>17</v>
      </c>
      <c r="C1701">
        <v>0.61</v>
      </c>
    </row>
    <row r="1702" spans="1:3" x14ac:dyDescent="0.25">
      <c r="A1702" t="s">
        <v>23</v>
      </c>
      <c r="B1702">
        <v>17</v>
      </c>
      <c r="C1702">
        <v>0.55000000000000004</v>
      </c>
    </row>
    <row r="1703" spans="1:3" x14ac:dyDescent="0.25">
      <c r="A1703" t="s">
        <v>23</v>
      </c>
      <c r="B1703">
        <v>17</v>
      </c>
      <c r="C1703">
        <v>0.7</v>
      </c>
    </row>
    <row r="1704" spans="1:3" x14ac:dyDescent="0.25">
      <c r="A1704" t="s">
        <v>18</v>
      </c>
      <c r="B1704">
        <v>17</v>
      </c>
      <c r="C1704">
        <v>0.5</v>
      </c>
    </row>
    <row r="1705" spans="1:3" x14ac:dyDescent="0.25">
      <c r="A1705" t="s">
        <v>18</v>
      </c>
      <c r="B1705">
        <v>17</v>
      </c>
      <c r="C1705">
        <v>0.34</v>
      </c>
    </row>
    <row r="1706" spans="1:3" x14ac:dyDescent="0.25">
      <c r="A1706" t="s">
        <v>18</v>
      </c>
      <c r="B1706">
        <v>17</v>
      </c>
      <c r="C1706">
        <v>0.49</v>
      </c>
    </row>
    <row r="1707" spans="1:3" x14ac:dyDescent="0.25">
      <c r="A1707" t="s">
        <v>18</v>
      </c>
      <c r="B1707">
        <v>17</v>
      </c>
      <c r="C1707">
        <v>0.37</v>
      </c>
    </row>
    <row r="1708" spans="1:3" x14ac:dyDescent="0.25">
      <c r="A1708" t="s">
        <v>18</v>
      </c>
      <c r="B1708">
        <v>17</v>
      </c>
      <c r="C1708">
        <v>0.32</v>
      </c>
    </row>
    <row r="1709" spans="1:3" x14ac:dyDescent="0.25">
      <c r="A1709" t="s">
        <v>21</v>
      </c>
      <c r="B1709">
        <v>17</v>
      </c>
      <c r="C1709">
        <v>0.41</v>
      </c>
    </row>
    <row r="1710" spans="1:3" x14ac:dyDescent="0.25">
      <c r="A1710" t="s">
        <v>21</v>
      </c>
      <c r="B1710">
        <v>17</v>
      </c>
      <c r="C1710">
        <v>0.48</v>
      </c>
    </row>
    <row r="1711" spans="1:3" x14ac:dyDescent="0.25">
      <c r="A1711" t="s">
        <v>21</v>
      </c>
      <c r="B1711">
        <v>17</v>
      </c>
      <c r="C1711">
        <v>0.32</v>
      </c>
    </row>
    <row r="1712" spans="1:3" x14ac:dyDescent="0.25">
      <c r="A1712" t="s">
        <v>25</v>
      </c>
      <c r="B1712">
        <v>17</v>
      </c>
      <c r="C1712">
        <v>0.89</v>
      </c>
    </row>
    <row r="1713" spans="1:3" x14ac:dyDescent="0.25">
      <c r="A1713" t="s">
        <v>25</v>
      </c>
      <c r="B1713">
        <v>17</v>
      </c>
      <c r="C1713">
        <v>0.81</v>
      </c>
    </row>
    <row r="1714" spans="1:3" x14ac:dyDescent="0.25">
      <c r="A1714" t="s">
        <v>25</v>
      </c>
      <c r="B1714">
        <v>17</v>
      </c>
      <c r="C1714">
        <v>0.74</v>
      </c>
    </row>
    <row r="1715" spans="1:3" x14ac:dyDescent="0.25">
      <c r="A1715" t="s">
        <v>30</v>
      </c>
      <c r="B1715">
        <v>17</v>
      </c>
      <c r="C1715">
        <v>0.3</v>
      </c>
    </row>
    <row r="1716" spans="1:3" x14ac:dyDescent="0.25">
      <c r="A1716" t="s">
        <v>30</v>
      </c>
      <c r="B1716">
        <v>17</v>
      </c>
      <c r="C1716">
        <v>0.41</v>
      </c>
    </row>
    <row r="1717" spans="1:3" x14ac:dyDescent="0.25">
      <c r="A1717" t="s">
        <v>30</v>
      </c>
      <c r="B1717">
        <v>17</v>
      </c>
      <c r="C1717">
        <v>0.42</v>
      </c>
    </row>
    <row r="1718" spans="1:3" x14ac:dyDescent="0.25">
      <c r="A1718" t="s">
        <v>15</v>
      </c>
      <c r="B1718">
        <v>17</v>
      </c>
      <c r="C1718">
        <v>0.27</v>
      </c>
    </row>
    <row r="1719" spans="1:3" x14ac:dyDescent="0.25">
      <c r="A1719" t="s">
        <v>15</v>
      </c>
      <c r="B1719">
        <v>17</v>
      </c>
      <c r="C1719">
        <v>0.17</v>
      </c>
    </row>
    <row r="1720" spans="1:3" x14ac:dyDescent="0.25">
      <c r="A1720" t="s">
        <v>15</v>
      </c>
      <c r="B1720">
        <v>17</v>
      </c>
      <c r="C1720">
        <v>0.16</v>
      </c>
    </row>
    <row r="1721" spans="1:3" x14ac:dyDescent="0.25">
      <c r="A1721" t="s">
        <v>26</v>
      </c>
      <c r="B1721">
        <v>17</v>
      </c>
      <c r="C1721">
        <v>0.19</v>
      </c>
    </row>
    <row r="1722" spans="1:3" x14ac:dyDescent="0.25">
      <c r="A1722" t="s">
        <v>26</v>
      </c>
      <c r="B1722">
        <v>17</v>
      </c>
      <c r="C1722">
        <v>0.25</v>
      </c>
    </row>
    <row r="1723" spans="1:3" x14ac:dyDescent="0.25">
      <c r="A1723" t="s">
        <v>26</v>
      </c>
      <c r="B1723">
        <v>17</v>
      </c>
      <c r="C1723">
        <v>0.14000000000000001</v>
      </c>
    </row>
    <row r="1724" spans="1:3" x14ac:dyDescent="0.25">
      <c r="A1724" t="s">
        <v>14</v>
      </c>
      <c r="B1724">
        <v>17</v>
      </c>
      <c r="C1724">
        <v>0.56999999999999995</v>
      </c>
    </row>
    <row r="1725" spans="1:3" x14ac:dyDescent="0.25">
      <c r="A1725" t="s">
        <v>14</v>
      </c>
      <c r="B1725">
        <v>17</v>
      </c>
      <c r="C1725">
        <v>0.68</v>
      </c>
    </row>
    <row r="1726" spans="1:3" x14ac:dyDescent="0.25">
      <c r="A1726" t="s">
        <v>14</v>
      </c>
      <c r="B1726">
        <v>17</v>
      </c>
      <c r="C1726">
        <v>0.67</v>
      </c>
    </row>
    <row r="1727" spans="1:3" x14ac:dyDescent="0.25">
      <c r="A1727" t="s">
        <v>28</v>
      </c>
      <c r="B1727">
        <v>17</v>
      </c>
      <c r="C1727">
        <v>0.6</v>
      </c>
    </row>
    <row r="1728" spans="1:3" x14ac:dyDescent="0.25">
      <c r="A1728" t="s">
        <v>28</v>
      </c>
      <c r="B1728">
        <v>17</v>
      </c>
      <c r="C1728">
        <v>0.55000000000000004</v>
      </c>
    </row>
    <row r="1729" spans="1:3" x14ac:dyDescent="0.25">
      <c r="A1729" t="s">
        <v>28</v>
      </c>
      <c r="B1729">
        <v>17</v>
      </c>
      <c r="C1729">
        <v>0.53</v>
      </c>
    </row>
    <row r="1730" spans="1:3" x14ac:dyDescent="0.25">
      <c r="A1730" t="s">
        <v>28</v>
      </c>
      <c r="B1730">
        <v>17</v>
      </c>
      <c r="C1730">
        <v>0.57999999999999996</v>
      </c>
    </row>
    <row r="1731" spans="1:3" x14ac:dyDescent="0.25">
      <c r="A1731" t="s">
        <v>16</v>
      </c>
      <c r="B1731">
        <v>17</v>
      </c>
      <c r="C1731">
        <v>0.38</v>
      </c>
    </row>
    <row r="1732" spans="1:3" x14ac:dyDescent="0.25">
      <c r="A1732" t="s">
        <v>16</v>
      </c>
      <c r="B1732">
        <v>17</v>
      </c>
      <c r="C1732">
        <v>0.34</v>
      </c>
    </row>
    <row r="1733" spans="1:3" x14ac:dyDescent="0.25">
      <c r="A1733" t="s">
        <v>16</v>
      </c>
      <c r="B1733">
        <v>17</v>
      </c>
      <c r="C1733">
        <v>0.38</v>
      </c>
    </row>
    <row r="1734" spans="1:3" x14ac:dyDescent="0.25">
      <c r="A1734" t="s">
        <v>16</v>
      </c>
      <c r="B1734">
        <v>17</v>
      </c>
      <c r="C1734">
        <v>0.44</v>
      </c>
    </row>
    <row r="1735" spans="1:3" x14ac:dyDescent="0.25">
      <c r="A1735" t="s">
        <v>16</v>
      </c>
      <c r="B1735">
        <v>17</v>
      </c>
      <c r="C1735">
        <v>0.34</v>
      </c>
    </row>
    <row r="1736" spans="1:3" x14ac:dyDescent="0.25">
      <c r="A1736" t="s">
        <v>16</v>
      </c>
      <c r="B1736">
        <v>17</v>
      </c>
      <c r="C1736">
        <v>0.69</v>
      </c>
    </row>
    <row r="1737" spans="1:3" x14ac:dyDescent="0.25">
      <c r="A1737" t="s">
        <v>16</v>
      </c>
      <c r="B1737">
        <v>17</v>
      </c>
      <c r="C1737">
        <v>0.54</v>
      </c>
    </row>
    <row r="1738" spans="1:3" x14ac:dyDescent="0.25">
      <c r="A1738" t="s">
        <v>13</v>
      </c>
      <c r="B1738">
        <v>17</v>
      </c>
      <c r="C1738">
        <v>0.6</v>
      </c>
    </row>
    <row r="1739" spans="1:3" x14ac:dyDescent="0.25">
      <c r="A1739" t="s">
        <v>13</v>
      </c>
      <c r="B1739">
        <v>17</v>
      </c>
      <c r="C1739">
        <v>0.51</v>
      </c>
    </row>
    <row r="1740" spans="1:3" x14ac:dyDescent="0.25">
      <c r="A1740" t="s">
        <v>13</v>
      </c>
      <c r="B1740">
        <v>17</v>
      </c>
      <c r="C1740">
        <v>0.45</v>
      </c>
    </row>
    <row r="1741" spans="1:3" x14ac:dyDescent="0.25">
      <c r="A1741" t="s">
        <v>13</v>
      </c>
      <c r="B1741">
        <v>17</v>
      </c>
      <c r="C1741">
        <v>0.61</v>
      </c>
    </row>
    <row r="1742" spans="1:3" x14ac:dyDescent="0.25">
      <c r="A1742" t="s">
        <v>13</v>
      </c>
      <c r="B1742">
        <v>17</v>
      </c>
      <c r="C1742">
        <v>0.57999999999999996</v>
      </c>
    </row>
    <row r="1743" spans="1:3" x14ac:dyDescent="0.25">
      <c r="A1743" t="s">
        <v>17</v>
      </c>
      <c r="B1743">
        <v>17</v>
      </c>
      <c r="C1743">
        <v>0.27</v>
      </c>
    </row>
    <row r="1744" spans="1:3" x14ac:dyDescent="0.25">
      <c r="A1744" t="s">
        <v>17</v>
      </c>
      <c r="B1744">
        <v>17</v>
      </c>
      <c r="C1744">
        <v>0.17</v>
      </c>
    </row>
    <row r="1745" spans="1:3" x14ac:dyDescent="0.25">
      <c r="A1745" t="s">
        <v>17</v>
      </c>
      <c r="B1745">
        <v>17</v>
      </c>
      <c r="C1745">
        <v>0.11</v>
      </c>
    </row>
    <row r="1746" spans="1:3" x14ac:dyDescent="0.25">
      <c r="A1746" t="s">
        <v>17</v>
      </c>
      <c r="B1746">
        <v>17</v>
      </c>
      <c r="C1746">
        <v>0.13</v>
      </c>
    </row>
    <row r="1747" spans="1:3" x14ac:dyDescent="0.25">
      <c r="A1747" t="s">
        <v>17</v>
      </c>
      <c r="B1747">
        <v>17</v>
      </c>
      <c r="C1747">
        <v>0.24</v>
      </c>
    </row>
    <row r="1748" spans="1:3" x14ac:dyDescent="0.25">
      <c r="A1748" t="s">
        <v>17</v>
      </c>
      <c r="B1748">
        <v>17</v>
      </c>
      <c r="C1748">
        <v>0.06</v>
      </c>
    </row>
    <row r="1749" spans="1:3" x14ac:dyDescent="0.25">
      <c r="A1749" t="s">
        <v>27</v>
      </c>
      <c r="B1749">
        <v>17</v>
      </c>
      <c r="C1749">
        <v>0.75</v>
      </c>
    </row>
    <row r="1750" spans="1:3" x14ac:dyDescent="0.25">
      <c r="A1750" t="s">
        <v>27</v>
      </c>
      <c r="B1750">
        <v>17</v>
      </c>
      <c r="C1750">
        <v>0.76</v>
      </c>
    </row>
    <row r="1751" spans="1:3" x14ac:dyDescent="0.25">
      <c r="A1751" t="s">
        <v>27</v>
      </c>
      <c r="B1751">
        <v>17</v>
      </c>
      <c r="C1751">
        <v>0.93</v>
      </c>
    </row>
    <row r="1752" spans="1:3" x14ac:dyDescent="0.25">
      <c r="A1752" t="s">
        <v>27</v>
      </c>
      <c r="B1752">
        <v>17</v>
      </c>
      <c r="C1752">
        <v>0.78</v>
      </c>
    </row>
    <row r="1753" spans="1:3" x14ac:dyDescent="0.25">
      <c r="A1753" t="s">
        <v>27</v>
      </c>
      <c r="B1753">
        <v>17</v>
      </c>
      <c r="C1753">
        <v>0.83</v>
      </c>
    </row>
    <row r="1754" spans="1:3" x14ac:dyDescent="0.25">
      <c r="A1754" t="s">
        <v>27</v>
      </c>
      <c r="B1754">
        <v>17</v>
      </c>
      <c r="C1754">
        <v>0.93</v>
      </c>
    </row>
    <row r="1755" spans="1:3" x14ac:dyDescent="0.25">
      <c r="A1755" t="s">
        <v>27</v>
      </c>
      <c r="B1755">
        <v>17</v>
      </c>
      <c r="C1755">
        <v>0.81</v>
      </c>
    </row>
    <row r="1756" spans="1:3" x14ac:dyDescent="0.25">
      <c r="A1756" t="s">
        <v>27</v>
      </c>
      <c r="B1756">
        <v>17</v>
      </c>
      <c r="C1756">
        <v>0.75</v>
      </c>
    </row>
    <row r="1757" spans="1:3" x14ac:dyDescent="0.25">
      <c r="A1757" t="s">
        <v>9</v>
      </c>
      <c r="B1757">
        <v>17</v>
      </c>
      <c r="C1757">
        <v>0.05</v>
      </c>
    </row>
    <row r="1758" spans="1:3" x14ac:dyDescent="0.25">
      <c r="A1758" t="s">
        <v>9</v>
      </c>
      <c r="B1758">
        <v>17</v>
      </c>
      <c r="C1758">
        <v>0.15</v>
      </c>
    </row>
    <row r="1759" spans="1:3" x14ac:dyDescent="0.25">
      <c r="A1759" t="s">
        <v>9</v>
      </c>
      <c r="B1759">
        <v>17</v>
      </c>
      <c r="C1759">
        <v>7.0000000000000007E-2</v>
      </c>
    </row>
    <row r="1760" spans="1:3" x14ac:dyDescent="0.25">
      <c r="A1760" t="s">
        <v>9</v>
      </c>
      <c r="B1760">
        <v>17</v>
      </c>
      <c r="C1760">
        <v>0.19</v>
      </c>
    </row>
    <row r="1761" spans="1:3" x14ac:dyDescent="0.25">
      <c r="A1761" t="s">
        <v>9</v>
      </c>
      <c r="B1761">
        <v>17</v>
      </c>
      <c r="C1761">
        <v>0.18</v>
      </c>
    </row>
    <row r="1762" spans="1:3" x14ac:dyDescent="0.25">
      <c r="A1762" t="s">
        <v>20</v>
      </c>
      <c r="B1762">
        <v>17</v>
      </c>
      <c r="C1762">
        <v>0.51</v>
      </c>
    </row>
    <row r="1763" spans="1:3" x14ac:dyDescent="0.25">
      <c r="A1763" t="s">
        <v>20</v>
      </c>
      <c r="B1763">
        <v>17</v>
      </c>
      <c r="C1763">
        <v>0.54</v>
      </c>
    </row>
    <row r="1764" spans="1:3" x14ac:dyDescent="0.25">
      <c r="A1764" t="s">
        <v>20</v>
      </c>
      <c r="B1764">
        <v>17</v>
      </c>
      <c r="C1764">
        <v>0.5</v>
      </c>
    </row>
    <row r="1765" spans="1:3" x14ac:dyDescent="0.25">
      <c r="A1765" t="s">
        <v>20</v>
      </c>
      <c r="B1765">
        <v>17</v>
      </c>
      <c r="C1765">
        <v>0.59</v>
      </c>
    </row>
    <row r="1766" spans="1:3" x14ac:dyDescent="0.25">
      <c r="A1766" t="s">
        <v>20</v>
      </c>
      <c r="B1766">
        <v>17</v>
      </c>
      <c r="C1766">
        <v>0.34</v>
      </c>
    </row>
    <row r="1767" spans="1:3" x14ac:dyDescent="0.25">
      <c r="A1767" t="s">
        <v>20</v>
      </c>
      <c r="B1767">
        <v>17</v>
      </c>
      <c r="C1767">
        <v>0.35</v>
      </c>
    </row>
    <row r="1768" spans="1:3" x14ac:dyDescent="0.25">
      <c r="A1768" t="s">
        <v>19</v>
      </c>
      <c r="B1768">
        <v>17</v>
      </c>
      <c r="C1768">
        <v>0.9</v>
      </c>
    </row>
    <row r="1769" spans="1:3" x14ac:dyDescent="0.25">
      <c r="A1769" t="s">
        <v>19</v>
      </c>
      <c r="B1769">
        <v>17</v>
      </c>
      <c r="C1769">
        <v>0.72</v>
      </c>
    </row>
    <row r="1770" spans="1:3" x14ac:dyDescent="0.25">
      <c r="A1770" t="s">
        <v>22</v>
      </c>
      <c r="B1770">
        <v>18</v>
      </c>
      <c r="C1770">
        <v>0.42</v>
      </c>
    </row>
    <row r="1771" spans="1:3" x14ac:dyDescent="0.25">
      <c r="A1771" t="s">
        <v>22</v>
      </c>
      <c r="B1771">
        <v>18</v>
      </c>
      <c r="C1771">
        <v>0.5</v>
      </c>
    </row>
    <row r="1772" spans="1:3" x14ac:dyDescent="0.25">
      <c r="A1772" t="s">
        <v>22</v>
      </c>
      <c r="B1772">
        <v>18</v>
      </c>
      <c r="C1772">
        <v>0.4</v>
      </c>
    </row>
    <row r="1773" spans="1:3" x14ac:dyDescent="0.25">
      <c r="A1773" t="s">
        <v>22</v>
      </c>
      <c r="B1773">
        <v>18</v>
      </c>
      <c r="C1773">
        <v>0.59</v>
      </c>
    </row>
    <row r="1774" spans="1:3" x14ac:dyDescent="0.25">
      <c r="A1774" t="s">
        <v>29</v>
      </c>
      <c r="B1774">
        <v>18</v>
      </c>
      <c r="C1774">
        <v>7.0000000000000007E-2</v>
      </c>
    </row>
    <row r="1775" spans="1:3" x14ac:dyDescent="0.25">
      <c r="A1775" t="s">
        <v>29</v>
      </c>
      <c r="B1775">
        <v>18</v>
      </c>
      <c r="C1775">
        <v>0.13</v>
      </c>
    </row>
    <row r="1776" spans="1:3" x14ac:dyDescent="0.25">
      <c r="A1776" t="s">
        <v>29</v>
      </c>
      <c r="B1776">
        <v>18</v>
      </c>
      <c r="C1776">
        <v>0.08</v>
      </c>
    </row>
    <row r="1777" spans="1:3" x14ac:dyDescent="0.25">
      <c r="A1777" t="s">
        <v>29</v>
      </c>
      <c r="B1777">
        <v>18</v>
      </c>
      <c r="C1777">
        <v>0.14000000000000001</v>
      </c>
    </row>
    <row r="1778" spans="1:3" x14ac:dyDescent="0.25">
      <c r="A1778" t="s">
        <v>29</v>
      </c>
      <c r="B1778">
        <v>18</v>
      </c>
      <c r="C1778">
        <v>0.3</v>
      </c>
    </row>
    <row r="1779" spans="1:3" x14ac:dyDescent="0.25">
      <c r="A1779" t="s">
        <v>29</v>
      </c>
      <c r="B1779">
        <v>18</v>
      </c>
      <c r="C1779">
        <v>0.3</v>
      </c>
    </row>
    <row r="1780" spans="1:3" x14ac:dyDescent="0.25">
      <c r="A1780" t="s">
        <v>29</v>
      </c>
      <c r="B1780">
        <v>18</v>
      </c>
      <c r="C1780">
        <v>0.14000000000000001</v>
      </c>
    </row>
    <row r="1781" spans="1:3" x14ac:dyDescent="0.25">
      <c r="A1781" t="s">
        <v>29</v>
      </c>
      <c r="B1781">
        <v>18</v>
      </c>
      <c r="C1781">
        <v>0.25</v>
      </c>
    </row>
    <row r="1782" spans="1:3" x14ac:dyDescent="0.25">
      <c r="A1782" t="s">
        <v>7</v>
      </c>
      <c r="B1782">
        <v>18</v>
      </c>
      <c r="C1782">
        <v>0.78</v>
      </c>
    </row>
    <row r="1783" spans="1:3" x14ac:dyDescent="0.25">
      <c r="A1783" t="s">
        <v>7</v>
      </c>
      <c r="B1783">
        <v>18</v>
      </c>
      <c r="C1783">
        <v>0.79</v>
      </c>
    </row>
    <row r="1784" spans="1:3" x14ac:dyDescent="0.25">
      <c r="A1784" t="s">
        <v>7</v>
      </c>
      <c r="B1784">
        <v>18</v>
      </c>
      <c r="C1784">
        <v>0.86</v>
      </c>
    </row>
    <row r="1785" spans="1:3" x14ac:dyDescent="0.25">
      <c r="A1785" t="s">
        <v>7</v>
      </c>
      <c r="B1785">
        <v>18</v>
      </c>
      <c r="C1785">
        <v>0.82</v>
      </c>
    </row>
    <row r="1786" spans="1:3" x14ac:dyDescent="0.25">
      <c r="A1786" t="s">
        <v>7</v>
      </c>
      <c r="B1786">
        <v>18</v>
      </c>
      <c r="C1786">
        <v>0.9</v>
      </c>
    </row>
    <row r="1787" spans="1:3" x14ac:dyDescent="0.25">
      <c r="A1787" t="s">
        <v>11</v>
      </c>
      <c r="B1787">
        <v>18</v>
      </c>
      <c r="C1787">
        <v>0.86</v>
      </c>
    </row>
    <row r="1788" spans="1:3" x14ac:dyDescent="0.25">
      <c r="A1788" t="s">
        <v>11</v>
      </c>
      <c r="B1788">
        <v>18</v>
      </c>
      <c r="C1788">
        <v>0.73</v>
      </c>
    </row>
    <row r="1789" spans="1:3" x14ac:dyDescent="0.25">
      <c r="A1789" t="s">
        <v>11</v>
      </c>
      <c r="B1789">
        <v>18</v>
      </c>
      <c r="C1789">
        <v>0.83</v>
      </c>
    </row>
    <row r="1790" spans="1:3" x14ac:dyDescent="0.25">
      <c r="A1790" t="s">
        <v>23</v>
      </c>
      <c r="B1790">
        <v>18</v>
      </c>
      <c r="C1790">
        <v>0.36</v>
      </c>
    </row>
    <row r="1791" spans="1:3" x14ac:dyDescent="0.25">
      <c r="A1791" t="s">
        <v>23</v>
      </c>
      <c r="B1791">
        <v>18</v>
      </c>
      <c r="C1791">
        <v>0.47</v>
      </c>
    </row>
    <row r="1792" spans="1:3" x14ac:dyDescent="0.25">
      <c r="A1792" t="s">
        <v>23</v>
      </c>
      <c r="B1792">
        <v>18</v>
      </c>
      <c r="C1792">
        <v>0.39</v>
      </c>
    </row>
    <row r="1793" spans="1:3" x14ac:dyDescent="0.25">
      <c r="A1793" t="s">
        <v>18</v>
      </c>
      <c r="B1793">
        <v>18</v>
      </c>
      <c r="C1793">
        <v>0.68</v>
      </c>
    </row>
    <row r="1794" spans="1:3" x14ac:dyDescent="0.25">
      <c r="A1794" t="s">
        <v>18</v>
      </c>
      <c r="B1794">
        <v>18</v>
      </c>
      <c r="C1794">
        <v>0.39</v>
      </c>
    </row>
    <row r="1795" spans="1:3" x14ac:dyDescent="0.25">
      <c r="A1795" t="s">
        <v>18</v>
      </c>
      <c r="B1795">
        <v>18</v>
      </c>
      <c r="C1795">
        <v>0.33</v>
      </c>
    </row>
    <row r="1796" spans="1:3" x14ac:dyDescent="0.25">
      <c r="A1796" t="s">
        <v>18</v>
      </c>
      <c r="B1796">
        <v>18</v>
      </c>
      <c r="C1796">
        <v>0.37</v>
      </c>
    </row>
    <row r="1797" spans="1:3" x14ac:dyDescent="0.25">
      <c r="A1797" t="s">
        <v>18</v>
      </c>
      <c r="B1797">
        <v>18</v>
      </c>
      <c r="C1797">
        <v>0.54</v>
      </c>
    </row>
    <row r="1798" spans="1:3" x14ac:dyDescent="0.25">
      <c r="A1798" t="s">
        <v>18</v>
      </c>
      <c r="B1798">
        <v>18</v>
      </c>
      <c r="C1798">
        <v>0.59</v>
      </c>
    </row>
    <row r="1799" spans="1:3" x14ac:dyDescent="0.25">
      <c r="A1799" t="s">
        <v>18</v>
      </c>
      <c r="B1799">
        <v>18</v>
      </c>
      <c r="C1799">
        <v>0.38</v>
      </c>
    </row>
    <row r="1800" spans="1:3" x14ac:dyDescent="0.25">
      <c r="A1800" t="s">
        <v>21</v>
      </c>
      <c r="B1800">
        <v>18</v>
      </c>
      <c r="C1800">
        <v>0.63</v>
      </c>
    </row>
    <row r="1801" spans="1:3" x14ac:dyDescent="0.25">
      <c r="A1801" t="s">
        <v>21</v>
      </c>
      <c r="B1801">
        <v>18</v>
      </c>
      <c r="C1801">
        <v>0.67</v>
      </c>
    </row>
    <row r="1802" spans="1:3" x14ac:dyDescent="0.25">
      <c r="A1802" t="s">
        <v>21</v>
      </c>
      <c r="B1802">
        <v>18</v>
      </c>
      <c r="C1802">
        <v>0.4</v>
      </c>
    </row>
    <row r="1803" spans="1:3" x14ac:dyDescent="0.25">
      <c r="A1803" t="s">
        <v>21</v>
      </c>
      <c r="B1803">
        <v>18</v>
      </c>
      <c r="C1803">
        <v>0.65</v>
      </c>
    </row>
    <row r="1804" spans="1:3" x14ac:dyDescent="0.25">
      <c r="A1804" t="s">
        <v>25</v>
      </c>
      <c r="B1804">
        <v>18</v>
      </c>
      <c r="C1804">
        <v>0.8</v>
      </c>
    </row>
    <row r="1805" spans="1:3" x14ac:dyDescent="0.25">
      <c r="A1805" t="s">
        <v>25</v>
      </c>
      <c r="B1805">
        <v>18</v>
      </c>
      <c r="C1805">
        <v>0.91</v>
      </c>
    </row>
    <row r="1806" spans="1:3" x14ac:dyDescent="0.25">
      <c r="A1806" t="s">
        <v>25</v>
      </c>
      <c r="B1806">
        <v>18</v>
      </c>
      <c r="C1806">
        <v>0.8</v>
      </c>
    </row>
    <row r="1807" spans="1:3" x14ac:dyDescent="0.25">
      <c r="A1807" t="s">
        <v>25</v>
      </c>
      <c r="B1807">
        <v>18</v>
      </c>
      <c r="C1807">
        <v>0.83</v>
      </c>
    </row>
    <row r="1808" spans="1:3" x14ac:dyDescent="0.25">
      <c r="A1808" t="s">
        <v>25</v>
      </c>
      <c r="B1808">
        <v>18</v>
      </c>
      <c r="C1808">
        <v>0.77</v>
      </c>
    </row>
    <row r="1809" spans="1:3" x14ac:dyDescent="0.25">
      <c r="A1809" t="s">
        <v>25</v>
      </c>
      <c r="B1809">
        <v>18</v>
      </c>
      <c r="C1809">
        <v>0.75</v>
      </c>
    </row>
    <row r="1810" spans="1:3" x14ac:dyDescent="0.25">
      <c r="A1810" t="s">
        <v>30</v>
      </c>
      <c r="B1810">
        <v>18</v>
      </c>
      <c r="C1810">
        <v>0.49</v>
      </c>
    </row>
    <row r="1811" spans="1:3" x14ac:dyDescent="0.25">
      <c r="A1811" t="s">
        <v>30</v>
      </c>
      <c r="B1811">
        <v>18</v>
      </c>
      <c r="C1811">
        <v>0.54</v>
      </c>
    </row>
    <row r="1812" spans="1:3" x14ac:dyDescent="0.25">
      <c r="A1812" t="s">
        <v>30</v>
      </c>
      <c r="B1812">
        <v>18</v>
      </c>
      <c r="C1812">
        <v>0.59</v>
      </c>
    </row>
    <row r="1813" spans="1:3" x14ac:dyDescent="0.25">
      <c r="A1813" t="s">
        <v>30</v>
      </c>
      <c r="B1813">
        <v>18</v>
      </c>
      <c r="C1813">
        <v>0.62</v>
      </c>
    </row>
    <row r="1814" spans="1:3" x14ac:dyDescent="0.25">
      <c r="A1814" t="s">
        <v>30</v>
      </c>
      <c r="B1814">
        <v>18</v>
      </c>
      <c r="C1814">
        <v>0.48</v>
      </c>
    </row>
    <row r="1815" spans="1:3" x14ac:dyDescent="0.25">
      <c r="A1815" t="s">
        <v>30</v>
      </c>
      <c r="B1815">
        <v>18</v>
      </c>
      <c r="C1815">
        <v>0.56999999999999995</v>
      </c>
    </row>
    <row r="1816" spans="1:3" x14ac:dyDescent="0.25">
      <c r="A1816" t="s">
        <v>30</v>
      </c>
      <c r="B1816">
        <v>18</v>
      </c>
      <c r="C1816">
        <v>0.56999999999999995</v>
      </c>
    </row>
    <row r="1817" spans="1:3" x14ac:dyDescent="0.25">
      <c r="A1817" t="s">
        <v>15</v>
      </c>
      <c r="B1817">
        <v>18</v>
      </c>
      <c r="C1817">
        <v>0.15</v>
      </c>
    </row>
    <row r="1818" spans="1:3" x14ac:dyDescent="0.25">
      <c r="A1818" t="s">
        <v>15</v>
      </c>
      <c r="B1818">
        <v>18</v>
      </c>
      <c r="C1818">
        <v>0.09</v>
      </c>
    </row>
    <row r="1819" spans="1:3" x14ac:dyDescent="0.25">
      <c r="A1819" t="s">
        <v>15</v>
      </c>
      <c r="B1819">
        <v>18</v>
      </c>
      <c r="C1819">
        <v>0.13</v>
      </c>
    </row>
    <row r="1820" spans="1:3" x14ac:dyDescent="0.25">
      <c r="A1820" t="s">
        <v>15</v>
      </c>
      <c r="B1820">
        <v>18</v>
      </c>
      <c r="C1820">
        <v>0.21</v>
      </c>
    </row>
    <row r="1821" spans="1:3" x14ac:dyDescent="0.25">
      <c r="A1821" t="s">
        <v>15</v>
      </c>
      <c r="B1821">
        <v>18</v>
      </c>
      <c r="C1821">
        <v>0.09</v>
      </c>
    </row>
    <row r="1822" spans="1:3" x14ac:dyDescent="0.25">
      <c r="A1822" t="s">
        <v>15</v>
      </c>
      <c r="B1822">
        <v>18</v>
      </c>
      <c r="C1822">
        <v>0.13</v>
      </c>
    </row>
    <row r="1823" spans="1:3" x14ac:dyDescent="0.25">
      <c r="A1823" t="s">
        <v>15</v>
      </c>
      <c r="B1823">
        <v>18</v>
      </c>
      <c r="C1823">
        <v>0.12</v>
      </c>
    </row>
    <row r="1824" spans="1:3" x14ac:dyDescent="0.25">
      <c r="A1824" t="s">
        <v>15</v>
      </c>
      <c r="B1824">
        <v>18</v>
      </c>
      <c r="C1824">
        <v>0.21</v>
      </c>
    </row>
    <row r="1825" spans="1:3" x14ac:dyDescent="0.25">
      <c r="A1825" t="s">
        <v>26</v>
      </c>
      <c r="B1825">
        <v>18</v>
      </c>
      <c r="C1825">
        <v>0.27</v>
      </c>
    </row>
    <row r="1826" spans="1:3" x14ac:dyDescent="0.25">
      <c r="A1826" t="s">
        <v>26</v>
      </c>
      <c r="B1826">
        <v>18</v>
      </c>
      <c r="C1826">
        <v>0.23</v>
      </c>
    </row>
    <row r="1827" spans="1:3" x14ac:dyDescent="0.25">
      <c r="A1827" t="s">
        <v>14</v>
      </c>
      <c r="B1827">
        <v>18</v>
      </c>
      <c r="C1827">
        <v>0.48</v>
      </c>
    </row>
    <row r="1828" spans="1:3" x14ac:dyDescent="0.25">
      <c r="A1828" t="s">
        <v>14</v>
      </c>
      <c r="B1828">
        <v>18</v>
      </c>
      <c r="C1828">
        <v>0.33</v>
      </c>
    </row>
    <row r="1829" spans="1:3" x14ac:dyDescent="0.25">
      <c r="A1829" t="s">
        <v>14</v>
      </c>
      <c r="B1829">
        <v>18</v>
      </c>
      <c r="C1829">
        <v>0.53</v>
      </c>
    </row>
    <row r="1830" spans="1:3" x14ac:dyDescent="0.25">
      <c r="A1830" t="s">
        <v>14</v>
      </c>
      <c r="B1830">
        <v>18</v>
      </c>
      <c r="C1830">
        <v>0.31</v>
      </c>
    </row>
    <row r="1831" spans="1:3" x14ac:dyDescent="0.25">
      <c r="A1831" t="s">
        <v>14</v>
      </c>
      <c r="B1831">
        <v>18</v>
      </c>
      <c r="C1831">
        <v>0.51</v>
      </c>
    </row>
    <row r="1832" spans="1:3" x14ac:dyDescent="0.25">
      <c r="A1832" t="s">
        <v>28</v>
      </c>
      <c r="B1832">
        <v>18</v>
      </c>
      <c r="C1832">
        <v>0.67</v>
      </c>
    </row>
    <row r="1833" spans="1:3" x14ac:dyDescent="0.25">
      <c r="A1833" t="s">
        <v>28</v>
      </c>
      <c r="B1833">
        <v>18</v>
      </c>
      <c r="C1833">
        <v>0.32</v>
      </c>
    </row>
    <row r="1834" spans="1:3" x14ac:dyDescent="0.25">
      <c r="A1834" t="s">
        <v>16</v>
      </c>
      <c r="B1834">
        <v>18</v>
      </c>
      <c r="C1834">
        <v>0.57999999999999996</v>
      </c>
    </row>
    <row r="1835" spans="1:3" x14ac:dyDescent="0.25">
      <c r="A1835" t="s">
        <v>16</v>
      </c>
      <c r="B1835">
        <v>18</v>
      </c>
      <c r="C1835">
        <v>0.46</v>
      </c>
    </row>
    <row r="1836" spans="1:3" x14ac:dyDescent="0.25">
      <c r="A1836" t="s">
        <v>16</v>
      </c>
      <c r="B1836">
        <v>18</v>
      </c>
      <c r="C1836">
        <v>0.57999999999999996</v>
      </c>
    </row>
    <row r="1837" spans="1:3" x14ac:dyDescent="0.25">
      <c r="A1837" t="s">
        <v>16</v>
      </c>
      <c r="B1837">
        <v>18</v>
      </c>
      <c r="C1837">
        <v>0.56999999999999995</v>
      </c>
    </row>
    <row r="1838" spans="1:3" x14ac:dyDescent="0.25">
      <c r="A1838" t="s">
        <v>16</v>
      </c>
      <c r="B1838">
        <v>18</v>
      </c>
      <c r="C1838">
        <v>0.61</v>
      </c>
    </row>
    <row r="1839" spans="1:3" x14ac:dyDescent="0.25">
      <c r="A1839" t="s">
        <v>16</v>
      </c>
      <c r="B1839">
        <v>18</v>
      </c>
      <c r="C1839">
        <v>0.33</v>
      </c>
    </row>
    <row r="1840" spans="1:3" x14ac:dyDescent="0.25">
      <c r="A1840" t="s">
        <v>16</v>
      </c>
      <c r="B1840">
        <v>18</v>
      </c>
      <c r="C1840">
        <v>0.47</v>
      </c>
    </row>
    <row r="1841" spans="1:3" x14ac:dyDescent="0.25">
      <c r="A1841" t="s">
        <v>13</v>
      </c>
      <c r="B1841">
        <v>18</v>
      </c>
      <c r="C1841">
        <v>0.55000000000000004</v>
      </c>
    </row>
    <row r="1842" spans="1:3" x14ac:dyDescent="0.25">
      <c r="A1842" t="s">
        <v>13</v>
      </c>
      <c r="B1842">
        <v>18</v>
      </c>
      <c r="C1842">
        <v>0.38</v>
      </c>
    </row>
    <row r="1843" spans="1:3" x14ac:dyDescent="0.25">
      <c r="A1843" t="s">
        <v>13</v>
      </c>
      <c r="B1843">
        <v>18</v>
      </c>
      <c r="C1843">
        <v>0.56000000000000005</v>
      </c>
    </row>
    <row r="1844" spans="1:3" x14ac:dyDescent="0.25">
      <c r="A1844" t="s">
        <v>13</v>
      </c>
      <c r="B1844">
        <v>18</v>
      </c>
      <c r="C1844">
        <v>0.56999999999999995</v>
      </c>
    </row>
    <row r="1845" spans="1:3" x14ac:dyDescent="0.25">
      <c r="A1845" t="s">
        <v>13</v>
      </c>
      <c r="B1845">
        <v>18</v>
      </c>
      <c r="C1845">
        <v>0.56000000000000005</v>
      </c>
    </row>
    <row r="1846" spans="1:3" x14ac:dyDescent="0.25">
      <c r="A1846" t="s">
        <v>13</v>
      </c>
      <c r="B1846">
        <v>18</v>
      </c>
      <c r="C1846">
        <v>0.3</v>
      </c>
    </row>
    <row r="1847" spans="1:3" x14ac:dyDescent="0.25">
      <c r="A1847" t="s">
        <v>13</v>
      </c>
      <c r="B1847">
        <v>18</v>
      </c>
      <c r="C1847">
        <v>0.44</v>
      </c>
    </row>
    <row r="1848" spans="1:3" x14ac:dyDescent="0.25">
      <c r="A1848" t="s">
        <v>17</v>
      </c>
      <c r="B1848">
        <v>18</v>
      </c>
      <c r="C1848">
        <v>0.25</v>
      </c>
    </row>
    <row r="1849" spans="1:3" x14ac:dyDescent="0.25">
      <c r="A1849" t="s">
        <v>17</v>
      </c>
      <c r="B1849">
        <v>18</v>
      </c>
      <c r="C1849">
        <v>0.28999999999999998</v>
      </c>
    </row>
    <row r="1850" spans="1:3" x14ac:dyDescent="0.25">
      <c r="A1850" t="s">
        <v>17</v>
      </c>
      <c r="B1850">
        <v>18</v>
      </c>
      <c r="C1850">
        <v>0.05</v>
      </c>
    </row>
    <row r="1851" spans="1:3" x14ac:dyDescent="0.25">
      <c r="A1851" t="s">
        <v>17</v>
      </c>
      <c r="B1851">
        <v>18</v>
      </c>
      <c r="C1851">
        <v>0.27</v>
      </c>
    </row>
    <row r="1852" spans="1:3" x14ac:dyDescent="0.25">
      <c r="A1852" t="s">
        <v>17</v>
      </c>
      <c r="B1852">
        <v>18</v>
      </c>
      <c r="C1852">
        <v>0.15</v>
      </c>
    </row>
    <row r="1853" spans="1:3" x14ac:dyDescent="0.25">
      <c r="A1853" t="s">
        <v>17</v>
      </c>
      <c r="B1853">
        <v>18</v>
      </c>
      <c r="C1853">
        <v>0.22</v>
      </c>
    </row>
    <row r="1854" spans="1:3" x14ac:dyDescent="0.25">
      <c r="A1854" t="s">
        <v>17</v>
      </c>
      <c r="B1854">
        <v>18</v>
      </c>
      <c r="C1854">
        <v>0.1</v>
      </c>
    </row>
    <row r="1855" spans="1:3" x14ac:dyDescent="0.25">
      <c r="A1855" t="s">
        <v>17</v>
      </c>
      <c r="B1855">
        <v>18</v>
      </c>
      <c r="C1855">
        <v>0.09</v>
      </c>
    </row>
    <row r="1856" spans="1:3" x14ac:dyDescent="0.25">
      <c r="A1856" t="s">
        <v>27</v>
      </c>
      <c r="B1856">
        <v>18</v>
      </c>
      <c r="C1856">
        <v>0.71</v>
      </c>
    </row>
    <row r="1857" spans="1:3" x14ac:dyDescent="0.25">
      <c r="A1857" t="s">
        <v>27</v>
      </c>
      <c r="B1857">
        <v>18</v>
      </c>
      <c r="C1857">
        <v>0.75</v>
      </c>
    </row>
    <row r="1858" spans="1:3" x14ac:dyDescent="0.25">
      <c r="A1858" t="s">
        <v>27</v>
      </c>
      <c r="B1858">
        <v>18</v>
      </c>
      <c r="C1858">
        <v>0.73</v>
      </c>
    </row>
    <row r="1859" spans="1:3" x14ac:dyDescent="0.25">
      <c r="A1859" t="s">
        <v>27</v>
      </c>
      <c r="B1859">
        <v>18</v>
      </c>
      <c r="C1859">
        <v>0.89</v>
      </c>
    </row>
    <row r="1860" spans="1:3" x14ac:dyDescent="0.25">
      <c r="A1860" t="s">
        <v>9</v>
      </c>
      <c r="B1860">
        <v>18</v>
      </c>
      <c r="C1860">
        <v>0.23</v>
      </c>
    </row>
    <row r="1861" spans="1:3" x14ac:dyDescent="0.25">
      <c r="A1861" t="s">
        <v>9</v>
      </c>
      <c r="B1861">
        <v>18</v>
      </c>
      <c r="C1861">
        <v>0.05</v>
      </c>
    </row>
    <row r="1862" spans="1:3" x14ac:dyDescent="0.25">
      <c r="A1862" t="s">
        <v>9</v>
      </c>
      <c r="B1862">
        <v>18</v>
      </c>
      <c r="C1862">
        <v>0.22</v>
      </c>
    </row>
    <row r="1863" spans="1:3" x14ac:dyDescent="0.25">
      <c r="A1863" t="s">
        <v>9</v>
      </c>
      <c r="B1863">
        <v>18</v>
      </c>
      <c r="C1863">
        <v>0.25</v>
      </c>
    </row>
    <row r="1864" spans="1:3" x14ac:dyDescent="0.25">
      <c r="A1864" t="s">
        <v>9</v>
      </c>
      <c r="B1864">
        <v>18</v>
      </c>
      <c r="C1864">
        <v>0.22</v>
      </c>
    </row>
    <row r="1865" spans="1:3" x14ac:dyDescent="0.25">
      <c r="A1865" t="s">
        <v>9</v>
      </c>
      <c r="B1865">
        <v>18</v>
      </c>
      <c r="C1865">
        <v>7.0000000000000007E-2</v>
      </c>
    </row>
    <row r="1866" spans="1:3" x14ac:dyDescent="0.25">
      <c r="A1866" t="s">
        <v>20</v>
      </c>
      <c r="B1866">
        <v>18</v>
      </c>
      <c r="C1866">
        <v>0.45</v>
      </c>
    </row>
    <row r="1867" spans="1:3" x14ac:dyDescent="0.25">
      <c r="A1867" t="s">
        <v>20</v>
      </c>
      <c r="B1867">
        <v>18</v>
      </c>
      <c r="C1867">
        <v>0.44</v>
      </c>
    </row>
    <row r="1868" spans="1:3" x14ac:dyDescent="0.25">
      <c r="A1868" t="s">
        <v>20</v>
      </c>
      <c r="B1868">
        <v>18</v>
      </c>
      <c r="C1868">
        <v>0.46</v>
      </c>
    </row>
    <row r="1869" spans="1:3" x14ac:dyDescent="0.25">
      <c r="A1869" t="s">
        <v>20</v>
      </c>
      <c r="B1869">
        <v>18</v>
      </c>
      <c r="C1869">
        <v>0.55000000000000004</v>
      </c>
    </row>
    <row r="1870" spans="1:3" x14ac:dyDescent="0.25">
      <c r="A1870" t="s">
        <v>20</v>
      </c>
      <c r="B1870">
        <v>18</v>
      </c>
      <c r="C1870">
        <v>0.63</v>
      </c>
    </row>
    <row r="1871" spans="1:3" x14ac:dyDescent="0.25">
      <c r="A1871" t="s">
        <v>19</v>
      </c>
      <c r="B1871">
        <v>18</v>
      </c>
      <c r="C1871">
        <v>0.77</v>
      </c>
    </row>
    <row r="1872" spans="1:3" x14ac:dyDescent="0.25">
      <c r="A1872" t="s">
        <v>19</v>
      </c>
      <c r="B1872">
        <v>18</v>
      </c>
      <c r="C1872">
        <v>0.94</v>
      </c>
    </row>
    <row r="1873" spans="1:3" x14ac:dyDescent="0.25">
      <c r="A1873" t="s">
        <v>19</v>
      </c>
      <c r="B1873">
        <v>18</v>
      </c>
      <c r="C1873">
        <v>0.78</v>
      </c>
    </row>
    <row r="1874" spans="1:3" x14ac:dyDescent="0.25">
      <c r="A1874" t="s">
        <v>19</v>
      </c>
      <c r="B1874">
        <v>18</v>
      </c>
      <c r="C1874">
        <v>0.78</v>
      </c>
    </row>
    <row r="1875" spans="1:3" x14ac:dyDescent="0.25">
      <c r="A1875" t="s">
        <v>19</v>
      </c>
      <c r="B1875">
        <v>18</v>
      </c>
      <c r="C1875">
        <v>0.84</v>
      </c>
    </row>
    <row r="1876" spans="1:3" x14ac:dyDescent="0.25">
      <c r="A1876" t="s">
        <v>22</v>
      </c>
      <c r="B1876">
        <v>19</v>
      </c>
      <c r="C1876">
        <v>0.43</v>
      </c>
    </row>
    <row r="1877" spans="1:3" x14ac:dyDescent="0.25">
      <c r="A1877" t="s">
        <v>22</v>
      </c>
      <c r="B1877">
        <v>19</v>
      </c>
      <c r="C1877">
        <v>0.62</v>
      </c>
    </row>
    <row r="1878" spans="1:3" x14ac:dyDescent="0.25">
      <c r="A1878" t="s">
        <v>29</v>
      </c>
      <c r="B1878">
        <v>19</v>
      </c>
      <c r="C1878">
        <v>0.22</v>
      </c>
    </row>
    <row r="1879" spans="1:3" x14ac:dyDescent="0.25">
      <c r="A1879" t="s">
        <v>29</v>
      </c>
      <c r="B1879">
        <v>19</v>
      </c>
      <c r="C1879">
        <v>7.0000000000000007E-2</v>
      </c>
    </row>
    <row r="1880" spans="1:3" x14ac:dyDescent="0.25">
      <c r="A1880" t="s">
        <v>29</v>
      </c>
      <c r="B1880">
        <v>19</v>
      </c>
      <c r="C1880">
        <v>0.19</v>
      </c>
    </row>
    <row r="1881" spans="1:3" x14ac:dyDescent="0.25">
      <c r="A1881" t="s">
        <v>29</v>
      </c>
      <c r="B1881">
        <v>19</v>
      </c>
      <c r="C1881">
        <v>0.28000000000000003</v>
      </c>
    </row>
    <row r="1882" spans="1:3" x14ac:dyDescent="0.25">
      <c r="A1882" t="s">
        <v>7</v>
      </c>
      <c r="B1882">
        <v>19</v>
      </c>
      <c r="C1882">
        <v>0.85</v>
      </c>
    </row>
    <row r="1883" spans="1:3" x14ac:dyDescent="0.25">
      <c r="A1883" t="s">
        <v>7</v>
      </c>
      <c r="B1883">
        <v>19</v>
      </c>
      <c r="C1883">
        <v>0.78</v>
      </c>
    </row>
    <row r="1884" spans="1:3" x14ac:dyDescent="0.25">
      <c r="A1884" t="s">
        <v>7</v>
      </c>
      <c r="B1884">
        <v>19</v>
      </c>
      <c r="C1884">
        <v>0.8</v>
      </c>
    </row>
    <row r="1885" spans="1:3" x14ac:dyDescent="0.25">
      <c r="A1885" t="s">
        <v>7</v>
      </c>
      <c r="B1885">
        <v>19</v>
      </c>
      <c r="C1885">
        <v>0.8</v>
      </c>
    </row>
    <row r="1886" spans="1:3" x14ac:dyDescent="0.25">
      <c r="A1886" t="s">
        <v>7</v>
      </c>
      <c r="B1886">
        <v>19</v>
      </c>
      <c r="C1886">
        <v>0.88</v>
      </c>
    </row>
    <row r="1887" spans="1:3" x14ac:dyDescent="0.25">
      <c r="A1887" t="s">
        <v>7</v>
      </c>
      <c r="B1887">
        <v>19</v>
      </c>
      <c r="C1887">
        <v>0.95</v>
      </c>
    </row>
    <row r="1888" spans="1:3" x14ac:dyDescent="0.25">
      <c r="A1888" t="s">
        <v>7</v>
      </c>
      <c r="B1888">
        <v>19</v>
      </c>
      <c r="C1888">
        <v>0.8</v>
      </c>
    </row>
    <row r="1889" spans="1:3" x14ac:dyDescent="0.25">
      <c r="A1889" t="s">
        <v>7</v>
      </c>
      <c r="B1889">
        <v>19</v>
      </c>
      <c r="C1889">
        <v>0.86</v>
      </c>
    </row>
    <row r="1890" spans="1:3" x14ac:dyDescent="0.25">
      <c r="A1890" t="s">
        <v>11</v>
      </c>
      <c r="B1890">
        <v>19</v>
      </c>
      <c r="C1890">
        <v>0.9</v>
      </c>
    </row>
    <row r="1891" spans="1:3" x14ac:dyDescent="0.25">
      <c r="A1891" t="s">
        <v>11</v>
      </c>
      <c r="B1891">
        <v>19</v>
      </c>
      <c r="C1891">
        <v>0.8</v>
      </c>
    </row>
    <row r="1892" spans="1:3" x14ac:dyDescent="0.25">
      <c r="A1892" t="s">
        <v>11</v>
      </c>
      <c r="B1892">
        <v>19</v>
      </c>
      <c r="C1892">
        <v>0.82</v>
      </c>
    </row>
    <row r="1893" spans="1:3" x14ac:dyDescent="0.25">
      <c r="A1893" t="s">
        <v>11</v>
      </c>
      <c r="B1893">
        <v>19</v>
      </c>
      <c r="C1893">
        <v>0.71</v>
      </c>
    </row>
    <row r="1894" spans="1:3" x14ac:dyDescent="0.25">
      <c r="A1894" t="s">
        <v>23</v>
      </c>
      <c r="B1894">
        <v>19</v>
      </c>
      <c r="C1894">
        <v>0.64</v>
      </c>
    </row>
    <row r="1895" spans="1:3" x14ac:dyDescent="0.25">
      <c r="A1895" t="s">
        <v>23</v>
      </c>
      <c r="B1895">
        <v>19</v>
      </c>
      <c r="C1895">
        <v>0.64</v>
      </c>
    </row>
    <row r="1896" spans="1:3" x14ac:dyDescent="0.25">
      <c r="A1896" t="s">
        <v>23</v>
      </c>
      <c r="B1896">
        <v>19</v>
      </c>
      <c r="C1896">
        <v>0.59</v>
      </c>
    </row>
    <row r="1897" spans="1:3" x14ac:dyDescent="0.25">
      <c r="A1897" t="s">
        <v>23</v>
      </c>
      <c r="B1897">
        <v>19</v>
      </c>
      <c r="C1897">
        <v>0.5</v>
      </c>
    </row>
    <row r="1898" spans="1:3" x14ac:dyDescent="0.25">
      <c r="A1898" t="s">
        <v>23</v>
      </c>
      <c r="B1898">
        <v>19</v>
      </c>
      <c r="C1898">
        <v>0.62</v>
      </c>
    </row>
    <row r="1899" spans="1:3" x14ac:dyDescent="0.25">
      <c r="A1899" t="s">
        <v>23</v>
      </c>
      <c r="B1899">
        <v>19</v>
      </c>
      <c r="C1899">
        <v>0.56999999999999995</v>
      </c>
    </row>
    <row r="1900" spans="1:3" x14ac:dyDescent="0.25">
      <c r="A1900" t="s">
        <v>18</v>
      </c>
      <c r="B1900">
        <v>19</v>
      </c>
      <c r="C1900">
        <v>0.34</v>
      </c>
    </row>
    <row r="1901" spans="1:3" x14ac:dyDescent="0.25">
      <c r="A1901" t="s">
        <v>18</v>
      </c>
      <c r="B1901">
        <v>19</v>
      </c>
      <c r="C1901">
        <v>0.35</v>
      </c>
    </row>
    <row r="1902" spans="1:3" x14ac:dyDescent="0.25">
      <c r="A1902" t="s">
        <v>18</v>
      </c>
      <c r="B1902">
        <v>19</v>
      </c>
      <c r="C1902">
        <v>0.43</v>
      </c>
    </row>
    <row r="1903" spans="1:3" x14ac:dyDescent="0.25">
      <c r="A1903" t="s">
        <v>18</v>
      </c>
      <c r="B1903">
        <v>19</v>
      </c>
      <c r="C1903">
        <v>0.36</v>
      </c>
    </row>
    <row r="1904" spans="1:3" x14ac:dyDescent="0.25">
      <c r="A1904" t="s">
        <v>18</v>
      </c>
      <c r="B1904">
        <v>19</v>
      </c>
      <c r="C1904">
        <v>0.6</v>
      </c>
    </row>
    <row r="1905" spans="1:3" x14ac:dyDescent="0.25">
      <c r="A1905" t="s">
        <v>18</v>
      </c>
      <c r="B1905">
        <v>19</v>
      </c>
      <c r="C1905">
        <v>0.62</v>
      </c>
    </row>
    <row r="1906" spans="1:3" x14ac:dyDescent="0.25">
      <c r="A1906" t="s">
        <v>18</v>
      </c>
      <c r="B1906">
        <v>19</v>
      </c>
      <c r="C1906">
        <v>0.32</v>
      </c>
    </row>
    <row r="1907" spans="1:3" x14ac:dyDescent="0.25">
      <c r="A1907" t="s">
        <v>18</v>
      </c>
      <c r="B1907">
        <v>19</v>
      </c>
      <c r="C1907">
        <v>0.7</v>
      </c>
    </row>
    <row r="1908" spans="1:3" x14ac:dyDescent="0.25">
      <c r="A1908" t="s">
        <v>18</v>
      </c>
      <c r="B1908">
        <v>19</v>
      </c>
      <c r="C1908">
        <v>0.56999999999999995</v>
      </c>
    </row>
    <row r="1909" spans="1:3" x14ac:dyDescent="0.25">
      <c r="A1909" t="s">
        <v>21</v>
      </c>
      <c r="B1909">
        <v>19</v>
      </c>
      <c r="C1909">
        <v>0.56999999999999995</v>
      </c>
    </row>
    <row r="1910" spans="1:3" x14ac:dyDescent="0.25">
      <c r="A1910" t="s">
        <v>21</v>
      </c>
      <c r="B1910">
        <v>19</v>
      </c>
      <c r="C1910">
        <v>0.56000000000000005</v>
      </c>
    </row>
    <row r="1911" spans="1:3" x14ac:dyDescent="0.25">
      <c r="A1911" t="s">
        <v>21</v>
      </c>
      <c r="B1911">
        <v>19</v>
      </c>
      <c r="C1911">
        <v>0.66</v>
      </c>
    </row>
    <row r="1912" spans="1:3" x14ac:dyDescent="0.25">
      <c r="A1912" t="s">
        <v>21</v>
      </c>
      <c r="B1912">
        <v>19</v>
      </c>
      <c r="C1912">
        <v>0.31</v>
      </c>
    </row>
    <row r="1913" spans="1:3" x14ac:dyDescent="0.25">
      <c r="A1913" t="s">
        <v>25</v>
      </c>
      <c r="B1913">
        <v>19</v>
      </c>
      <c r="C1913">
        <v>0.95</v>
      </c>
    </row>
    <row r="1914" spans="1:3" x14ac:dyDescent="0.25">
      <c r="A1914" t="s">
        <v>25</v>
      </c>
      <c r="B1914">
        <v>19</v>
      </c>
      <c r="C1914">
        <v>0.85</v>
      </c>
    </row>
    <row r="1915" spans="1:3" x14ac:dyDescent="0.25">
      <c r="A1915" t="s">
        <v>25</v>
      </c>
      <c r="B1915">
        <v>19</v>
      </c>
      <c r="C1915">
        <v>0.9</v>
      </c>
    </row>
    <row r="1916" spans="1:3" x14ac:dyDescent="0.25">
      <c r="A1916" t="s">
        <v>25</v>
      </c>
      <c r="B1916">
        <v>19</v>
      </c>
      <c r="C1916">
        <v>0.72</v>
      </c>
    </row>
    <row r="1917" spans="1:3" x14ac:dyDescent="0.25">
      <c r="A1917" t="s">
        <v>30</v>
      </c>
      <c r="B1917">
        <v>19</v>
      </c>
      <c r="C1917">
        <v>0.5</v>
      </c>
    </row>
    <row r="1918" spans="1:3" x14ac:dyDescent="0.25">
      <c r="A1918" t="s">
        <v>30</v>
      </c>
      <c r="B1918">
        <v>19</v>
      </c>
      <c r="C1918">
        <v>0.35</v>
      </c>
    </row>
    <row r="1919" spans="1:3" x14ac:dyDescent="0.25">
      <c r="A1919" t="s">
        <v>30</v>
      </c>
      <c r="B1919">
        <v>19</v>
      </c>
      <c r="C1919">
        <v>0.65</v>
      </c>
    </row>
    <row r="1920" spans="1:3" x14ac:dyDescent="0.25">
      <c r="A1920" t="s">
        <v>30</v>
      </c>
      <c r="B1920">
        <v>19</v>
      </c>
      <c r="C1920">
        <v>0.5</v>
      </c>
    </row>
    <row r="1921" spans="1:3" x14ac:dyDescent="0.25">
      <c r="A1921" t="s">
        <v>30</v>
      </c>
      <c r="B1921">
        <v>19</v>
      </c>
      <c r="C1921">
        <v>0.32</v>
      </c>
    </row>
    <row r="1922" spans="1:3" x14ac:dyDescent="0.25">
      <c r="A1922" t="s">
        <v>15</v>
      </c>
      <c r="B1922">
        <v>19</v>
      </c>
      <c r="C1922">
        <v>0.28999999999999998</v>
      </c>
    </row>
    <row r="1923" spans="1:3" x14ac:dyDescent="0.25">
      <c r="A1923" t="s">
        <v>26</v>
      </c>
      <c r="B1923">
        <v>19</v>
      </c>
      <c r="C1923">
        <v>0.21</v>
      </c>
    </row>
    <row r="1924" spans="1:3" x14ac:dyDescent="0.25">
      <c r="A1924" t="s">
        <v>26</v>
      </c>
      <c r="B1924">
        <v>19</v>
      </c>
      <c r="C1924">
        <v>0.05</v>
      </c>
    </row>
    <row r="1925" spans="1:3" x14ac:dyDescent="0.25">
      <c r="A1925" t="s">
        <v>26</v>
      </c>
      <c r="B1925">
        <v>19</v>
      </c>
      <c r="C1925">
        <v>0.14000000000000001</v>
      </c>
    </row>
    <row r="1926" spans="1:3" x14ac:dyDescent="0.25">
      <c r="A1926" t="s">
        <v>26</v>
      </c>
      <c r="B1926">
        <v>19</v>
      </c>
      <c r="C1926">
        <v>0.21</v>
      </c>
    </row>
    <row r="1927" spans="1:3" x14ac:dyDescent="0.25">
      <c r="A1927" t="s">
        <v>14</v>
      </c>
      <c r="B1927">
        <v>19</v>
      </c>
      <c r="C1927">
        <v>0.61</v>
      </c>
    </row>
    <row r="1928" spans="1:3" x14ac:dyDescent="0.25">
      <c r="A1928" t="s">
        <v>14</v>
      </c>
      <c r="B1928">
        <v>19</v>
      </c>
      <c r="C1928">
        <v>0.34</v>
      </c>
    </row>
    <row r="1929" spans="1:3" x14ac:dyDescent="0.25">
      <c r="A1929" t="s">
        <v>14</v>
      </c>
      <c r="B1929">
        <v>19</v>
      </c>
      <c r="C1929">
        <v>0.32</v>
      </c>
    </row>
    <row r="1930" spans="1:3" x14ac:dyDescent="0.25">
      <c r="A1930" t="s">
        <v>28</v>
      </c>
      <c r="B1930">
        <v>19</v>
      </c>
      <c r="C1930">
        <v>0.37</v>
      </c>
    </row>
    <row r="1931" spans="1:3" x14ac:dyDescent="0.25">
      <c r="A1931" t="s">
        <v>28</v>
      </c>
      <c r="B1931">
        <v>19</v>
      </c>
      <c r="C1931">
        <v>0.46</v>
      </c>
    </row>
    <row r="1932" spans="1:3" x14ac:dyDescent="0.25">
      <c r="A1932" t="s">
        <v>16</v>
      </c>
      <c r="B1932">
        <v>19</v>
      </c>
      <c r="C1932">
        <v>0.65</v>
      </c>
    </row>
    <row r="1933" spans="1:3" x14ac:dyDescent="0.25">
      <c r="A1933" t="s">
        <v>16</v>
      </c>
      <c r="B1933">
        <v>19</v>
      </c>
      <c r="C1933">
        <v>0.54</v>
      </c>
    </row>
    <row r="1934" spans="1:3" x14ac:dyDescent="0.25">
      <c r="A1934" t="s">
        <v>16</v>
      </c>
      <c r="B1934">
        <v>19</v>
      </c>
      <c r="C1934">
        <v>0.56999999999999995</v>
      </c>
    </row>
    <row r="1935" spans="1:3" x14ac:dyDescent="0.25">
      <c r="A1935" t="s">
        <v>16</v>
      </c>
      <c r="B1935">
        <v>19</v>
      </c>
      <c r="C1935">
        <v>0.62</v>
      </c>
    </row>
    <row r="1936" spans="1:3" x14ac:dyDescent="0.25">
      <c r="A1936" t="s">
        <v>16</v>
      </c>
      <c r="B1936">
        <v>19</v>
      </c>
      <c r="C1936">
        <v>0.51</v>
      </c>
    </row>
    <row r="1937" spans="1:3" x14ac:dyDescent="0.25">
      <c r="A1937" t="s">
        <v>16</v>
      </c>
      <c r="B1937">
        <v>19</v>
      </c>
      <c r="C1937">
        <v>0.52</v>
      </c>
    </row>
    <row r="1938" spans="1:3" x14ac:dyDescent="0.25">
      <c r="A1938" t="s">
        <v>13</v>
      </c>
      <c r="B1938">
        <v>19</v>
      </c>
      <c r="C1938">
        <v>0.37</v>
      </c>
    </row>
    <row r="1939" spans="1:3" x14ac:dyDescent="0.25">
      <c r="A1939" t="s">
        <v>13</v>
      </c>
      <c r="B1939">
        <v>19</v>
      </c>
      <c r="C1939">
        <v>0.64</v>
      </c>
    </row>
    <row r="1940" spans="1:3" x14ac:dyDescent="0.25">
      <c r="A1940" t="s">
        <v>13</v>
      </c>
      <c r="B1940">
        <v>19</v>
      </c>
      <c r="C1940">
        <v>0.62</v>
      </c>
    </row>
    <row r="1941" spans="1:3" x14ac:dyDescent="0.25">
      <c r="A1941" t="s">
        <v>13</v>
      </c>
      <c r="B1941">
        <v>19</v>
      </c>
      <c r="C1941">
        <v>0.63</v>
      </c>
    </row>
    <row r="1942" spans="1:3" x14ac:dyDescent="0.25">
      <c r="A1942" t="s">
        <v>13</v>
      </c>
      <c r="B1942">
        <v>19</v>
      </c>
      <c r="C1942">
        <v>0.61</v>
      </c>
    </row>
    <row r="1943" spans="1:3" x14ac:dyDescent="0.25">
      <c r="A1943" t="s">
        <v>13</v>
      </c>
      <c r="B1943">
        <v>19</v>
      </c>
      <c r="C1943">
        <v>0.52</v>
      </c>
    </row>
    <row r="1944" spans="1:3" x14ac:dyDescent="0.25">
      <c r="A1944" t="s">
        <v>13</v>
      </c>
      <c r="B1944">
        <v>19</v>
      </c>
      <c r="C1944">
        <v>0.62</v>
      </c>
    </row>
    <row r="1945" spans="1:3" x14ac:dyDescent="0.25">
      <c r="A1945" t="s">
        <v>13</v>
      </c>
      <c r="B1945">
        <v>19</v>
      </c>
      <c r="C1945">
        <v>0.52</v>
      </c>
    </row>
    <row r="1946" spans="1:3" x14ac:dyDescent="0.25">
      <c r="A1946" t="s">
        <v>17</v>
      </c>
      <c r="B1946">
        <v>19</v>
      </c>
      <c r="C1946">
        <v>0.16</v>
      </c>
    </row>
    <row r="1947" spans="1:3" x14ac:dyDescent="0.25">
      <c r="A1947" t="s">
        <v>17</v>
      </c>
      <c r="B1947">
        <v>19</v>
      </c>
      <c r="C1947">
        <v>0.11</v>
      </c>
    </row>
    <row r="1948" spans="1:3" x14ac:dyDescent="0.25">
      <c r="A1948" t="s">
        <v>17</v>
      </c>
      <c r="B1948">
        <v>19</v>
      </c>
      <c r="C1948">
        <v>0.28000000000000003</v>
      </c>
    </row>
    <row r="1949" spans="1:3" x14ac:dyDescent="0.25">
      <c r="A1949" t="s">
        <v>17</v>
      </c>
      <c r="B1949">
        <v>19</v>
      </c>
      <c r="C1949">
        <v>0.14000000000000001</v>
      </c>
    </row>
    <row r="1950" spans="1:3" x14ac:dyDescent="0.25">
      <c r="A1950" t="s">
        <v>17</v>
      </c>
      <c r="B1950">
        <v>19</v>
      </c>
      <c r="C1950">
        <v>0.15</v>
      </c>
    </row>
    <row r="1951" spans="1:3" x14ac:dyDescent="0.25">
      <c r="A1951" t="s">
        <v>27</v>
      </c>
      <c r="B1951">
        <v>19</v>
      </c>
      <c r="C1951">
        <v>0.8</v>
      </c>
    </row>
    <row r="1952" spans="1:3" x14ac:dyDescent="0.25">
      <c r="A1952" t="s">
        <v>27</v>
      </c>
      <c r="B1952">
        <v>19</v>
      </c>
      <c r="C1952">
        <v>0.71</v>
      </c>
    </row>
    <row r="1953" spans="1:3" x14ac:dyDescent="0.25">
      <c r="A1953" t="s">
        <v>27</v>
      </c>
      <c r="B1953">
        <v>19</v>
      </c>
      <c r="C1953">
        <v>0.89</v>
      </c>
    </row>
    <row r="1954" spans="1:3" x14ac:dyDescent="0.25">
      <c r="A1954" t="s">
        <v>9</v>
      </c>
      <c r="B1954">
        <v>19</v>
      </c>
      <c r="C1954">
        <v>0.21</v>
      </c>
    </row>
    <row r="1955" spans="1:3" x14ac:dyDescent="0.25">
      <c r="A1955" t="s">
        <v>9</v>
      </c>
      <c r="B1955">
        <v>19</v>
      </c>
      <c r="C1955">
        <v>0.18</v>
      </c>
    </row>
    <row r="1956" spans="1:3" x14ac:dyDescent="0.25">
      <c r="A1956" t="s">
        <v>9</v>
      </c>
      <c r="B1956">
        <v>19</v>
      </c>
      <c r="C1956">
        <v>0.22</v>
      </c>
    </row>
    <row r="1957" spans="1:3" x14ac:dyDescent="0.25">
      <c r="A1957" t="s">
        <v>9</v>
      </c>
      <c r="B1957">
        <v>19</v>
      </c>
      <c r="C1957">
        <v>0.2</v>
      </c>
    </row>
    <row r="1958" spans="1:3" x14ac:dyDescent="0.25">
      <c r="A1958" t="s">
        <v>9</v>
      </c>
      <c r="B1958">
        <v>19</v>
      </c>
      <c r="C1958">
        <v>0.09</v>
      </c>
    </row>
    <row r="1959" spans="1:3" x14ac:dyDescent="0.25">
      <c r="A1959" t="s">
        <v>20</v>
      </c>
      <c r="B1959">
        <v>19</v>
      </c>
      <c r="C1959">
        <v>0.41</v>
      </c>
    </row>
    <row r="1960" spans="1:3" x14ac:dyDescent="0.25">
      <c r="A1960" t="s">
        <v>20</v>
      </c>
      <c r="B1960">
        <v>19</v>
      </c>
      <c r="C1960">
        <v>0.39</v>
      </c>
    </row>
    <row r="1961" spans="1:3" x14ac:dyDescent="0.25">
      <c r="A1961" t="s">
        <v>20</v>
      </c>
      <c r="B1961">
        <v>19</v>
      </c>
      <c r="C1961">
        <v>0.47</v>
      </c>
    </row>
    <row r="1962" spans="1:3" x14ac:dyDescent="0.25">
      <c r="A1962" t="s">
        <v>20</v>
      </c>
      <c r="B1962">
        <v>19</v>
      </c>
      <c r="C1962">
        <v>0.42</v>
      </c>
    </row>
    <row r="1963" spans="1:3" x14ac:dyDescent="0.25">
      <c r="A1963" t="s">
        <v>20</v>
      </c>
      <c r="B1963">
        <v>19</v>
      </c>
      <c r="C1963">
        <v>0.45</v>
      </c>
    </row>
    <row r="1964" spans="1:3" x14ac:dyDescent="0.25">
      <c r="A1964" t="s">
        <v>20</v>
      </c>
      <c r="B1964">
        <v>19</v>
      </c>
      <c r="C1964">
        <v>0.64</v>
      </c>
    </row>
    <row r="1965" spans="1:3" x14ac:dyDescent="0.25">
      <c r="A1965" t="s">
        <v>19</v>
      </c>
      <c r="B1965">
        <v>19</v>
      </c>
      <c r="C1965">
        <v>0.78</v>
      </c>
    </row>
    <row r="1966" spans="1:3" x14ac:dyDescent="0.25">
      <c r="A1966" t="s">
        <v>19</v>
      </c>
      <c r="B1966">
        <v>19</v>
      </c>
      <c r="C1966">
        <v>0.76</v>
      </c>
    </row>
    <row r="1967" spans="1:3" x14ac:dyDescent="0.25">
      <c r="A1967" t="s">
        <v>19</v>
      </c>
      <c r="B1967">
        <v>19</v>
      </c>
      <c r="C1967">
        <v>0.91</v>
      </c>
    </row>
    <row r="1968" spans="1:3" x14ac:dyDescent="0.25">
      <c r="A1968" t="s">
        <v>19</v>
      </c>
      <c r="B1968">
        <v>19</v>
      </c>
      <c r="C1968">
        <v>0.9</v>
      </c>
    </row>
    <row r="1969" spans="1:3" x14ac:dyDescent="0.25">
      <c r="A1969" t="s">
        <v>19</v>
      </c>
      <c r="B1969">
        <v>19</v>
      </c>
      <c r="C1969">
        <v>0.73</v>
      </c>
    </row>
    <row r="1970" spans="1:3" x14ac:dyDescent="0.25">
      <c r="A1970" t="s">
        <v>22</v>
      </c>
      <c r="B1970">
        <v>20</v>
      </c>
      <c r="C1970">
        <v>0.65</v>
      </c>
    </row>
    <row r="1971" spans="1:3" x14ac:dyDescent="0.25">
      <c r="A1971" t="s">
        <v>29</v>
      </c>
      <c r="B1971">
        <v>20</v>
      </c>
      <c r="C1971">
        <v>0.17</v>
      </c>
    </row>
    <row r="1972" spans="1:3" x14ac:dyDescent="0.25">
      <c r="A1972" t="s">
        <v>29</v>
      </c>
      <c r="B1972">
        <v>20</v>
      </c>
      <c r="C1972">
        <v>0.24</v>
      </c>
    </row>
    <row r="1973" spans="1:3" x14ac:dyDescent="0.25">
      <c r="A1973" t="s">
        <v>29</v>
      </c>
      <c r="B1973">
        <v>20</v>
      </c>
      <c r="C1973">
        <v>0.05</v>
      </c>
    </row>
    <row r="1974" spans="1:3" x14ac:dyDescent="0.25">
      <c r="A1974" t="s">
        <v>29</v>
      </c>
      <c r="B1974">
        <v>20</v>
      </c>
      <c r="C1974">
        <v>0.08</v>
      </c>
    </row>
    <row r="1975" spans="1:3" x14ac:dyDescent="0.25">
      <c r="A1975" t="s">
        <v>7</v>
      </c>
      <c r="B1975">
        <v>20</v>
      </c>
      <c r="C1975">
        <v>0.93</v>
      </c>
    </row>
    <row r="1976" spans="1:3" x14ac:dyDescent="0.25">
      <c r="A1976" t="s">
        <v>7</v>
      </c>
      <c r="B1976">
        <v>20</v>
      </c>
      <c r="C1976">
        <v>0.93</v>
      </c>
    </row>
    <row r="1977" spans="1:3" x14ac:dyDescent="0.25">
      <c r="A1977" t="s">
        <v>7</v>
      </c>
      <c r="B1977">
        <v>20</v>
      </c>
      <c r="C1977">
        <v>0.86</v>
      </c>
    </row>
    <row r="1978" spans="1:3" x14ac:dyDescent="0.25">
      <c r="A1978" t="s">
        <v>7</v>
      </c>
      <c r="B1978">
        <v>20</v>
      </c>
      <c r="C1978">
        <v>0.7</v>
      </c>
    </row>
    <row r="1979" spans="1:3" x14ac:dyDescent="0.25">
      <c r="A1979" t="s">
        <v>7</v>
      </c>
      <c r="B1979">
        <v>20</v>
      </c>
      <c r="C1979">
        <v>0.72</v>
      </c>
    </row>
    <row r="1980" spans="1:3" x14ac:dyDescent="0.25">
      <c r="A1980" t="s">
        <v>11</v>
      </c>
      <c r="B1980">
        <v>20</v>
      </c>
      <c r="C1980">
        <v>0.89</v>
      </c>
    </row>
    <row r="1981" spans="1:3" x14ac:dyDescent="0.25">
      <c r="A1981" t="s">
        <v>11</v>
      </c>
      <c r="B1981">
        <v>20</v>
      </c>
      <c r="C1981">
        <v>0.79</v>
      </c>
    </row>
    <row r="1982" spans="1:3" x14ac:dyDescent="0.25">
      <c r="A1982" t="s">
        <v>11</v>
      </c>
      <c r="B1982">
        <v>20</v>
      </c>
      <c r="C1982">
        <v>0.74</v>
      </c>
    </row>
    <row r="1983" spans="1:3" x14ac:dyDescent="0.25">
      <c r="A1983" t="s">
        <v>11</v>
      </c>
      <c r="B1983">
        <v>20</v>
      </c>
      <c r="C1983">
        <v>0.82</v>
      </c>
    </row>
    <row r="1984" spans="1:3" x14ac:dyDescent="0.25">
      <c r="A1984" t="s">
        <v>11</v>
      </c>
      <c r="B1984">
        <v>20</v>
      </c>
      <c r="C1984">
        <v>0.85</v>
      </c>
    </row>
    <row r="1985" spans="1:3" x14ac:dyDescent="0.25">
      <c r="A1985" t="s">
        <v>11</v>
      </c>
      <c r="B1985">
        <v>20</v>
      </c>
      <c r="C1985">
        <v>0.94</v>
      </c>
    </row>
    <row r="1986" spans="1:3" x14ac:dyDescent="0.25">
      <c r="A1986" t="s">
        <v>23</v>
      </c>
      <c r="B1986">
        <v>20</v>
      </c>
      <c r="C1986">
        <v>0.44</v>
      </c>
    </row>
    <row r="1987" spans="1:3" x14ac:dyDescent="0.25">
      <c r="A1987" t="s">
        <v>23</v>
      </c>
      <c r="B1987">
        <v>20</v>
      </c>
      <c r="C1987">
        <v>0.45</v>
      </c>
    </row>
    <row r="1988" spans="1:3" x14ac:dyDescent="0.25">
      <c r="A1988" t="s">
        <v>23</v>
      </c>
      <c r="B1988">
        <v>20</v>
      </c>
      <c r="C1988">
        <v>0.67</v>
      </c>
    </row>
    <row r="1989" spans="1:3" x14ac:dyDescent="0.25">
      <c r="A1989" t="s">
        <v>23</v>
      </c>
      <c r="B1989">
        <v>20</v>
      </c>
      <c r="C1989">
        <v>0.47</v>
      </c>
    </row>
    <row r="1990" spans="1:3" x14ac:dyDescent="0.25">
      <c r="A1990" t="s">
        <v>23</v>
      </c>
      <c r="B1990">
        <v>20</v>
      </c>
      <c r="C1990">
        <v>0.47</v>
      </c>
    </row>
    <row r="1991" spans="1:3" x14ac:dyDescent="0.25">
      <c r="A1991" t="s">
        <v>23</v>
      </c>
      <c r="B1991">
        <v>20</v>
      </c>
      <c r="C1991">
        <v>0.32</v>
      </c>
    </row>
    <row r="1992" spans="1:3" x14ac:dyDescent="0.25">
      <c r="A1992" t="s">
        <v>18</v>
      </c>
      <c r="B1992">
        <v>20</v>
      </c>
      <c r="C1992">
        <v>0.4</v>
      </c>
    </row>
    <row r="1993" spans="1:3" x14ac:dyDescent="0.25">
      <c r="A1993" t="s">
        <v>18</v>
      </c>
      <c r="B1993">
        <v>20</v>
      </c>
      <c r="C1993">
        <v>0.45</v>
      </c>
    </row>
    <row r="1994" spans="1:3" x14ac:dyDescent="0.25">
      <c r="A1994" t="s">
        <v>18</v>
      </c>
      <c r="B1994">
        <v>20</v>
      </c>
      <c r="C1994">
        <v>0.35</v>
      </c>
    </row>
    <row r="1995" spans="1:3" x14ac:dyDescent="0.25">
      <c r="A1995" t="s">
        <v>18</v>
      </c>
      <c r="B1995">
        <v>20</v>
      </c>
      <c r="C1995">
        <v>0.68</v>
      </c>
    </row>
    <row r="1996" spans="1:3" x14ac:dyDescent="0.25">
      <c r="A1996" t="s">
        <v>18</v>
      </c>
      <c r="B1996">
        <v>20</v>
      </c>
      <c r="C1996">
        <v>0.56999999999999995</v>
      </c>
    </row>
    <row r="1997" spans="1:3" x14ac:dyDescent="0.25">
      <c r="A1997" t="s">
        <v>18</v>
      </c>
      <c r="B1997">
        <v>20</v>
      </c>
      <c r="C1997">
        <v>0.5</v>
      </c>
    </row>
    <row r="1998" spans="1:3" x14ac:dyDescent="0.25">
      <c r="A1998" t="s">
        <v>21</v>
      </c>
      <c r="B1998">
        <v>20</v>
      </c>
      <c r="C1998">
        <v>0.48</v>
      </c>
    </row>
    <row r="1999" spans="1:3" x14ac:dyDescent="0.25">
      <c r="A1999" t="s">
        <v>21</v>
      </c>
      <c r="B1999">
        <v>20</v>
      </c>
      <c r="C1999">
        <v>0.66</v>
      </c>
    </row>
    <row r="2000" spans="1:3" x14ac:dyDescent="0.25">
      <c r="A2000" t="s">
        <v>21</v>
      </c>
      <c r="B2000">
        <v>20</v>
      </c>
      <c r="C2000">
        <v>0.59</v>
      </c>
    </row>
    <row r="2001" spans="1:3" x14ac:dyDescent="0.25">
      <c r="A2001" t="s">
        <v>21</v>
      </c>
      <c r="B2001">
        <v>20</v>
      </c>
      <c r="C2001">
        <v>0.66</v>
      </c>
    </row>
    <row r="2002" spans="1:3" x14ac:dyDescent="0.25">
      <c r="A2002" t="s">
        <v>25</v>
      </c>
      <c r="B2002">
        <v>20</v>
      </c>
      <c r="C2002">
        <v>0.91</v>
      </c>
    </row>
    <row r="2003" spans="1:3" x14ac:dyDescent="0.25">
      <c r="A2003" t="s">
        <v>25</v>
      </c>
      <c r="B2003">
        <v>20</v>
      </c>
      <c r="C2003">
        <v>0.93</v>
      </c>
    </row>
    <row r="2004" spans="1:3" x14ac:dyDescent="0.25">
      <c r="A2004" t="s">
        <v>25</v>
      </c>
      <c r="B2004">
        <v>20</v>
      </c>
      <c r="C2004">
        <v>0.88</v>
      </c>
    </row>
    <row r="2005" spans="1:3" x14ac:dyDescent="0.25">
      <c r="A2005" t="s">
        <v>30</v>
      </c>
      <c r="B2005">
        <v>20</v>
      </c>
      <c r="C2005">
        <v>0.4</v>
      </c>
    </row>
    <row r="2006" spans="1:3" x14ac:dyDescent="0.25">
      <c r="A2006" t="s">
        <v>30</v>
      </c>
      <c r="B2006">
        <v>20</v>
      </c>
      <c r="C2006">
        <v>0.41</v>
      </c>
    </row>
    <row r="2007" spans="1:3" x14ac:dyDescent="0.25">
      <c r="A2007" t="s">
        <v>30</v>
      </c>
      <c r="B2007">
        <v>20</v>
      </c>
      <c r="C2007">
        <v>0.66</v>
      </c>
    </row>
    <row r="2008" spans="1:3" x14ac:dyDescent="0.25">
      <c r="A2008" t="s">
        <v>30</v>
      </c>
      <c r="B2008">
        <v>20</v>
      </c>
      <c r="C2008">
        <v>0.62</v>
      </c>
    </row>
    <row r="2009" spans="1:3" x14ac:dyDescent="0.25">
      <c r="A2009" t="s">
        <v>15</v>
      </c>
      <c r="B2009">
        <v>20</v>
      </c>
      <c r="C2009">
        <v>0.09</v>
      </c>
    </row>
    <row r="2010" spans="1:3" x14ac:dyDescent="0.25">
      <c r="A2010" t="s">
        <v>15</v>
      </c>
      <c r="B2010">
        <v>20</v>
      </c>
      <c r="C2010">
        <v>0.06</v>
      </c>
    </row>
    <row r="2011" spans="1:3" x14ac:dyDescent="0.25">
      <c r="A2011" t="s">
        <v>15</v>
      </c>
      <c r="B2011">
        <v>20</v>
      </c>
      <c r="C2011">
        <v>0.17</v>
      </c>
    </row>
    <row r="2012" spans="1:3" x14ac:dyDescent="0.25">
      <c r="A2012" t="s">
        <v>26</v>
      </c>
      <c r="B2012">
        <v>20</v>
      </c>
      <c r="C2012">
        <v>0.09</v>
      </c>
    </row>
    <row r="2013" spans="1:3" x14ac:dyDescent="0.25">
      <c r="A2013" t="s">
        <v>26</v>
      </c>
      <c r="B2013">
        <v>20</v>
      </c>
      <c r="C2013">
        <v>0.16</v>
      </c>
    </row>
    <row r="2014" spans="1:3" x14ac:dyDescent="0.25">
      <c r="A2014" t="s">
        <v>26</v>
      </c>
      <c r="B2014">
        <v>20</v>
      </c>
      <c r="C2014">
        <v>0.19</v>
      </c>
    </row>
    <row r="2015" spans="1:3" x14ac:dyDescent="0.25">
      <c r="A2015" t="s">
        <v>26</v>
      </c>
      <c r="B2015">
        <v>20</v>
      </c>
      <c r="C2015">
        <v>0.22</v>
      </c>
    </row>
    <row r="2016" spans="1:3" x14ac:dyDescent="0.25">
      <c r="A2016" t="s">
        <v>14</v>
      </c>
      <c r="B2016">
        <v>20</v>
      </c>
      <c r="C2016">
        <v>0.49</v>
      </c>
    </row>
    <row r="2017" spans="1:3" x14ac:dyDescent="0.25">
      <c r="A2017" t="s">
        <v>14</v>
      </c>
      <c r="B2017">
        <v>20</v>
      </c>
      <c r="C2017">
        <v>0.41</v>
      </c>
    </row>
    <row r="2018" spans="1:3" x14ac:dyDescent="0.25">
      <c r="A2018" t="s">
        <v>14</v>
      </c>
      <c r="B2018">
        <v>20</v>
      </c>
      <c r="C2018">
        <v>0.54</v>
      </c>
    </row>
    <row r="2019" spans="1:3" x14ac:dyDescent="0.25">
      <c r="A2019" t="s">
        <v>14</v>
      </c>
      <c r="B2019">
        <v>20</v>
      </c>
      <c r="C2019">
        <v>0.38</v>
      </c>
    </row>
    <row r="2020" spans="1:3" x14ac:dyDescent="0.25">
      <c r="A2020" t="s">
        <v>14</v>
      </c>
      <c r="B2020">
        <v>20</v>
      </c>
      <c r="C2020">
        <v>0.48</v>
      </c>
    </row>
    <row r="2021" spans="1:3" x14ac:dyDescent="0.25">
      <c r="A2021" t="s">
        <v>28</v>
      </c>
      <c r="B2021">
        <v>20</v>
      </c>
      <c r="C2021">
        <v>0.4</v>
      </c>
    </row>
    <row r="2022" spans="1:3" x14ac:dyDescent="0.25">
      <c r="A2022" t="s">
        <v>28</v>
      </c>
      <c r="B2022">
        <v>20</v>
      </c>
      <c r="C2022">
        <v>0.38</v>
      </c>
    </row>
    <row r="2023" spans="1:3" x14ac:dyDescent="0.25">
      <c r="A2023" t="s">
        <v>28</v>
      </c>
      <c r="B2023">
        <v>20</v>
      </c>
      <c r="C2023">
        <v>0.32</v>
      </c>
    </row>
    <row r="2024" spans="1:3" x14ac:dyDescent="0.25">
      <c r="A2024" t="s">
        <v>28</v>
      </c>
      <c r="B2024">
        <v>20</v>
      </c>
      <c r="C2024">
        <v>0.4</v>
      </c>
    </row>
    <row r="2025" spans="1:3" x14ac:dyDescent="0.25">
      <c r="A2025" t="s">
        <v>28</v>
      </c>
      <c r="B2025">
        <v>20</v>
      </c>
      <c r="C2025">
        <v>0.4</v>
      </c>
    </row>
    <row r="2026" spans="1:3" x14ac:dyDescent="0.25">
      <c r="A2026" t="s">
        <v>28</v>
      </c>
      <c r="B2026">
        <v>20</v>
      </c>
      <c r="C2026">
        <v>0.55000000000000004</v>
      </c>
    </row>
    <row r="2027" spans="1:3" x14ac:dyDescent="0.25">
      <c r="A2027" t="s">
        <v>16</v>
      </c>
      <c r="B2027">
        <v>20</v>
      </c>
      <c r="C2027">
        <v>0.38</v>
      </c>
    </row>
    <row r="2028" spans="1:3" x14ac:dyDescent="0.25">
      <c r="A2028" t="s">
        <v>16</v>
      </c>
      <c r="B2028">
        <v>20</v>
      </c>
      <c r="C2028">
        <v>0.47</v>
      </c>
    </row>
    <row r="2029" spans="1:3" x14ac:dyDescent="0.25">
      <c r="A2029" t="s">
        <v>16</v>
      </c>
      <c r="B2029">
        <v>20</v>
      </c>
      <c r="C2029">
        <v>0.52</v>
      </c>
    </row>
    <row r="2030" spans="1:3" x14ac:dyDescent="0.25">
      <c r="A2030" t="s">
        <v>16</v>
      </c>
      <c r="B2030">
        <v>20</v>
      </c>
      <c r="C2030">
        <v>0.6</v>
      </c>
    </row>
    <row r="2031" spans="1:3" x14ac:dyDescent="0.25">
      <c r="A2031" t="s">
        <v>13</v>
      </c>
      <c r="B2031">
        <v>20</v>
      </c>
      <c r="C2031">
        <v>0.69</v>
      </c>
    </row>
    <row r="2032" spans="1:3" x14ac:dyDescent="0.25">
      <c r="A2032" t="s">
        <v>13</v>
      </c>
      <c r="B2032">
        <v>20</v>
      </c>
      <c r="C2032">
        <v>0.39</v>
      </c>
    </row>
    <row r="2033" spans="1:3" x14ac:dyDescent="0.25">
      <c r="A2033" t="s">
        <v>13</v>
      </c>
      <c r="B2033">
        <v>20</v>
      </c>
      <c r="C2033">
        <v>0.49</v>
      </c>
    </row>
    <row r="2034" spans="1:3" x14ac:dyDescent="0.25">
      <c r="A2034" t="s">
        <v>17</v>
      </c>
      <c r="B2034">
        <v>20</v>
      </c>
      <c r="C2034">
        <v>0.19</v>
      </c>
    </row>
    <row r="2035" spans="1:3" x14ac:dyDescent="0.25">
      <c r="A2035" t="s">
        <v>17</v>
      </c>
      <c r="B2035">
        <v>20</v>
      </c>
      <c r="C2035">
        <v>0.11</v>
      </c>
    </row>
    <row r="2036" spans="1:3" x14ac:dyDescent="0.25">
      <c r="A2036" t="s">
        <v>27</v>
      </c>
      <c r="B2036">
        <v>20</v>
      </c>
      <c r="C2036">
        <v>0.79</v>
      </c>
    </row>
    <row r="2037" spans="1:3" x14ac:dyDescent="0.25">
      <c r="A2037" t="s">
        <v>27</v>
      </c>
      <c r="B2037">
        <v>20</v>
      </c>
      <c r="C2037">
        <v>0.78</v>
      </c>
    </row>
    <row r="2038" spans="1:3" x14ac:dyDescent="0.25">
      <c r="A2038" t="s">
        <v>27</v>
      </c>
      <c r="B2038">
        <v>20</v>
      </c>
      <c r="C2038">
        <v>0.75</v>
      </c>
    </row>
    <row r="2039" spans="1:3" x14ac:dyDescent="0.25">
      <c r="A2039" t="s">
        <v>27</v>
      </c>
      <c r="B2039">
        <v>20</v>
      </c>
      <c r="C2039">
        <v>0.92</v>
      </c>
    </row>
    <row r="2040" spans="1:3" x14ac:dyDescent="0.25">
      <c r="A2040" t="s">
        <v>9</v>
      </c>
      <c r="B2040">
        <v>20</v>
      </c>
      <c r="C2040">
        <v>0.05</v>
      </c>
    </row>
    <row r="2041" spans="1:3" x14ac:dyDescent="0.25">
      <c r="A2041" t="s">
        <v>9</v>
      </c>
      <c r="B2041">
        <v>20</v>
      </c>
      <c r="C2041">
        <v>0.17</v>
      </c>
    </row>
    <row r="2042" spans="1:3" x14ac:dyDescent="0.25">
      <c r="A2042" t="s">
        <v>9</v>
      </c>
      <c r="B2042">
        <v>20</v>
      </c>
      <c r="C2042">
        <v>0.26</v>
      </c>
    </row>
    <row r="2043" spans="1:3" x14ac:dyDescent="0.25">
      <c r="A2043" t="s">
        <v>9</v>
      </c>
      <c r="B2043">
        <v>20</v>
      </c>
      <c r="C2043">
        <v>0.16</v>
      </c>
    </row>
    <row r="2044" spans="1:3" x14ac:dyDescent="0.25">
      <c r="A2044" t="s">
        <v>9</v>
      </c>
      <c r="B2044">
        <v>20</v>
      </c>
      <c r="C2044">
        <v>0.21</v>
      </c>
    </row>
    <row r="2045" spans="1:3" x14ac:dyDescent="0.25">
      <c r="A2045" t="s">
        <v>9</v>
      </c>
      <c r="B2045">
        <v>20</v>
      </c>
      <c r="C2045">
        <v>0.15</v>
      </c>
    </row>
    <row r="2046" spans="1:3" x14ac:dyDescent="0.25">
      <c r="A2046" t="s">
        <v>9</v>
      </c>
      <c r="B2046">
        <v>20</v>
      </c>
      <c r="C2046">
        <v>0.12</v>
      </c>
    </row>
    <row r="2047" spans="1:3" x14ac:dyDescent="0.25">
      <c r="A2047" t="s">
        <v>20</v>
      </c>
      <c r="B2047">
        <v>20</v>
      </c>
      <c r="C2047">
        <v>0.48</v>
      </c>
    </row>
    <row r="2048" spans="1:3" x14ac:dyDescent="0.25">
      <c r="A2048" t="s">
        <v>20</v>
      </c>
      <c r="B2048">
        <v>20</v>
      </c>
      <c r="C2048">
        <v>0.6</v>
      </c>
    </row>
    <row r="2049" spans="1:3" x14ac:dyDescent="0.25">
      <c r="A2049" t="s">
        <v>20</v>
      </c>
      <c r="B2049">
        <v>20</v>
      </c>
      <c r="C2049">
        <v>0.6</v>
      </c>
    </row>
    <row r="2050" spans="1:3" x14ac:dyDescent="0.25">
      <c r="A2050" t="s">
        <v>20</v>
      </c>
      <c r="B2050">
        <v>20</v>
      </c>
      <c r="C2050">
        <v>0.49</v>
      </c>
    </row>
    <row r="2051" spans="1:3" x14ac:dyDescent="0.25">
      <c r="A2051" t="s">
        <v>20</v>
      </c>
      <c r="B2051">
        <v>20</v>
      </c>
      <c r="C2051">
        <v>0.41</v>
      </c>
    </row>
    <row r="2052" spans="1:3" x14ac:dyDescent="0.25">
      <c r="A2052" t="s">
        <v>20</v>
      </c>
      <c r="B2052">
        <v>20</v>
      </c>
      <c r="C2052">
        <v>0.44</v>
      </c>
    </row>
    <row r="2053" spans="1:3" x14ac:dyDescent="0.25">
      <c r="A2053" t="s">
        <v>20</v>
      </c>
      <c r="B2053">
        <v>20</v>
      </c>
      <c r="C2053">
        <v>0.48</v>
      </c>
    </row>
    <row r="2054" spans="1:3" x14ac:dyDescent="0.25">
      <c r="A2054" t="s">
        <v>19</v>
      </c>
      <c r="B2054">
        <v>20</v>
      </c>
      <c r="C2054">
        <v>0.76</v>
      </c>
    </row>
    <row r="2055" spans="1:3" x14ac:dyDescent="0.25">
      <c r="A2055" t="s">
        <v>19</v>
      </c>
      <c r="B2055">
        <v>20</v>
      </c>
      <c r="C2055">
        <v>0.84</v>
      </c>
    </row>
    <row r="2056" spans="1:3" x14ac:dyDescent="0.25">
      <c r="A2056" t="s">
        <v>19</v>
      </c>
      <c r="B2056">
        <v>20</v>
      </c>
      <c r="C2056">
        <v>0.72</v>
      </c>
    </row>
    <row r="2057" spans="1:3" x14ac:dyDescent="0.25">
      <c r="A2057" t="s">
        <v>19</v>
      </c>
      <c r="B2057">
        <v>20</v>
      </c>
      <c r="C2057">
        <v>0.81</v>
      </c>
    </row>
    <row r="2058" spans="1:3" x14ac:dyDescent="0.25">
      <c r="A2058" t="s">
        <v>19</v>
      </c>
      <c r="B2058">
        <v>20</v>
      </c>
      <c r="C2058">
        <v>0.72</v>
      </c>
    </row>
    <row r="2059" spans="1:3" x14ac:dyDescent="0.25">
      <c r="A2059" t="s">
        <v>19</v>
      </c>
      <c r="B2059">
        <v>20</v>
      </c>
      <c r="C2059">
        <v>0.85</v>
      </c>
    </row>
    <row r="2060" spans="1:3" x14ac:dyDescent="0.25">
      <c r="A2060" t="s">
        <v>22</v>
      </c>
      <c r="B2060">
        <v>21</v>
      </c>
      <c r="C2060">
        <v>0.31</v>
      </c>
    </row>
    <row r="2061" spans="1:3" x14ac:dyDescent="0.25">
      <c r="A2061" t="s">
        <v>22</v>
      </c>
      <c r="B2061">
        <v>21</v>
      </c>
      <c r="C2061">
        <v>0.33</v>
      </c>
    </row>
    <row r="2062" spans="1:3" x14ac:dyDescent="0.25">
      <c r="A2062" t="s">
        <v>22</v>
      </c>
      <c r="B2062">
        <v>21</v>
      </c>
      <c r="C2062">
        <v>0.39</v>
      </c>
    </row>
    <row r="2063" spans="1:3" x14ac:dyDescent="0.25">
      <c r="A2063" t="s">
        <v>22</v>
      </c>
      <c r="B2063">
        <v>21</v>
      </c>
      <c r="C2063">
        <v>0.61</v>
      </c>
    </row>
    <row r="2064" spans="1:3" x14ac:dyDescent="0.25">
      <c r="A2064" t="s">
        <v>22</v>
      </c>
      <c r="B2064">
        <v>21</v>
      </c>
      <c r="C2064">
        <v>0.48</v>
      </c>
    </row>
    <row r="2065" spans="1:3" x14ac:dyDescent="0.25">
      <c r="A2065" t="s">
        <v>22</v>
      </c>
      <c r="B2065">
        <v>21</v>
      </c>
      <c r="C2065">
        <v>0.45</v>
      </c>
    </row>
    <row r="2066" spans="1:3" x14ac:dyDescent="0.25">
      <c r="A2066" t="s">
        <v>29</v>
      </c>
      <c r="B2066">
        <v>21</v>
      </c>
      <c r="C2066">
        <v>0.2</v>
      </c>
    </row>
    <row r="2067" spans="1:3" x14ac:dyDescent="0.25">
      <c r="A2067" t="s">
        <v>29</v>
      </c>
      <c r="B2067">
        <v>21</v>
      </c>
      <c r="C2067">
        <v>0.14000000000000001</v>
      </c>
    </row>
    <row r="2068" spans="1:3" x14ac:dyDescent="0.25">
      <c r="A2068" t="s">
        <v>29</v>
      </c>
      <c r="B2068">
        <v>21</v>
      </c>
      <c r="C2068">
        <v>0.27</v>
      </c>
    </row>
    <row r="2069" spans="1:3" x14ac:dyDescent="0.25">
      <c r="A2069" t="s">
        <v>29</v>
      </c>
      <c r="B2069">
        <v>21</v>
      </c>
      <c r="C2069">
        <v>0.17</v>
      </c>
    </row>
    <row r="2070" spans="1:3" x14ac:dyDescent="0.25">
      <c r="A2070" t="s">
        <v>29</v>
      </c>
      <c r="B2070">
        <v>21</v>
      </c>
      <c r="C2070">
        <v>0.16</v>
      </c>
    </row>
    <row r="2071" spans="1:3" x14ac:dyDescent="0.25">
      <c r="A2071" t="s">
        <v>29</v>
      </c>
      <c r="B2071">
        <v>21</v>
      </c>
      <c r="C2071">
        <v>7.0000000000000007E-2</v>
      </c>
    </row>
    <row r="2072" spans="1:3" x14ac:dyDescent="0.25">
      <c r="A2072" t="s">
        <v>29</v>
      </c>
      <c r="B2072">
        <v>21</v>
      </c>
      <c r="C2072">
        <v>0.2</v>
      </c>
    </row>
    <row r="2073" spans="1:3" x14ac:dyDescent="0.25">
      <c r="A2073" t="s">
        <v>29</v>
      </c>
      <c r="B2073">
        <v>21</v>
      </c>
      <c r="C2073">
        <v>7.0000000000000007E-2</v>
      </c>
    </row>
    <row r="2074" spans="1:3" x14ac:dyDescent="0.25">
      <c r="A2074" t="s">
        <v>7</v>
      </c>
      <c r="B2074">
        <v>21</v>
      </c>
      <c r="C2074">
        <v>0.73</v>
      </c>
    </row>
    <row r="2075" spans="1:3" x14ac:dyDescent="0.25">
      <c r="A2075" t="s">
        <v>7</v>
      </c>
      <c r="B2075">
        <v>21</v>
      </c>
      <c r="C2075">
        <v>0.91</v>
      </c>
    </row>
    <row r="2076" spans="1:3" x14ac:dyDescent="0.25">
      <c r="A2076" t="s">
        <v>7</v>
      </c>
      <c r="B2076">
        <v>21</v>
      </c>
      <c r="C2076">
        <v>0.84</v>
      </c>
    </row>
    <row r="2077" spans="1:3" x14ac:dyDescent="0.25">
      <c r="A2077" t="s">
        <v>7</v>
      </c>
      <c r="B2077">
        <v>21</v>
      </c>
      <c r="C2077">
        <v>0.82</v>
      </c>
    </row>
    <row r="2078" spans="1:3" x14ac:dyDescent="0.25">
      <c r="A2078" t="s">
        <v>7</v>
      </c>
      <c r="B2078">
        <v>21</v>
      </c>
      <c r="C2078">
        <v>0.75</v>
      </c>
    </row>
    <row r="2079" spans="1:3" x14ac:dyDescent="0.25">
      <c r="A2079" t="s">
        <v>7</v>
      </c>
      <c r="B2079">
        <v>21</v>
      </c>
      <c r="C2079">
        <v>0.87</v>
      </c>
    </row>
    <row r="2080" spans="1:3" x14ac:dyDescent="0.25">
      <c r="A2080" t="s">
        <v>7</v>
      </c>
      <c r="B2080">
        <v>21</v>
      </c>
      <c r="C2080">
        <v>0.93</v>
      </c>
    </row>
    <row r="2081" spans="1:3" x14ac:dyDescent="0.25">
      <c r="A2081" t="s">
        <v>11</v>
      </c>
      <c r="B2081">
        <v>21</v>
      </c>
      <c r="C2081">
        <v>0.83</v>
      </c>
    </row>
    <row r="2082" spans="1:3" x14ac:dyDescent="0.25">
      <c r="A2082" t="s">
        <v>11</v>
      </c>
      <c r="B2082">
        <v>21</v>
      </c>
      <c r="C2082">
        <v>0.73</v>
      </c>
    </row>
    <row r="2083" spans="1:3" x14ac:dyDescent="0.25">
      <c r="A2083" t="s">
        <v>11</v>
      </c>
      <c r="B2083">
        <v>21</v>
      </c>
      <c r="C2083">
        <v>0.74</v>
      </c>
    </row>
    <row r="2084" spans="1:3" x14ac:dyDescent="0.25">
      <c r="A2084" t="s">
        <v>11</v>
      </c>
      <c r="B2084">
        <v>21</v>
      </c>
      <c r="C2084">
        <v>0.7</v>
      </c>
    </row>
    <row r="2085" spans="1:3" x14ac:dyDescent="0.25">
      <c r="A2085" t="s">
        <v>23</v>
      </c>
      <c r="B2085">
        <v>21</v>
      </c>
      <c r="C2085">
        <v>0.35</v>
      </c>
    </row>
    <row r="2086" spans="1:3" x14ac:dyDescent="0.25">
      <c r="A2086" t="s">
        <v>23</v>
      </c>
      <c r="B2086">
        <v>21</v>
      </c>
      <c r="C2086">
        <v>0.54</v>
      </c>
    </row>
    <row r="2087" spans="1:3" x14ac:dyDescent="0.25">
      <c r="A2087" t="s">
        <v>23</v>
      </c>
      <c r="B2087">
        <v>21</v>
      </c>
      <c r="C2087">
        <v>0.7</v>
      </c>
    </row>
    <row r="2088" spans="1:3" x14ac:dyDescent="0.25">
      <c r="A2088" t="s">
        <v>23</v>
      </c>
      <c r="B2088">
        <v>21</v>
      </c>
      <c r="C2088">
        <v>0.62</v>
      </c>
    </row>
    <row r="2089" spans="1:3" x14ac:dyDescent="0.25">
      <c r="A2089" t="s">
        <v>23</v>
      </c>
      <c r="B2089">
        <v>21</v>
      </c>
      <c r="C2089">
        <v>0.63</v>
      </c>
    </row>
    <row r="2090" spans="1:3" x14ac:dyDescent="0.25">
      <c r="A2090" t="s">
        <v>23</v>
      </c>
      <c r="B2090">
        <v>21</v>
      </c>
      <c r="C2090">
        <v>0.36</v>
      </c>
    </row>
    <row r="2091" spans="1:3" x14ac:dyDescent="0.25">
      <c r="A2091" t="s">
        <v>23</v>
      </c>
      <c r="B2091">
        <v>21</v>
      </c>
      <c r="C2091">
        <v>0.44</v>
      </c>
    </row>
    <row r="2092" spans="1:3" x14ac:dyDescent="0.25">
      <c r="A2092" t="s">
        <v>18</v>
      </c>
      <c r="B2092">
        <v>21</v>
      </c>
      <c r="C2092">
        <v>0.54</v>
      </c>
    </row>
    <row r="2093" spans="1:3" x14ac:dyDescent="0.25">
      <c r="A2093" t="s">
        <v>18</v>
      </c>
      <c r="B2093">
        <v>21</v>
      </c>
      <c r="C2093">
        <v>0.56999999999999995</v>
      </c>
    </row>
    <row r="2094" spans="1:3" x14ac:dyDescent="0.25">
      <c r="A2094" t="s">
        <v>18</v>
      </c>
      <c r="B2094">
        <v>21</v>
      </c>
      <c r="C2094">
        <v>0.51</v>
      </c>
    </row>
    <row r="2095" spans="1:3" x14ac:dyDescent="0.25">
      <c r="A2095" t="s">
        <v>18</v>
      </c>
      <c r="B2095">
        <v>21</v>
      </c>
      <c r="C2095">
        <v>0.69</v>
      </c>
    </row>
    <row r="2096" spans="1:3" x14ac:dyDescent="0.25">
      <c r="A2096" t="s">
        <v>18</v>
      </c>
      <c r="B2096">
        <v>21</v>
      </c>
      <c r="C2096">
        <v>0.49</v>
      </c>
    </row>
    <row r="2097" spans="1:3" x14ac:dyDescent="0.25">
      <c r="A2097" t="s">
        <v>21</v>
      </c>
      <c r="B2097">
        <v>21</v>
      </c>
      <c r="C2097">
        <v>0.66</v>
      </c>
    </row>
    <row r="2098" spans="1:3" x14ac:dyDescent="0.25">
      <c r="A2098" t="s">
        <v>21</v>
      </c>
      <c r="B2098">
        <v>21</v>
      </c>
      <c r="C2098">
        <v>0.43</v>
      </c>
    </row>
    <row r="2099" spans="1:3" x14ac:dyDescent="0.25">
      <c r="A2099" t="s">
        <v>21</v>
      </c>
      <c r="B2099">
        <v>21</v>
      </c>
      <c r="C2099">
        <v>0.45</v>
      </c>
    </row>
    <row r="2100" spans="1:3" x14ac:dyDescent="0.25">
      <c r="A2100" t="s">
        <v>21</v>
      </c>
      <c r="B2100">
        <v>21</v>
      </c>
      <c r="C2100">
        <v>0.45</v>
      </c>
    </row>
    <row r="2101" spans="1:3" x14ac:dyDescent="0.25">
      <c r="A2101" t="s">
        <v>21</v>
      </c>
      <c r="B2101">
        <v>21</v>
      </c>
      <c r="C2101">
        <v>0.56999999999999995</v>
      </c>
    </row>
    <row r="2102" spans="1:3" x14ac:dyDescent="0.25">
      <c r="A2102" t="s">
        <v>21</v>
      </c>
      <c r="B2102">
        <v>21</v>
      </c>
      <c r="C2102">
        <v>0.52</v>
      </c>
    </row>
    <row r="2103" spans="1:3" x14ac:dyDescent="0.25">
      <c r="A2103" t="s">
        <v>25</v>
      </c>
      <c r="B2103">
        <v>21</v>
      </c>
      <c r="C2103">
        <v>0.91</v>
      </c>
    </row>
    <row r="2104" spans="1:3" x14ac:dyDescent="0.25">
      <c r="A2104" t="s">
        <v>25</v>
      </c>
      <c r="B2104">
        <v>21</v>
      </c>
      <c r="C2104">
        <v>0.76</v>
      </c>
    </row>
    <row r="2105" spans="1:3" x14ac:dyDescent="0.25">
      <c r="A2105" t="s">
        <v>25</v>
      </c>
      <c r="B2105">
        <v>21</v>
      </c>
      <c r="C2105">
        <v>0.87</v>
      </c>
    </row>
    <row r="2106" spans="1:3" x14ac:dyDescent="0.25">
      <c r="A2106" t="s">
        <v>25</v>
      </c>
      <c r="B2106">
        <v>21</v>
      </c>
      <c r="C2106">
        <v>0.85</v>
      </c>
    </row>
    <row r="2107" spans="1:3" x14ac:dyDescent="0.25">
      <c r="A2107" t="s">
        <v>25</v>
      </c>
      <c r="B2107">
        <v>21</v>
      </c>
      <c r="C2107">
        <v>0.83</v>
      </c>
    </row>
    <row r="2108" spans="1:3" x14ac:dyDescent="0.25">
      <c r="A2108" t="s">
        <v>25</v>
      </c>
      <c r="B2108">
        <v>21</v>
      </c>
      <c r="C2108">
        <v>0.82</v>
      </c>
    </row>
    <row r="2109" spans="1:3" x14ac:dyDescent="0.25">
      <c r="A2109" t="s">
        <v>25</v>
      </c>
      <c r="B2109">
        <v>21</v>
      </c>
      <c r="C2109">
        <v>0.87</v>
      </c>
    </row>
    <row r="2110" spans="1:3" x14ac:dyDescent="0.25">
      <c r="A2110" t="s">
        <v>25</v>
      </c>
      <c r="B2110">
        <v>21</v>
      </c>
      <c r="C2110">
        <v>0.77</v>
      </c>
    </row>
    <row r="2111" spans="1:3" x14ac:dyDescent="0.25">
      <c r="A2111" t="s">
        <v>25</v>
      </c>
      <c r="B2111">
        <v>21</v>
      </c>
      <c r="C2111">
        <v>0.82</v>
      </c>
    </row>
    <row r="2112" spans="1:3" x14ac:dyDescent="0.25">
      <c r="A2112" t="s">
        <v>15</v>
      </c>
      <c r="B2112">
        <v>21</v>
      </c>
      <c r="C2112">
        <v>0.1</v>
      </c>
    </row>
    <row r="2113" spans="1:3" x14ac:dyDescent="0.25">
      <c r="A2113" t="s">
        <v>15</v>
      </c>
      <c r="B2113">
        <v>21</v>
      </c>
      <c r="C2113">
        <v>0.11</v>
      </c>
    </row>
    <row r="2114" spans="1:3" x14ac:dyDescent="0.25">
      <c r="A2114" t="s">
        <v>15</v>
      </c>
      <c r="B2114">
        <v>21</v>
      </c>
      <c r="C2114">
        <v>0.25</v>
      </c>
    </row>
    <row r="2115" spans="1:3" x14ac:dyDescent="0.25">
      <c r="A2115" t="s">
        <v>15</v>
      </c>
      <c r="B2115">
        <v>21</v>
      </c>
      <c r="C2115">
        <v>0.12</v>
      </c>
    </row>
    <row r="2116" spans="1:3" x14ac:dyDescent="0.25">
      <c r="A2116" t="s">
        <v>15</v>
      </c>
      <c r="B2116">
        <v>21</v>
      </c>
      <c r="C2116">
        <v>0.22</v>
      </c>
    </row>
    <row r="2117" spans="1:3" x14ac:dyDescent="0.25">
      <c r="A2117" t="s">
        <v>15</v>
      </c>
      <c r="B2117">
        <v>21</v>
      </c>
      <c r="C2117">
        <v>0.24</v>
      </c>
    </row>
    <row r="2118" spans="1:3" x14ac:dyDescent="0.25">
      <c r="A2118" t="s">
        <v>15</v>
      </c>
      <c r="B2118">
        <v>21</v>
      </c>
      <c r="C2118">
        <v>0.08</v>
      </c>
    </row>
    <row r="2119" spans="1:3" x14ac:dyDescent="0.25">
      <c r="A2119" t="s">
        <v>15</v>
      </c>
      <c r="B2119">
        <v>21</v>
      </c>
      <c r="C2119">
        <v>0.13</v>
      </c>
    </row>
    <row r="2120" spans="1:3" x14ac:dyDescent="0.25">
      <c r="A2120" t="s">
        <v>15</v>
      </c>
      <c r="B2120">
        <v>21</v>
      </c>
      <c r="C2120">
        <v>0.27</v>
      </c>
    </row>
    <row r="2121" spans="1:3" x14ac:dyDescent="0.25">
      <c r="A2121" t="s">
        <v>15</v>
      </c>
      <c r="B2121">
        <v>21</v>
      </c>
      <c r="C2121">
        <v>0.11</v>
      </c>
    </row>
    <row r="2122" spans="1:3" x14ac:dyDescent="0.25">
      <c r="A2122" t="s">
        <v>15</v>
      </c>
      <c r="B2122">
        <v>21</v>
      </c>
      <c r="C2122">
        <v>0.2</v>
      </c>
    </row>
    <row r="2123" spans="1:3" x14ac:dyDescent="0.25">
      <c r="A2123" t="s">
        <v>15</v>
      </c>
      <c r="B2123">
        <v>21</v>
      </c>
      <c r="C2123">
        <v>0.2</v>
      </c>
    </row>
    <row r="2124" spans="1:3" x14ac:dyDescent="0.25">
      <c r="A2124" t="s">
        <v>26</v>
      </c>
      <c r="B2124">
        <v>21</v>
      </c>
      <c r="C2124">
        <v>0.16</v>
      </c>
    </row>
    <row r="2125" spans="1:3" x14ac:dyDescent="0.25">
      <c r="A2125" t="s">
        <v>26</v>
      </c>
      <c r="B2125">
        <v>21</v>
      </c>
      <c r="C2125">
        <v>0.28000000000000003</v>
      </c>
    </row>
    <row r="2126" spans="1:3" x14ac:dyDescent="0.25">
      <c r="A2126" t="s">
        <v>26</v>
      </c>
      <c r="B2126">
        <v>21</v>
      </c>
      <c r="C2126">
        <v>0.19</v>
      </c>
    </row>
    <row r="2127" spans="1:3" x14ac:dyDescent="0.25">
      <c r="A2127" t="s">
        <v>26</v>
      </c>
      <c r="B2127">
        <v>21</v>
      </c>
      <c r="C2127">
        <v>0.19</v>
      </c>
    </row>
    <row r="2128" spans="1:3" x14ac:dyDescent="0.25">
      <c r="A2128" t="s">
        <v>14</v>
      </c>
      <c r="B2128">
        <v>21</v>
      </c>
      <c r="C2128">
        <v>0.37</v>
      </c>
    </row>
    <row r="2129" spans="1:3" x14ac:dyDescent="0.25">
      <c r="A2129" t="s">
        <v>14</v>
      </c>
      <c r="B2129">
        <v>21</v>
      </c>
      <c r="C2129">
        <v>0.56999999999999995</v>
      </c>
    </row>
    <row r="2130" spans="1:3" x14ac:dyDescent="0.25">
      <c r="A2130" t="s">
        <v>14</v>
      </c>
      <c r="B2130">
        <v>21</v>
      </c>
      <c r="C2130">
        <v>0.3</v>
      </c>
    </row>
    <row r="2131" spans="1:3" x14ac:dyDescent="0.25">
      <c r="A2131" t="s">
        <v>14</v>
      </c>
      <c r="B2131">
        <v>21</v>
      </c>
      <c r="C2131">
        <v>0.31</v>
      </c>
    </row>
    <row r="2132" spans="1:3" x14ac:dyDescent="0.25">
      <c r="A2132" t="s">
        <v>14</v>
      </c>
      <c r="B2132">
        <v>21</v>
      </c>
      <c r="C2132">
        <v>0.34</v>
      </c>
    </row>
    <row r="2133" spans="1:3" x14ac:dyDescent="0.25">
      <c r="A2133" t="s">
        <v>28</v>
      </c>
      <c r="B2133">
        <v>21</v>
      </c>
      <c r="C2133">
        <v>0.42</v>
      </c>
    </row>
    <row r="2134" spans="1:3" x14ac:dyDescent="0.25">
      <c r="A2134" t="s">
        <v>28</v>
      </c>
      <c r="B2134">
        <v>21</v>
      </c>
      <c r="C2134">
        <v>0.47</v>
      </c>
    </row>
    <row r="2135" spans="1:3" x14ac:dyDescent="0.25">
      <c r="A2135" t="s">
        <v>28</v>
      </c>
      <c r="B2135">
        <v>21</v>
      </c>
      <c r="C2135">
        <v>0.48</v>
      </c>
    </row>
    <row r="2136" spans="1:3" x14ac:dyDescent="0.25">
      <c r="A2136" t="s">
        <v>28</v>
      </c>
      <c r="B2136">
        <v>21</v>
      </c>
      <c r="C2136">
        <v>0.32</v>
      </c>
    </row>
    <row r="2137" spans="1:3" x14ac:dyDescent="0.25">
      <c r="A2137" t="s">
        <v>16</v>
      </c>
      <c r="B2137">
        <v>21</v>
      </c>
      <c r="C2137">
        <v>0.37</v>
      </c>
    </row>
    <row r="2138" spans="1:3" x14ac:dyDescent="0.25">
      <c r="A2138" t="s">
        <v>16</v>
      </c>
      <c r="B2138">
        <v>21</v>
      </c>
      <c r="C2138">
        <v>0.47</v>
      </c>
    </row>
    <row r="2139" spans="1:3" x14ac:dyDescent="0.25">
      <c r="A2139" t="s">
        <v>13</v>
      </c>
      <c r="B2139">
        <v>21</v>
      </c>
      <c r="C2139">
        <v>0.6</v>
      </c>
    </row>
    <row r="2140" spans="1:3" x14ac:dyDescent="0.25">
      <c r="A2140" t="s">
        <v>13</v>
      </c>
      <c r="B2140">
        <v>21</v>
      </c>
      <c r="C2140">
        <v>0.37</v>
      </c>
    </row>
    <row r="2141" spans="1:3" x14ac:dyDescent="0.25">
      <c r="A2141" t="s">
        <v>13</v>
      </c>
      <c r="B2141">
        <v>21</v>
      </c>
      <c r="C2141">
        <v>0.67</v>
      </c>
    </row>
    <row r="2142" spans="1:3" x14ac:dyDescent="0.25">
      <c r="A2142" t="s">
        <v>13</v>
      </c>
      <c r="B2142">
        <v>21</v>
      </c>
      <c r="C2142">
        <v>0.52</v>
      </c>
    </row>
    <row r="2143" spans="1:3" x14ac:dyDescent="0.25">
      <c r="A2143" t="s">
        <v>13</v>
      </c>
      <c r="B2143">
        <v>21</v>
      </c>
      <c r="C2143">
        <v>0.56999999999999995</v>
      </c>
    </row>
    <row r="2144" spans="1:3" x14ac:dyDescent="0.25">
      <c r="A2144" t="s">
        <v>17</v>
      </c>
      <c r="B2144">
        <v>21</v>
      </c>
      <c r="C2144">
        <v>0.13</v>
      </c>
    </row>
    <row r="2145" spans="1:3" x14ac:dyDescent="0.25">
      <c r="A2145" t="s">
        <v>17</v>
      </c>
      <c r="B2145">
        <v>21</v>
      </c>
      <c r="C2145">
        <v>0.08</v>
      </c>
    </row>
    <row r="2146" spans="1:3" x14ac:dyDescent="0.25">
      <c r="A2146" t="s">
        <v>17</v>
      </c>
      <c r="B2146">
        <v>21</v>
      </c>
      <c r="C2146">
        <v>0.1</v>
      </c>
    </row>
    <row r="2147" spans="1:3" x14ac:dyDescent="0.25">
      <c r="A2147" t="s">
        <v>17</v>
      </c>
      <c r="B2147">
        <v>21</v>
      </c>
      <c r="C2147">
        <v>0.25</v>
      </c>
    </row>
    <row r="2148" spans="1:3" x14ac:dyDescent="0.25">
      <c r="A2148" t="s">
        <v>17</v>
      </c>
      <c r="B2148">
        <v>21</v>
      </c>
      <c r="C2148">
        <v>0.08</v>
      </c>
    </row>
    <row r="2149" spans="1:3" x14ac:dyDescent="0.25">
      <c r="A2149" t="s">
        <v>17</v>
      </c>
      <c r="B2149">
        <v>21</v>
      </c>
      <c r="C2149">
        <v>0.14000000000000001</v>
      </c>
    </row>
    <row r="2150" spans="1:3" x14ac:dyDescent="0.25">
      <c r="A2150" t="s">
        <v>17</v>
      </c>
      <c r="B2150">
        <v>21</v>
      </c>
      <c r="C2150">
        <v>0.19</v>
      </c>
    </row>
    <row r="2151" spans="1:3" x14ac:dyDescent="0.25">
      <c r="A2151" t="s">
        <v>17</v>
      </c>
      <c r="B2151">
        <v>21</v>
      </c>
      <c r="C2151">
        <v>0.26</v>
      </c>
    </row>
    <row r="2152" spans="1:3" x14ac:dyDescent="0.25">
      <c r="A2152" t="s">
        <v>17</v>
      </c>
      <c r="B2152">
        <v>21</v>
      </c>
      <c r="C2152">
        <v>0.21</v>
      </c>
    </row>
    <row r="2153" spans="1:3" x14ac:dyDescent="0.25">
      <c r="A2153" t="s">
        <v>17</v>
      </c>
      <c r="B2153">
        <v>21</v>
      </c>
      <c r="C2153">
        <v>0.23</v>
      </c>
    </row>
    <row r="2154" spans="1:3" x14ac:dyDescent="0.25">
      <c r="A2154" t="s">
        <v>17</v>
      </c>
      <c r="B2154">
        <v>21</v>
      </c>
      <c r="C2154">
        <v>0.2</v>
      </c>
    </row>
    <row r="2155" spans="1:3" x14ac:dyDescent="0.25">
      <c r="A2155" t="s">
        <v>17</v>
      </c>
      <c r="B2155">
        <v>21</v>
      </c>
      <c r="C2155">
        <v>0.1</v>
      </c>
    </row>
    <row r="2156" spans="1:3" x14ac:dyDescent="0.25">
      <c r="A2156" t="s">
        <v>27</v>
      </c>
      <c r="B2156">
        <v>21</v>
      </c>
      <c r="C2156">
        <v>0.85</v>
      </c>
    </row>
    <row r="2157" spans="1:3" x14ac:dyDescent="0.25">
      <c r="A2157" t="s">
        <v>27</v>
      </c>
      <c r="B2157">
        <v>21</v>
      </c>
      <c r="C2157">
        <v>0.77</v>
      </c>
    </row>
    <row r="2158" spans="1:3" x14ac:dyDescent="0.25">
      <c r="A2158" t="s">
        <v>27</v>
      </c>
      <c r="B2158">
        <v>21</v>
      </c>
      <c r="C2158">
        <v>0.75</v>
      </c>
    </row>
    <row r="2159" spans="1:3" x14ac:dyDescent="0.25">
      <c r="A2159" t="s">
        <v>27</v>
      </c>
      <c r="B2159">
        <v>21</v>
      </c>
      <c r="C2159">
        <v>0.82</v>
      </c>
    </row>
    <row r="2160" spans="1:3" x14ac:dyDescent="0.25">
      <c r="A2160" t="s">
        <v>27</v>
      </c>
      <c r="B2160">
        <v>21</v>
      </c>
      <c r="C2160">
        <v>0.83</v>
      </c>
    </row>
    <row r="2161" spans="1:3" x14ac:dyDescent="0.25">
      <c r="A2161" t="s">
        <v>9</v>
      </c>
      <c r="B2161">
        <v>21</v>
      </c>
      <c r="C2161">
        <v>0.19</v>
      </c>
    </row>
    <row r="2162" spans="1:3" x14ac:dyDescent="0.25">
      <c r="A2162" t="s">
        <v>9</v>
      </c>
      <c r="B2162">
        <v>21</v>
      </c>
      <c r="C2162">
        <v>0.14000000000000001</v>
      </c>
    </row>
    <row r="2163" spans="1:3" x14ac:dyDescent="0.25">
      <c r="A2163" t="s">
        <v>9</v>
      </c>
      <c r="B2163">
        <v>21</v>
      </c>
      <c r="C2163">
        <v>0.11</v>
      </c>
    </row>
    <row r="2164" spans="1:3" x14ac:dyDescent="0.25">
      <c r="A2164" t="s">
        <v>9</v>
      </c>
      <c r="B2164">
        <v>21</v>
      </c>
      <c r="C2164">
        <v>0.15</v>
      </c>
    </row>
    <row r="2165" spans="1:3" x14ac:dyDescent="0.25">
      <c r="A2165" t="s">
        <v>9</v>
      </c>
      <c r="B2165">
        <v>21</v>
      </c>
      <c r="C2165">
        <v>0.25</v>
      </c>
    </row>
    <row r="2166" spans="1:3" x14ac:dyDescent="0.25">
      <c r="A2166" t="s">
        <v>9</v>
      </c>
      <c r="B2166">
        <v>21</v>
      </c>
      <c r="C2166">
        <v>0.21</v>
      </c>
    </row>
    <row r="2167" spans="1:3" x14ac:dyDescent="0.25">
      <c r="A2167" t="s">
        <v>9</v>
      </c>
      <c r="B2167">
        <v>21</v>
      </c>
      <c r="C2167">
        <v>0.2</v>
      </c>
    </row>
    <row r="2168" spans="1:3" x14ac:dyDescent="0.25">
      <c r="A2168" t="s">
        <v>20</v>
      </c>
      <c r="B2168">
        <v>21</v>
      </c>
      <c r="C2168">
        <v>0.55000000000000004</v>
      </c>
    </row>
    <row r="2169" spans="1:3" x14ac:dyDescent="0.25">
      <c r="A2169" t="s">
        <v>20</v>
      </c>
      <c r="B2169">
        <v>21</v>
      </c>
      <c r="C2169">
        <v>0.46</v>
      </c>
    </row>
    <row r="2170" spans="1:3" x14ac:dyDescent="0.25">
      <c r="A2170" t="s">
        <v>20</v>
      </c>
      <c r="B2170">
        <v>21</v>
      </c>
      <c r="C2170">
        <v>0.37</v>
      </c>
    </row>
    <row r="2171" spans="1:3" x14ac:dyDescent="0.25">
      <c r="A2171" t="s">
        <v>20</v>
      </c>
      <c r="B2171">
        <v>21</v>
      </c>
      <c r="C2171">
        <v>0.57999999999999996</v>
      </c>
    </row>
    <row r="2172" spans="1:3" x14ac:dyDescent="0.25">
      <c r="A2172" t="s">
        <v>20</v>
      </c>
      <c r="B2172">
        <v>21</v>
      </c>
      <c r="C2172">
        <v>0.4</v>
      </c>
    </row>
    <row r="2173" spans="1:3" x14ac:dyDescent="0.25">
      <c r="A2173" t="s">
        <v>20</v>
      </c>
      <c r="B2173">
        <v>21</v>
      </c>
      <c r="C2173">
        <v>0.44</v>
      </c>
    </row>
    <row r="2174" spans="1:3" x14ac:dyDescent="0.25">
      <c r="A2174" t="s">
        <v>20</v>
      </c>
      <c r="B2174">
        <v>21</v>
      </c>
      <c r="C2174">
        <v>0.36</v>
      </c>
    </row>
    <row r="2175" spans="1:3" x14ac:dyDescent="0.25">
      <c r="A2175" t="s">
        <v>19</v>
      </c>
      <c r="B2175">
        <v>21</v>
      </c>
      <c r="C2175">
        <v>0.82</v>
      </c>
    </row>
    <row r="2176" spans="1:3" x14ac:dyDescent="0.25">
      <c r="A2176" t="s">
        <v>19</v>
      </c>
      <c r="B2176">
        <v>21</v>
      </c>
      <c r="C2176">
        <v>0.92</v>
      </c>
    </row>
    <row r="2177" spans="1:3" x14ac:dyDescent="0.25">
      <c r="A2177" t="s">
        <v>19</v>
      </c>
      <c r="B2177">
        <v>21</v>
      </c>
      <c r="C2177">
        <v>0.76</v>
      </c>
    </row>
    <row r="2178" spans="1:3" x14ac:dyDescent="0.25">
      <c r="A2178" t="s">
        <v>19</v>
      </c>
      <c r="B2178">
        <v>21</v>
      </c>
      <c r="C2178">
        <v>0.72</v>
      </c>
    </row>
    <row r="2179" spans="1:3" x14ac:dyDescent="0.25">
      <c r="A2179" t="s">
        <v>19</v>
      </c>
      <c r="B2179">
        <v>21</v>
      </c>
      <c r="C2179">
        <v>0.71</v>
      </c>
    </row>
    <row r="2180" spans="1:3" x14ac:dyDescent="0.25">
      <c r="A2180" t="s">
        <v>19</v>
      </c>
      <c r="B2180">
        <v>21</v>
      </c>
      <c r="C2180">
        <v>0.77</v>
      </c>
    </row>
    <row r="2181" spans="1:3" x14ac:dyDescent="0.25">
      <c r="A2181" t="s">
        <v>22</v>
      </c>
      <c r="B2181">
        <v>22</v>
      </c>
      <c r="C2181">
        <v>0.34</v>
      </c>
    </row>
    <row r="2182" spans="1:3" x14ac:dyDescent="0.25">
      <c r="A2182" t="s">
        <v>22</v>
      </c>
      <c r="B2182">
        <v>22</v>
      </c>
      <c r="C2182">
        <v>0.55000000000000004</v>
      </c>
    </row>
    <row r="2183" spans="1:3" x14ac:dyDescent="0.25">
      <c r="A2183" t="s">
        <v>22</v>
      </c>
      <c r="B2183">
        <v>22</v>
      </c>
      <c r="C2183">
        <v>0.47</v>
      </c>
    </row>
    <row r="2184" spans="1:3" x14ac:dyDescent="0.25">
      <c r="A2184" t="s">
        <v>22</v>
      </c>
      <c r="B2184">
        <v>22</v>
      </c>
      <c r="C2184">
        <v>0.5</v>
      </c>
    </row>
    <row r="2185" spans="1:3" x14ac:dyDescent="0.25">
      <c r="A2185" t="s">
        <v>22</v>
      </c>
      <c r="B2185">
        <v>22</v>
      </c>
      <c r="C2185">
        <v>0.44</v>
      </c>
    </row>
    <row r="2186" spans="1:3" x14ac:dyDescent="0.25">
      <c r="A2186" t="s">
        <v>29</v>
      </c>
      <c r="B2186">
        <v>22</v>
      </c>
      <c r="C2186">
        <v>0.23</v>
      </c>
    </row>
    <row r="2187" spans="1:3" x14ac:dyDescent="0.25">
      <c r="A2187" t="s">
        <v>29</v>
      </c>
      <c r="B2187">
        <v>22</v>
      </c>
      <c r="C2187">
        <v>0.11</v>
      </c>
    </row>
    <row r="2188" spans="1:3" x14ac:dyDescent="0.25">
      <c r="A2188" t="s">
        <v>29</v>
      </c>
      <c r="B2188">
        <v>22</v>
      </c>
      <c r="C2188">
        <v>0.16</v>
      </c>
    </row>
    <row r="2189" spans="1:3" x14ac:dyDescent="0.25">
      <c r="A2189" t="s">
        <v>29</v>
      </c>
      <c r="B2189">
        <v>22</v>
      </c>
      <c r="C2189">
        <v>0.08</v>
      </c>
    </row>
    <row r="2190" spans="1:3" x14ac:dyDescent="0.25">
      <c r="A2190" t="s">
        <v>29</v>
      </c>
      <c r="B2190">
        <v>22</v>
      </c>
      <c r="C2190">
        <v>0.15</v>
      </c>
    </row>
    <row r="2191" spans="1:3" x14ac:dyDescent="0.25">
      <c r="A2191" t="s">
        <v>7</v>
      </c>
      <c r="B2191">
        <v>22</v>
      </c>
      <c r="C2191">
        <v>0.92</v>
      </c>
    </row>
    <row r="2192" spans="1:3" x14ac:dyDescent="0.25">
      <c r="A2192" t="s">
        <v>7</v>
      </c>
      <c r="B2192">
        <v>22</v>
      </c>
      <c r="C2192">
        <v>0.71</v>
      </c>
    </row>
    <row r="2193" spans="1:3" x14ac:dyDescent="0.25">
      <c r="A2193" t="s">
        <v>11</v>
      </c>
      <c r="B2193">
        <v>22</v>
      </c>
      <c r="C2193">
        <v>0.92</v>
      </c>
    </row>
    <row r="2194" spans="1:3" x14ac:dyDescent="0.25">
      <c r="A2194" t="s">
        <v>11</v>
      </c>
      <c r="B2194">
        <v>22</v>
      </c>
      <c r="C2194">
        <v>0.77</v>
      </c>
    </row>
    <row r="2195" spans="1:3" x14ac:dyDescent="0.25">
      <c r="A2195" t="s">
        <v>11</v>
      </c>
      <c r="B2195">
        <v>22</v>
      </c>
      <c r="C2195">
        <v>0.71</v>
      </c>
    </row>
    <row r="2196" spans="1:3" x14ac:dyDescent="0.25">
      <c r="A2196" t="s">
        <v>11</v>
      </c>
      <c r="B2196">
        <v>22</v>
      </c>
      <c r="C2196">
        <v>0.75</v>
      </c>
    </row>
    <row r="2197" spans="1:3" x14ac:dyDescent="0.25">
      <c r="A2197" t="s">
        <v>23</v>
      </c>
      <c r="B2197">
        <v>22</v>
      </c>
      <c r="C2197">
        <v>0.51</v>
      </c>
    </row>
    <row r="2198" spans="1:3" x14ac:dyDescent="0.25">
      <c r="A2198" t="s">
        <v>18</v>
      </c>
      <c r="B2198">
        <v>22</v>
      </c>
      <c r="C2198">
        <v>0.47</v>
      </c>
    </row>
    <row r="2199" spans="1:3" x14ac:dyDescent="0.25">
      <c r="A2199" t="s">
        <v>18</v>
      </c>
      <c r="B2199">
        <v>22</v>
      </c>
      <c r="C2199">
        <v>0.68</v>
      </c>
    </row>
    <row r="2200" spans="1:3" x14ac:dyDescent="0.25">
      <c r="A2200" t="s">
        <v>18</v>
      </c>
      <c r="B2200">
        <v>22</v>
      </c>
      <c r="C2200">
        <v>0.6</v>
      </c>
    </row>
    <row r="2201" spans="1:3" x14ac:dyDescent="0.25">
      <c r="A2201" t="s">
        <v>18</v>
      </c>
      <c r="B2201">
        <v>22</v>
      </c>
      <c r="C2201">
        <v>0.46</v>
      </c>
    </row>
    <row r="2202" spans="1:3" x14ac:dyDescent="0.25">
      <c r="A2202" t="s">
        <v>18</v>
      </c>
      <c r="B2202">
        <v>22</v>
      </c>
      <c r="C2202">
        <v>0.43</v>
      </c>
    </row>
    <row r="2203" spans="1:3" x14ac:dyDescent="0.25">
      <c r="A2203" t="s">
        <v>18</v>
      </c>
      <c r="B2203">
        <v>22</v>
      </c>
      <c r="C2203">
        <v>0.36</v>
      </c>
    </row>
    <row r="2204" spans="1:3" x14ac:dyDescent="0.25">
      <c r="A2204" t="s">
        <v>18</v>
      </c>
      <c r="B2204">
        <v>22</v>
      </c>
      <c r="C2204">
        <v>0.34</v>
      </c>
    </row>
    <row r="2205" spans="1:3" x14ac:dyDescent="0.25">
      <c r="A2205" t="s">
        <v>21</v>
      </c>
      <c r="B2205">
        <v>22</v>
      </c>
      <c r="C2205">
        <v>0.51</v>
      </c>
    </row>
    <row r="2206" spans="1:3" x14ac:dyDescent="0.25">
      <c r="A2206" t="s">
        <v>21</v>
      </c>
      <c r="B2206">
        <v>22</v>
      </c>
      <c r="C2206">
        <v>0.36</v>
      </c>
    </row>
    <row r="2207" spans="1:3" x14ac:dyDescent="0.25">
      <c r="A2207" t="s">
        <v>21</v>
      </c>
      <c r="B2207">
        <v>22</v>
      </c>
      <c r="C2207">
        <v>0.42</v>
      </c>
    </row>
    <row r="2208" spans="1:3" x14ac:dyDescent="0.25">
      <c r="A2208" t="s">
        <v>21</v>
      </c>
      <c r="B2208">
        <v>22</v>
      </c>
      <c r="C2208">
        <v>0.38</v>
      </c>
    </row>
    <row r="2209" spans="1:3" x14ac:dyDescent="0.25">
      <c r="A2209" t="s">
        <v>21</v>
      </c>
      <c r="B2209">
        <v>22</v>
      </c>
      <c r="C2209">
        <v>0.42</v>
      </c>
    </row>
    <row r="2210" spans="1:3" x14ac:dyDescent="0.25">
      <c r="A2210" t="s">
        <v>21</v>
      </c>
      <c r="B2210">
        <v>22</v>
      </c>
      <c r="C2210">
        <v>0.33</v>
      </c>
    </row>
    <row r="2211" spans="1:3" x14ac:dyDescent="0.25">
      <c r="A2211" t="s">
        <v>21</v>
      </c>
      <c r="B2211">
        <v>22</v>
      </c>
      <c r="C2211">
        <v>0.46</v>
      </c>
    </row>
    <row r="2212" spans="1:3" x14ac:dyDescent="0.25">
      <c r="A2212" t="s">
        <v>25</v>
      </c>
      <c r="B2212">
        <v>22</v>
      </c>
      <c r="C2212">
        <v>0.89</v>
      </c>
    </row>
    <row r="2213" spans="1:3" x14ac:dyDescent="0.25">
      <c r="A2213" t="s">
        <v>25</v>
      </c>
      <c r="B2213">
        <v>22</v>
      </c>
      <c r="C2213">
        <v>0.74</v>
      </c>
    </row>
    <row r="2214" spans="1:3" x14ac:dyDescent="0.25">
      <c r="A2214" t="s">
        <v>25</v>
      </c>
      <c r="B2214">
        <v>22</v>
      </c>
      <c r="C2214">
        <v>0.93</v>
      </c>
    </row>
    <row r="2215" spans="1:3" x14ac:dyDescent="0.25">
      <c r="A2215" t="s">
        <v>25</v>
      </c>
      <c r="B2215">
        <v>22</v>
      </c>
      <c r="C2215">
        <v>0.85</v>
      </c>
    </row>
    <row r="2216" spans="1:3" x14ac:dyDescent="0.25">
      <c r="A2216" t="s">
        <v>25</v>
      </c>
      <c r="B2216">
        <v>22</v>
      </c>
      <c r="C2216">
        <v>0.94</v>
      </c>
    </row>
    <row r="2217" spans="1:3" x14ac:dyDescent="0.25">
      <c r="A2217" t="s">
        <v>25</v>
      </c>
      <c r="B2217">
        <v>22</v>
      </c>
      <c r="C2217">
        <v>0.75</v>
      </c>
    </row>
    <row r="2218" spans="1:3" x14ac:dyDescent="0.25">
      <c r="A2218" t="s">
        <v>25</v>
      </c>
      <c r="B2218">
        <v>22</v>
      </c>
      <c r="C2218">
        <v>0.71</v>
      </c>
    </row>
    <row r="2219" spans="1:3" x14ac:dyDescent="0.25">
      <c r="A2219" t="s">
        <v>25</v>
      </c>
      <c r="B2219">
        <v>22</v>
      </c>
      <c r="C2219">
        <v>0.74</v>
      </c>
    </row>
    <row r="2220" spans="1:3" x14ac:dyDescent="0.25">
      <c r="A2220" t="s">
        <v>30</v>
      </c>
      <c r="B2220">
        <v>22</v>
      </c>
      <c r="C2220">
        <v>0.65</v>
      </c>
    </row>
    <row r="2221" spans="1:3" x14ac:dyDescent="0.25">
      <c r="A2221" t="s">
        <v>15</v>
      </c>
      <c r="B2221">
        <v>22</v>
      </c>
      <c r="C2221">
        <v>0.12</v>
      </c>
    </row>
    <row r="2222" spans="1:3" x14ac:dyDescent="0.25">
      <c r="A2222" t="s">
        <v>15</v>
      </c>
      <c r="B2222">
        <v>22</v>
      </c>
      <c r="C2222">
        <v>0.27</v>
      </c>
    </row>
    <row r="2223" spans="1:3" x14ac:dyDescent="0.25">
      <c r="A2223" t="s">
        <v>15</v>
      </c>
      <c r="B2223">
        <v>22</v>
      </c>
      <c r="C2223">
        <v>0.27</v>
      </c>
    </row>
    <row r="2224" spans="1:3" x14ac:dyDescent="0.25">
      <c r="A2224" t="s">
        <v>15</v>
      </c>
      <c r="B2224">
        <v>22</v>
      </c>
      <c r="C2224">
        <v>7.0000000000000007E-2</v>
      </c>
    </row>
    <row r="2225" spans="1:3" x14ac:dyDescent="0.25">
      <c r="A2225" t="s">
        <v>26</v>
      </c>
      <c r="B2225">
        <v>22</v>
      </c>
      <c r="C2225">
        <v>0.1</v>
      </c>
    </row>
    <row r="2226" spans="1:3" x14ac:dyDescent="0.25">
      <c r="A2226" t="s">
        <v>26</v>
      </c>
      <c r="B2226">
        <v>22</v>
      </c>
      <c r="C2226">
        <v>0.13</v>
      </c>
    </row>
    <row r="2227" spans="1:3" x14ac:dyDescent="0.25">
      <c r="A2227" t="s">
        <v>26</v>
      </c>
      <c r="B2227">
        <v>22</v>
      </c>
      <c r="C2227">
        <v>0.17</v>
      </c>
    </row>
    <row r="2228" spans="1:3" x14ac:dyDescent="0.25">
      <c r="A2228" t="s">
        <v>14</v>
      </c>
      <c r="B2228">
        <v>22</v>
      </c>
      <c r="C2228">
        <v>0.64</v>
      </c>
    </row>
    <row r="2229" spans="1:3" x14ac:dyDescent="0.25">
      <c r="A2229" t="s">
        <v>14</v>
      </c>
      <c r="B2229">
        <v>22</v>
      </c>
      <c r="C2229">
        <v>0.4</v>
      </c>
    </row>
    <row r="2230" spans="1:3" x14ac:dyDescent="0.25">
      <c r="A2230" t="s">
        <v>14</v>
      </c>
      <c r="B2230">
        <v>22</v>
      </c>
      <c r="C2230">
        <v>0.54</v>
      </c>
    </row>
    <row r="2231" spans="1:3" x14ac:dyDescent="0.25">
      <c r="A2231" t="s">
        <v>14</v>
      </c>
      <c r="B2231">
        <v>22</v>
      </c>
      <c r="C2231">
        <v>0.45</v>
      </c>
    </row>
    <row r="2232" spans="1:3" x14ac:dyDescent="0.25">
      <c r="A2232" t="s">
        <v>14</v>
      </c>
      <c r="B2232">
        <v>22</v>
      </c>
      <c r="C2232">
        <v>0.44</v>
      </c>
    </row>
    <row r="2233" spans="1:3" x14ac:dyDescent="0.25">
      <c r="A2233" t="s">
        <v>14</v>
      </c>
      <c r="B2233">
        <v>22</v>
      </c>
      <c r="C2233">
        <v>0.56000000000000005</v>
      </c>
    </row>
    <row r="2234" spans="1:3" x14ac:dyDescent="0.25">
      <c r="A2234" t="s">
        <v>28</v>
      </c>
      <c r="B2234">
        <v>22</v>
      </c>
      <c r="C2234">
        <v>0.45</v>
      </c>
    </row>
    <row r="2235" spans="1:3" x14ac:dyDescent="0.25">
      <c r="A2235" t="s">
        <v>28</v>
      </c>
      <c r="B2235">
        <v>22</v>
      </c>
      <c r="C2235">
        <v>0.39</v>
      </c>
    </row>
    <row r="2236" spans="1:3" x14ac:dyDescent="0.25">
      <c r="A2236" t="s">
        <v>28</v>
      </c>
      <c r="B2236">
        <v>22</v>
      </c>
      <c r="C2236">
        <v>0.56000000000000005</v>
      </c>
    </row>
    <row r="2237" spans="1:3" x14ac:dyDescent="0.25">
      <c r="A2237" t="s">
        <v>28</v>
      </c>
      <c r="B2237">
        <v>22</v>
      </c>
      <c r="C2237">
        <v>0.61</v>
      </c>
    </row>
    <row r="2238" spans="1:3" x14ac:dyDescent="0.25">
      <c r="A2238" t="s">
        <v>28</v>
      </c>
      <c r="B2238">
        <v>22</v>
      </c>
      <c r="C2238">
        <v>0.51</v>
      </c>
    </row>
    <row r="2239" spans="1:3" x14ac:dyDescent="0.25">
      <c r="A2239" t="s">
        <v>28</v>
      </c>
      <c r="B2239">
        <v>22</v>
      </c>
      <c r="C2239">
        <v>0.44</v>
      </c>
    </row>
    <row r="2240" spans="1:3" x14ac:dyDescent="0.25">
      <c r="A2240" t="s">
        <v>28</v>
      </c>
      <c r="B2240">
        <v>22</v>
      </c>
      <c r="C2240">
        <v>0.34</v>
      </c>
    </row>
    <row r="2241" spans="1:3" x14ac:dyDescent="0.25">
      <c r="A2241" t="s">
        <v>16</v>
      </c>
      <c r="B2241">
        <v>22</v>
      </c>
      <c r="C2241">
        <v>0.42</v>
      </c>
    </row>
    <row r="2242" spans="1:3" x14ac:dyDescent="0.25">
      <c r="A2242" t="s">
        <v>16</v>
      </c>
      <c r="B2242">
        <v>22</v>
      </c>
      <c r="C2242">
        <v>0.34</v>
      </c>
    </row>
    <row r="2243" spans="1:3" x14ac:dyDescent="0.25">
      <c r="A2243" t="s">
        <v>16</v>
      </c>
      <c r="B2243">
        <v>22</v>
      </c>
      <c r="C2243">
        <v>0.44</v>
      </c>
    </row>
    <row r="2244" spans="1:3" x14ac:dyDescent="0.25">
      <c r="A2244" t="s">
        <v>16</v>
      </c>
      <c r="B2244">
        <v>22</v>
      </c>
      <c r="C2244">
        <v>0.32</v>
      </c>
    </row>
    <row r="2245" spans="1:3" x14ac:dyDescent="0.25">
      <c r="A2245" t="s">
        <v>16</v>
      </c>
      <c r="B2245">
        <v>22</v>
      </c>
      <c r="C2245">
        <v>0.56000000000000005</v>
      </c>
    </row>
    <row r="2246" spans="1:3" x14ac:dyDescent="0.25">
      <c r="A2246" t="s">
        <v>16</v>
      </c>
      <c r="B2246">
        <v>22</v>
      </c>
      <c r="C2246">
        <v>0.4</v>
      </c>
    </row>
    <row r="2247" spans="1:3" x14ac:dyDescent="0.25">
      <c r="A2247" t="s">
        <v>16</v>
      </c>
      <c r="B2247">
        <v>22</v>
      </c>
      <c r="C2247">
        <v>0.56999999999999995</v>
      </c>
    </row>
    <row r="2248" spans="1:3" x14ac:dyDescent="0.25">
      <c r="A2248" t="s">
        <v>13</v>
      </c>
      <c r="B2248">
        <v>22</v>
      </c>
      <c r="C2248">
        <v>0.41</v>
      </c>
    </row>
    <row r="2249" spans="1:3" x14ac:dyDescent="0.25">
      <c r="A2249" t="s">
        <v>13</v>
      </c>
      <c r="B2249">
        <v>22</v>
      </c>
      <c r="C2249">
        <v>0.62</v>
      </c>
    </row>
    <row r="2250" spans="1:3" x14ac:dyDescent="0.25">
      <c r="A2250" t="s">
        <v>13</v>
      </c>
      <c r="B2250">
        <v>22</v>
      </c>
      <c r="C2250">
        <v>0.36</v>
      </c>
    </row>
    <row r="2251" spans="1:3" x14ac:dyDescent="0.25">
      <c r="A2251" t="s">
        <v>13</v>
      </c>
      <c r="B2251">
        <v>22</v>
      </c>
      <c r="C2251">
        <v>0.56999999999999995</v>
      </c>
    </row>
    <row r="2252" spans="1:3" x14ac:dyDescent="0.25">
      <c r="A2252" t="s">
        <v>17</v>
      </c>
      <c r="B2252">
        <v>22</v>
      </c>
      <c r="C2252">
        <v>0.24</v>
      </c>
    </row>
    <row r="2253" spans="1:3" x14ac:dyDescent="0.25">
      <c r="A2253" t="s">
        <v>17</v>
      </c>
      <c r="B2253">
        <v>22</v>
      </c>
      <c r="C2253">
        <v>0.08</v>
      </c>
    </row>
    <row r="2254" spans="1:3" x14ac:dyDescent="0.25">
      <c r="A2254" t="s">
        <v>17</v>
      </c>
      <c r="B2254">
        <v>22</v>
      </c>
      <c r="C2254">
        <v>0.3</v>
      </c>
    </row>
    <row r="2255" spans="1:3" x14ac:dyDescent="0.25">
      <c r="A2255" t="s">
        <v>17</v>
      </c>
      <c r="B2255">
        <v>22</v>
      </c>
      <c r="C2255">
        <v>0.24</v>
      </c>
    </row>
    <row r="2256" spans="1:3" x14ac:dyDescent="0.25">
      <c r="A2256" t="s">
        <v>17</v>
      </c>
      <c r="B2256">
        <v>22</v>
      </c>
      <c r="C2256">
        <v>0.14000000000000001</v>
      </c>
    </row>
    <row r="2257" spans="1:3" x14ac:dyDescent="0.25">
      <c r="A2257" t="s">
        <v>17</v>
      </c>
      <c r="B2257">
        <v>22</v>
      </c>
      <c r="C2257">
        <v>0.22</v>
      </c>
    </row>
    <row r="2258" spans="1:3" x14ac:dyDescent="0.25">
      <c r="A2258" t="s">
        <v>27</v>
      </c>
      <c r="B2258">
        <v>22</v>
      </c>
      <c r="C2258">
        <v>0.92</v>
      </c>
    </row>
    <row r="2259" spans="1:3" x14ac:dyDescent="0.25">
      <c r="A2259" t="s">
        <v>27</v>
      </c>
      <c r="B2259">
        <v>22</v>
      </c>
      <c r="C2259">
        <v>0.8</v>
      </c>
    </row>
    <row r="2260" spans="1:3" x14ac:dyDescent="0.25">
      <c r="A2260" t="s">
        <v>27</v>
      </c>
      <c r="B2260">
        <v>22</v>
      </c>
      <c r="C2260">
        <v>0.85</v>
      </c>
    </row>
    <row r="2261" spans="1:3" x14ac:dyDescent="0.25">
      <c r="A2261" t="s">
        <v>27</v>
      </c>
      <c r="B2261">
        <v>22</v>
      </c>
      <c r="C2261">
        <v>0.73</v>
      </c>
    </row>
    <row r="2262" spans="1:3" x14ac:dyDescent="0.25">
      <c r="A2262" t="s">
        <v>27</v>
      </c>
      <c r="B2262">
        <v>22</v>
      </c>
      <c r="C2262">
        <v>0.91</v>
      </c>
    </row>
    <row r="2263" spans="1:3" x14ac:dyDescent="0.25">
      <c r="A2263" t="s">
        <v>27</v>
      </c>
      <c r="B2263">
        <v>22</v>
      </c>
      <c r="C2263">
        <v>0.88</v>
      </c>
    </row>
    <row r="2264" spans="1:3" x14ac:dyDescent="0.25">
      <c r="A2264" t="s">
        <v>27</v>
      </c>
      <c r="B2264">
        <v>22</v>
      </c>
      <c r="C2264">
        <v>0.9</v>
      </c>
    </row>
    <row r="2265" spans="1:3" x14ac:dyDescent="0.25">
      <c r="A2265" t="s">
        <v>9</v>
      </c>
      <c r="B2265">
        <v>22</v>
      </c>
      <c r="C2265">
        <v>0.17</v>
      </c>
    </row>
    <row r="2266" spans="1:3" x14ac:dyDescent="0.25">
      <c r="A2266" t="s">
        <v>9</v>
      </c>
      <c r="B2266">
        <v>22</v>
      </c>
      <c r="C2266">
        <v>0.11</v>
      </c>
    </row>
    <row r="2267" spans="1:3" x14ac:dyDescent="0.25">
      <c r="A2267" t="s">
        <v>9</v>
      </c>
      <c r="B2267">
        <v>22</v>
      </c>
      <c r="C2267">
        <v>0.14000000000000001</v>
      </c>
    </row>
    <row r="2268" spans="1:3" x14ac:dyDescent="0.25">
      <c r="A2268" t="s">
        <v>9</v>
      </c>
      <c r="B2268">
        <v>22</v>
      </c>
      <c r="C2268">
        <v>0.24</v>
      </c>
    </row>
    <row r="2269" spans="1:3" x14ac:dyDescent="0.25">
      <c r="A2269" t="s">
        <v>9</v>
      </c>
      <c r="B2269">
        <v>22</v>
      </c>
      <c r="C2269">
        <v>0.14000000000000001</v>
      </c>
    </row>
    <row r="2270" spans="1:3" x14ac:dyDescent="0.25">
      <c r="A2270" t="s">
        <v>9</v>
      </c>
      <c r="B2270">
        <v>22</v>
      </c>
      <c r="C2270">
        <v>0.13</v>
      </c>
    </row>
    <row r="2271" spans="1:3" x14ac:dyDescent="0.25">
      <c r="A2271" t="s">
        <v>9</v>
      </c>
      <c r="B2271">
        <v>22</v>
      </c>
      <c r="C2271">
        <v>0.1</v>
      </c>
    </row>
    <row r="2272" spans="1:3" x14ac:dyDescent="0.25">
      <c r="A2272" t="s">
        <v>20</v>
      </c>
      <c r="B2272">
        <v>22</v>
      </c>
      <c r="C2272">
        <v>0.39</v>
      </c>
    </row>
    <row r="2273" spans="1:3" x14ac:dyDescent="0.25">
      <c r="A2273" t="s">
        <v>20</v>
      </c>
      <c r="B2273">
        <v>22</v>
      </c>
      <c r="C2273">
        <v>0.49</v>
      </c>
    </row>
    <row r="2274" spans="1:3" x14ac:dyDescent="0.25">
      <c r="A2274" t="s">
        <v>20</v>
      </c>
      <c r="B2274">
        <v>22</v>
      </c>
      <c r="C2274">
        <v>0.33</v>
      </c>
    </row>
    <row r="2275" spans="1:3" x14ac:dyDescent="0.25">
      <c r="A2275" t="s">
        <v>20</v>
      </c>
      <c r="B2275">
        <v>22</v>
      </c>
      <c r="C2275">
        <v>0.47</v>
      </c>
    </row>
    <row r="2276" spans="1:3" x14ac:dyDescent="0.25">
      <c r="A2276" t="s">
        <v>20</v>
      </c>
      <c r="B2276">
        <v>22</v>
      </c>
      <c r="C2276">
        <v>0.31</v>
      </c>
    </row>
    <row r="2277" spans="1:3" x14ac:dyDescent="0.25">
      <c r="A2277" t="s">
        <v>19</v>
      </c>
      <c r="B2277">
        <v>22</v>
      </c>
      <c r="C2277">
        <v>0.84</v>
      </c>
    </row>
    <row r="2278" spans="1:3" x14ac:dyDescent="0.25">
      <c r="A2278" t="s">
        <v>19</v>
      </c>
      <c r="B2278">
        <v>22</v>
      </c>
      <c r="C2278">
        <v>0.72</v>
      </c>
    </row>
    <row r="2279" spans="1:3" x14ac:dyDescent="0.25">
      <c r="A2279" t="s">
        <v>19</v>
      </c>
      <c r="B2279">
        <v>22</v>
      </c>
      <c r="C2279">
        <v>0.79</v>
      </c>
    </row>
    <row r="2280" spans="1:3" x14ac:dyDescent="0.25">
      <c r="A2280" t="s">
        <v>22</v>
      </c>
      <c r="B2280">
        <v>23</v>
      </c>
      <c r="C2280">
        <v>0.56999999999999995</v>
      </c>
    </row>
    <row r="2281" spans="1:3" x14ac:dyDescent="0.25">
      <c r="A2281" t="s">
        <v>22</v>
      </c>
      <c r="B2281">
        <v>23</v>
      </c>
      <c r="C2281">
        <v>0.59</v>
      </c>
    </row>
    <row r="2282" spans="1:3" x14ac:dyDescent="0.25">
      <c r="A2282" t="s">
        <v>22</v>
      </c>
      <c r="B2282">
        <v>23</v>
      </c>
      <c r="C2282">
        <v>0.56999999999999995</v>
      </c>
    </row>
    <row r="2283" spans="1:3" x14ac:dyDescent="0.25">
      <c r="A2283" t="s">
        <v>22</v>
      </c>
      <c r="B2283">
        <v>23</v>
      </c>
      <c r="C2283">
        <v>0.56999999999999995</v>
      </c>
    </row>
    <row r="2284" spans="1:3" x14ac:dyDescent="0.25">
      <c r="A2284" t="s">
        <v>22</v>
      </c>
      <c r="B2284">
        <v>23</v>
      </c>
      <c r="C2284">
        <v>0.35</v>
      </c>
    </row>
    <row r="2285" spans="1:3" x14ac:dyDescent="0.25">
      <c r="A2285" t="s">
        <v>22</v>
      </c>
      <c r="B2285">
        <v>23</v>
      </c>
      <c r="C2285">
        <v>0.39</v>
      </c>
    </row>
    <row r="2286" spans="1:3" x14ac:dyDescent="0.25">
      <c r="A2286" t="s">
        <v>29</v>
      </c>
      <c r="B2286">
        <v>23</v>
      </c>
      <c r="C2286">
        <v>7.0000000000000007E-2</v>
      </c>
    </row>
    <row r="2287" spans="1:3" x14ac:dyDescent="0.25">
      <c r="A2287" t="s">
        <v>29</v>
      </c>
      <c r="B2287">
        <v>23</v>
      </c>
      <c r="C2287">
        <v>0.13</v>
      </c>
    </row>
    <row r="2288" spans="1:3" x14ac:dyDescent="0.25">
      <c r="A2288" t="s">
        <v>29</v>
      </c>
      <c r="B2288">
        <v>23</v>
      </c>
      <c r="C2288">
        <v>0.05</v>
      </c>
    </row>
    <row r="2289" spans="1:3" x14ac:dyDescent="0.25">
      <c r="A2289" t="s">
        <v>7</v>
      </c>
      <c r="B2289">
        <v>23</v>
      </c>
      <c r="C2289">
        <v>0.88</v>
      </c>
    </row>
    <row r="2290" spans="1:3" x14ac:dyDescent="0.25">
      <c r="A2290" t="s">
        <v>7</v>
      </c>
      <c r="B2290">
        <v>23</v>
      </c>
      <c r="C2290">
        <v>0.75</v>
      </c>
    </row>
    <row r="2291" spans="1:3" x14ac:dyDescent="0.25">
      <c r="A2291" t="s">
        <v>11</v>
      </c>
      <c r="B2291">
        <v>23</v>
      </c>
      <c r="C2291">
        <v>0.85</v>
      </c>
    </row>
    <row r="2292" spans="1:3" x14ac:dyDescent="0.25">
      <c r="A2292" t="s">
        <v>11</v>
      </c>
      <c r="B2292">
        <v>23</v>
      </c>
      <c r="C2292">
        <v>0.89</v>
      </c>
    </row>
    <row r="2293" spans="1:3" x14ac:dyDescent="0.25">
      <c r="A2293" t="s">
        <v>11</v>
      </c>
      <c r="B2293">
        <v>23</v>
      </c>
      <c r="C2293">
        <v>0.81</v>
      </c>
    </row>
    <row r="2294" spans="1:3" x14ac:dyDescent="0.25">
      <c r="A2294" t="s">
        <v>11</v>
      </c>
      <c r="B2294">
        <v>23</v>
      </c>
      <c r="C2294">
        <v>0.78</v>
      </c>
    </row>
    <row r="2295" spans="1:3" x14ac:dyDescent="0.25">
      <c r="A2295" t="s">
        <v>11</v>
      </c>
      <c r="B2295">
        <v>23</v>
      </c>
      <c r="C2295">
        <v>0.74</v>
      </c>
    </row>
    <row r="2296" spans="1:3" x14ac:dyDescent="0.25">
      <c r="A2296" t="s">
        <v>11</v>
      </c>
      <c r="B2296">
        <v>23</v>
      </c>
      <c r="C2296">
        <v>0.82</v>
      </c>
    </row>
    <row r="2297" spans="1:3" x14ac:dyDescent="0.25">
      <c r="A2297" t="s">
        <v>11</v>
      </c>
      <c r="B2297">
        <v>23</v>
      </c>
      <c r="C2297">
        <v>0.87</v>
      </c>
    </row>
    <row r="2298" spans="1:3" x14ac:dyDescent="0.25">
      <c r="A2298" t="s">
        <v>23</v>
      </c>
      <c r="B2298">
        <v>23</v>
      </c>
      <c r="C2298">
        <v>0.65</v>
      </c>
    </row>
    <row r="2299" spans="1:3" x14ac:dyDescent="0.25">
      <c r="A2299" t="s">
        <v>23</v>
      </c>
      <c r="B2299">
        <v>23</v>
      </c>
      <c r="C2299">
        <v>0.67</v>
      </c>
    </row>
    <row r="2300" spans="1:3" x14ac:dyDescent="0.25">
      <c r="A2300" t="s">
        <v>18</v>
      </c>
      <c r="B2300">
        <v>23</v>
      </c>
      <c r="C2300">
        <v>0.48</v>
      </c>
    </row>
    <row r="2301" spans="1:3" x14ac:dyDescent="0.25">
      <c r="A2301" t="s">
        <v>18</v>
      </c>
      <c r="B2301">
        <v>23</v>
      </c>
      <c r="C2301">
        <v>0.49</v>
      </c>
    </row>
    <row r="2302" spans="1:3" x14ac:dyDescent="0.25">
      <c r="A2302" t="s">
        <v>18</v>
      </c>
      <c r="B2302">
        <v>23</v>
      </c>
      <c r="C2302">
        <v>0.52</v>
      </c>
    </row>
    <row r="2303" spans="1:3" x14ac:dyDescent="0.25">
      <c r="A2303" t="s">
        <v>18</v>
      </c>
      <c r="B2303">
        <v>23</v>
      </c>
      <c r="C2303">
        <v>0.69</v>
      </c>
    </row>
    <row r="2304" spans="1:3" x14ac:dyDescent="0.25">
      <c r="A2304" t="s">
        <v>18</v>
      </c>
      <c r="B2304">
        <v>23</v>
      </c>
      <c r="C2304">
        <v>0.59</v>
      </c>
    </row>
    <row r="2305" spans="1:3" x14ac:dyDescent="0.25">
      <c r="A2305" t="s">
        <v>21</v>
      </c>
      <c r="B2305">
        <v>23</v>
      </c>
      <c r="C2305">
        <v>0.33</v>
      </c>
    </row>
    <row r="2306" spans="1:3" x14ac:dyDescent="0.25">
      <c r="A2306" t="s">
        <v>21</v>
      </c>
      <c r="B2306">
        <v>23</v>
      </c>
      <c r="C2306">
        <v>0.43</v>
      </c>
    </row>
    <row r="2307" spans="1:3" x14ac:dyDescent="0.25">
      <c r="A2307" t="s">
        <v>21</v>
      </c>
      <c r="B2307">
        <v>23</v>
      </c>
      <c r="C2307">
        <v>0.49</v>
      </c>
    </row>
    <row r="2308" spans="1:3" x14ac:dyDescent="0.25">
      <c r="A2308" t="s">
        <v>25</v>
      </c>
      <c r="B2308">
        <v>23</v>
      </c>
      <c r="C2308">
        <v>0.74</v>
      </c>
    </row>
    <row r="2309" spans="1:3" x14ac:dyDescent="0.25">
      <c r="A2309" t="s">
        <v>25</v>
      </c>
      <c r="B2309">
        <v>23</v>
      </c>
      <c r="C2309">
        <v>0.88</v>
      </c>
    </row>
    <row r="2310" spans="1:3" x14ac:dyDescent="0.25">
      <c r="A2310" t="s">
        <v>25</v>
      </c>
      <c r="B2310">
        <v>23</v>
      </c>
      <c r="C2310">
        <v>0.9</v>
      </c>
    </row>
    <row r="2311" spans="1:3" x14ac:dyDescent="0.25">
      <c r="A2311" t="s">
        <v>25</v>
      </c>
      <c r="B2311">
        <v>23</v>
      </c>
      <c r="C2311">
        <v>0.85</v>
      </c>
    </row>
    <row r="2312" spans="1:3" x14ac:dyDescent="0.25">
      <c r="A2312" t="s">
        <v>25</v>
      </c>
      <c r="B2312">
        <v>23</v>
      </c>
      <c r="C2312">
        <v>0.78</v>
      </c>
    </row>
    <row r="2313" spans="1:3" x14ac:dyDescent="0.25">
      <c r="A2313" t="s">
        <v>25</v>
      </c>
      <c r="B2313">
        <v>23</v>
      </c>
      <c r="C2313">
        <v>0.86</v>
      </c>
    </row>
    <row r="2314" spans="1:3" x14ac:dyDescent="0.25">
      <c r="A2314" t="s">
        <v>25</v>
      </c>
      <c r="B2314">
        <v>23</v>
      </c>
      <c r="C2314">
        <v>0.91</v>
      </c>
    </row>
    <row r="2315" spans="1:3" x14ac:dyDescent="0.25">
      <c r="A2315" t="s">
        <v>25</v>
      </c>
      <c r="B2315">
        <v>23</v>
      </c>
      <c r="C2315">
        <v>0.93</v>
      </c>
    </row>
    <row r="2316" spans="1:3" x14ac:dyDescent="0.25">
      <c r="A2316" t="s">
        <v>30</v>
      </c>
      <c r="B2316">
        <v>23</v>
      </c>
      <c r="C2316">
        <v>0.61</v>
      </c>
    </row>
    <row r="2317" spans="1:3" x14ac:dyDescent="0.25">
      <c r="A2317" t="s">
        <v>15</v>
      </c>
      <c r="B2317">
        <v>23</v>
      </c>
      <c r="C2317">
        <v>0.14000000000000001</v>
      </c>
    </row>
    <row r="2318" spans="1:3" x14ac:dyDescent="0.25">
      <c r="A2318" t="s">
        <v>15</v>
      </c>
      <c r="B2318">
        <v>23</v>
      </c>
      <c r="C2318">
        <v>0.3</v>
      </c>
    </row>
    <row r="2319" spans="1:3" x14ac:dyDescent="0.25">
      <c r="A2319" t="s">
        <v>15</v>
      </c>
      <c r="B2319">
        <v>23</v>
      </c>
      <c r="C2319">
        <v>0.28999999999999998</v>
      </c>
    </row>
    <row r="2320" spans="1:3" x14ac:dyDescent="0.25">
      <c r="A2320" t="s">
        <v>15</v>
      </c>
      <c r="B2320">
        <v>23</v>
      </c>
      <c r="C2320">
        <v>0.26</v>
      </c>
    </row>
    <row r="2321" spans="1:3" x14ac:dyDescent="0.25">
      <c r="A2321" t="s">
        <v>26</v>
      </c>
      <c r="B2321">
        <v>23</v>
      </c>
      <c r="C2321">
        <v>7.0000000000000007E-2</v>
      </c>
    </row>
    <row r="2322" spans="1:3" x14ac:dyDescent="0.25">
      <c r="A2322" t="s">
        <v>26</v>
      </c>
      <c r="B2322">
        <v>23</v>
      </c>
      <c r="C2322">
        <v>0.1</v>
      </c>
    </row>
    <row r="2323" spans="1:3" x14ac:dyDescent="0.25">
      <c r="A2323" t="s">
        <v>26</v>
      </c>
      <c r="B2323">
        <v>23</v>
      </c>
      <c r="C2323">
        <v>0.27</v>
      </c>
    </row>
    <row r="2324" spans="1:3" x14ac:dyDescent="0.25">
      <c r="A2324" t="s">
        <v>26</v>
      </c>
      <c r="B2324">
        <v>23</v>
      </c>
      <c r="C2324">
        <v>7.0000000000000007E-2</v>
      </c>
    </row>
    <row r="2325" spans="1:3" x14ac:dyDescent="0.25">
      <c r="A2325" t="s">
        <v>26</v>
      </c>
      <c r="B2325">
        <v>23</v>
      </c>
      <c r="C2325">
        <v>0.25</v>
      </c>
    </row>
    <row r="2326" spans="1:3" x14ac:dyDescent="0.25">
      <c r="A2326" t="s">
        <v>14</v>
      </c>
      <c r="B2326">
        <v>23</v>
      </c>
      <c r="C2326">
        <v>0.55000000000000004</v>
      </c>
    </row>
    <row r="2327" spans="1:3" x14ac:dyDescent="0.25">
      <c r="A2327" t="s">
        <v>14</v>
      </c>
      <c r="B2327">
        <v>23</v>
      </c>
      <c r="C2327">
        <v>0.66</v>
      </c>
    </row>
    <row r="2328" spans="1:3" x14ac:dyDescent="0.25">
      <c r="A2328" t="s">
        <v>14</v>
      </c>
      <c r="B2328">
        <v>23</v>
      </c>
      <c r="C2328">
        <v>0.34</v>
      </c>
    </row>
    <row r="2329" spans="1:3" x14ac:dyDescent="0.25">
      <c r="A2329" t="s">
        <v>14</v>
      </c>
      <c r="B2329">
        <v>23</v>
      </c>
      <c r="C2329">
        <v>0.51</v>
      </c>
    </row>
    <row r="2330" spans="1:3" x14ac:dyDescent="0.25">
      <c r="A2330" t="s">
        <v>14</v>
      </c>
      <c r="B2330">
        <v>23</v>
      </c>
      <c r="C2330">
        <v>0.56000000000000005</v>
      </c>
    </row>
    <row r="2331" spans="1:3" x14ac:dyDescent="0.25">
      <c r="A2331" t="s">
        <v>14</v>
      </c>
      <c r="B2331">
        <v>23</v>
      </c>
      <c r="C2331">
        <v>0.52</v>
      </c>
    </row>
    <row r="2332" spans="1:3" x14ac:dyDescent="0.25">
      <c r="A2332" t="s">
        <v>28</v>
      </c>
      <c r="B2332">
        <v>23</v>
      </c>
      <c r="C2332">
        <v>0.64</v>
      </c>
    </row>
    <row r="2333" spans="1:3" x14ac:dyDescent="0.25">
      <c r="A2333" t="s">
        <v>28</v>
      </c>
      <c r="B2333">
        <v>23</v>
      </c>
      <c r="C2333">
        <v>0.45</v>
      </c>
    </row>
    <row r="2334" spans="1:3" x14ac:dyDescent="0.25">
      <c r="A2334" t="s">
        <v>28</v>
      </c>
      <c r="B2334">
        <v>23</v>
      </c>
      <c r="C2334">
        <v>0.31</v>
      </c>
    </row>
    <row r="2335" spans="1:3" x14ac:dyDescent="0.25">
      <c r="A2335" t="s">
        <v>28</v>
      </c>
      <c r="B2335">
        <v>23</v>
      </c>
      <c r="C2335">
        <v>0.55000000000000004</v>
      </c>
    </row>
    <row r="2336" spans="1:3" x14ac:dyDescent="0.25">
      <c r="A2336" t="s">
        <v>28</v>
      </c>
      <c r="B2336">
        <v>23</v>
      </c>
      <c r="C2336">
        <v>0.55000000000000004</v>
      </c>
    </row>
    <row r="2337" spans="1:3" x14ac:dyDescent="0.25">
      <c r="A2337" t="s">
        <v>28</v>
      </c>
      <c r="B2337">
        <v>23</v>
      </c>
      <c r="C2337">
        <v>0.37</v>
      </c>
    </row>
    <row r="2338" spans="1:3" x14ac:dyDescent="0.25">
      <c r="A2338" t="s">
        <v>28</v>
      </c>
      <c r="B2338">
        <v>23</v>
      </c>
      <c r="C2338">
        <v>0.6</v>
      </c>
    </row>
    <row r="2339" spans="1:3" x14ac:dyDescent="0.25">
      <c r="A2339" t="s">
        <v>28</v>
      </c>
      <c r="B2339">
        <v>23</v>
      </c>
      <c r="C2339">
        <v>0.44</v>
      </c>
    </row>
    <row r="2340" spans="1:3" x14ac:dyDescent="0.25">
      <c r="A2340" t="s">
        <v>28</v>
      </c>
      <c r="B2340">
        <v>23</v>
      </c>
      <c r="C2340">
        <v>0.42</v>
      </c>
    </row>
    <row r="2341" spans="1:3" x14ac:dyDescent="0.25">
      <c r="A2341" t="s">
        <v>28</v>
      </c>
      <c r="B2341">
        <v>23</v>
      </c>
      <c r="C2341">
        <v>0.37</v>
      </c>
    </row>
    <row r="2342" spans="1:3" x14ac:dyDescent="0.25">
      <c r="A2342" t="s">
        <v>16</v>
      </c>
      <c r="B2342">
        <v>23</v>
      </c>
      <c r="C2342">
        <v>0.41</v>
      </c>
    </row>
    <row r="2343" spans="1:3" x14ac:dyDescent="0.25">
      <c r="A2343" t="s">
        <v>16</v>
      </c>
      <c r="B2343">
        <v>23</v>
      </c>
      <c r="C2343">
        <v>0.42</v>
      </c>
    </row>
    <row r="2344" spans="1:3" x14ac:dyDescent="0.25">
      <c r="A2344" t="s">
        <v>16</v>
      </c>
      <c r="B2344">
        <v>23</v>
      </c>
      <c r="C2344">
        <v>0.43</v>
      </c>
    </row>
    <row r="2345" spans="1:3" x14ac:dyDescent="0.25">
      <c r="A2345" t="s">
        <v>16</v>
      </c>
      <c r="B2345">
        <v>23</v>
      </c>
      <c r="C2345">
        <v>0.66</v>
      </c>
    </row>
    <row r="2346" spans="1:3" x14ac:dyDescent="0.25">
      <c r="A2346" t="s">
        <v>16</v>
      </c>
      <c r="B2346">
        <v>23</v>
      </c>
      <c r="C2346">
        <v>0.52</v>
      </c>
    </row>
    <row r="2347" spans="1:3" x14ac:dyDescent="0.25">
      <c r="A2347" t="s">
        <v>16</v>
      </c>
      <c r="B2347">
        <v>23</v>
      </c>
      <c r="C2347">
        <v>0.35</v>
      </c>
    </row>
    <row r="2348" spans="1:3" x14ac:dyDescent="0.25">
      <c r="A2348" t="s">
        <v>16</v>
      </c>
      <c r="B2348">
        <v>23</v>
      </c>
      <c r="C2348">
        <v>0.46</v>
      </c>
    </row>
    <row r="2349" spans="1:3" x14ac:dyDescent="0.25">
      <c r="A2349" t="s">
        <v>13</v>
      </c>
      <c r="B2349">
        <v>23</v>
      </c>
      <c r="C2349">
        <v>0.43</v>
      </c>
    </row>
    <row r="2350" spans="1:3" x14ac:dyDescent="0.25">
      <c r="A2350" t="s">
        <v>13</v>
      </c>
      <c r="B2350">
        <v>23</v>
      </c>
      <c r="C2350">
        <v>0.4</v>
      </c>
    </row>
    <row r="2351" spans="1:3" x14ac:dyDescent="0.25">
      <c r="A2351" t="s">
        <v>13</v>
      </c>
      <c r="B2351">
        <v>23</v>
      </c>
      <c r="C2351">
        <v>0.48</v>
      </c>
    </row>
    <row r="2352" spans="1:3" x14ac:dyDescent="0.25">
      <c r="A2352" t="s">
        <v>13</v>
      </c>
      <c r="B2352">
        <v>23</v>
      </c>
      <c r="C2352">
        <v>0.56999999999999995</v>
      </c>
    </row>
    <row r="2353" spans="1:3" x14ac:dyDescent="0.25">
      <c r="A2353" t="s">
        <v>13</v>
      </c>
      <c r="B2353">
        <v>23</v>
      </c>
      <c r="C2353">
        <v>0.39</v>
      </c>
    </row>
    <row r="2354" spans="1:3" x14ac:dyDescent="0.25">
      <c r="A2354" t="s">
        <v>17</v>
      </c>
      <c r="B2354">
        <v>23</v>
      </c>
      <c r="C2354">
        <v>0.14000000000000001</v>
      </c>
    </row>
    <row r="2355" spans="1:3" x14ac:dyDescent="0.25">
      <c r="A2355" t="s">
        <v>17</v>
      </c>
      <c r="B2355">
        <v>23</v>
      </c>
      <c r="C2355">
        <v>0.26</v>
      </c>
    </row>
    <row r="2356" spans="1:3" x14ac:dyDescent="0.25">
      <c r="A2356" t="s">
        <v>17</v>
      </c>
      <c r="B2356">
        <v>23</v>
      </c>
      <c r="C2356">
        <v>0.28000000000000003</v>
      </c>
    </row>
    <row r="2357" spans="1:3" x14ac:dyDescent="0.25">
      <c r="A2357" t="s">
        <v>17</v>
      </c>
      <c r="B2357">
        <v>23</v>
      </c>
      <c r="C2357">
        <v>0.2</v>
      </c>
    </row>
    <row r="2358" spans="1:3" x14ac:dyDescent="0.25">
      <c r="A2358" t="s">
        <v>17</v>
      </c>
      <c r="B2358">
        <v>23</v>
      </c>
      <c r="C2358">
        <v>0.12</v>
      </c>
    </row>
    <row r="2359" spans="1:3" x14ac:dyDescent="0.25">
      <c r="A2359" t="s">
        <v>27</v>
      </c>
      <c r="B2359">
        <v>23</v>
      </c>
      <c r="C2359">
        <v>0.77</v>
      </c>
    </row>
    <row r="2360" spans="1:3" x14ac:dyDescent="0.25">
      <c r="A2360" t="s">
        <v>27</v>
      </c>
      <c r="B2360">
        <v>23</v>
      </c>
      <c r="C2360">
        <v>0.81</v>
      </c>
    </row>
    <row r="2361" spans="1:3" x14ac:dyDescent="0.25">
      <c r="A2361" t="s">
        <v>27</v>
      </c>
      <c r="B2361">
        <v>23</v>
      </c>
      <c r="C2361">
        <v>0.7</v>
      </c>
    </row>
    <row r="2362" spans="1:3" x14ac:dyDescent="0.25">
      <c r="A2362" t="s">
        <v>27</v>
      </c>
      <c r="B2362">
        <v>23</v>
      </c>
      <c r="C2362">
        <v>0.86</v>
      </c>
    </row>
    <row r="2363" spans="1:3" x14ac:dyDescent="0.25">
      <c r="A2363" t="s">
        <v>9</v>
      </c>
      <c r="B2363">
        <v>23</v>
      </c>
      <c r="C2363">
        <v>0.18</v>
      </c>
    </row>
    <row r="2364" spans="1:3" x14ac:dyDescent="0.25">
      <c r="A2364" t="s">
        <v>9</v>
      </c>
      <c r="B2364">
        <v>23</v>
      </c>
      <c r="C2364">
        <v>0.19</v>
      </c>
    </row>
    <row r="2365" spans="1:3" x14ac:dyDescent="0.25">
      <c r="A2365" t="s">
        <v>9</v>
      </c>
      <c r="B2365">
        <v>23</v>
      </c>
      <c r="C2365">
        <v>0.22</v>
      </c>
    </row>
    <row r="2366" spans="1:3" x14ac:dyDescent="0.25">
      <c r="A2366" t="s">
        <v>9</v>
      </c>
      <c r="B2366">
        <v>23</v>
      </c>
      <c r="C2366">
        <v>0.21</v>
      </c>
    </row>
    <row r="2367" spans="1:3" x14ac:dyDescent="0.25">
      <c r="A2367" t="s">
        <v>9</v>
      </c>
      <c r="B2367">
        <v>23</v>
      </c>
      <c r="C2367">
        <v>0.09</v>
      </c>
    </row>
    <row r="2368" spans="1:3" x14ac:dyDescent="0.25">
      <c r="A2368" t="s">
        <v>9</v>
      </c>
      <c r="B2368">
        <v>23</v>
      </c>
      <c r="C2368">
        <v>0.11</v>
      </c>
    </row>
    <row r="2369" spans="1:3" x14ac:dyDescent="0.25">
      <c r="A2369" t="s">
        <v>9</v>
      </c>
      <c r="B2369">
        <v>23</v>
      </c>
      <c r="C2369">
        <v>0.15</v>
      </c>
    </row>
    <row r="2370" spans="1:3" x14ac:dyDescent="0.25">
      <c r="A2370" t="s">
        <v>20</v>
      </c>
      <c r="B2370">
        <v>23</v>
      </c>
      <c r="C2370">
        <v>0.38</v>
      </c>
    </row>
    <row r="2371" spans="1:3" x14ac:dyDescent="0.25">
      <c r="A2371" t="s">
        <v>20</v>
      </c>
      <c r="B2371">
        <v>23</v>
      </c>
      <c r="C2371">
        <v>0.64</v>
      </c>
    </row>
    <row r="2372" spans="1:3" x14ac:dyDescent="0.25">
      <c r="A2372" t="s">
        <v>20</v>
      </c>
      <c r="B2372">
        <v>23</v>
      </c>
      <c r="C2372">
        <v>0.33</v>
      </c>
    </row>
    <row r="2373" spans="1:3" x14ac:dyDescent="0.25">
      <c r="A2373" t="s">
        <v>20</v>
      </c>
      <c r="B2373">
        <v>23</v>
      </c>
      <c r="C2373">
        <v>0.51</v>
      </c>
    </row>
    <row r="2374" spans="1:3" x14ac:dyDescent="0.25">
      <c r="A2374" t="s">
        <v>20</v>
      </c>
      <c r="B2374">
        <v>23</v>
      </c>
      <c r="C2374">
        <v>0.59</v>
      </c>
    </row>
    <row r="2375" spans="1:3" x14ac:dyDescent="0.25">
      <c r="A2375" t="s">
        <v>20</v>
      </c>
      <c r="B2375">
        <v>23</v>
      </c>
      <c r="C2375">
        <v>0.54</v>
      </c>
    </row>
    <row r="2376" spans="1:3" x14ac:dyDescent="0.25">
      <c r="A2376" t="s">
        <v>20</v>
      </c>
      <c r="B2376">
        <v>23</v>
      </c>
      <c r="C2376">
        <v>0.62</v>
      </c>
    </row>
    <row r="2377" spans="1:3" x14ac:dyDescent="0.25">
      <c r="A2377" t="s">
        <v>20</v>
      </c>
      <c r="B2377">
        <v>23</v>
      </c>
      <c r="C2377">
        <v>0.48</v>
      </c>
    </row>
    <row r="2378" spans="1:3" x14ac:dyDescent="0.25">
      <c r="A2378" t="s">
        <v>22</v>
      </c>
      <c r="B2378">
        <v>24</v>
      </c>
      <c r="C2378">
        <v>0.63</v>
      </c>
    </row>
    <row r="2379" spans="1:3" x14ac:dyDescent="0.25">
      <c r="A2379" t="s">
        <v>22</v>
      </c>
      <c r="B2379">
        <v>24</v>
      </c>
      <c r="C2379">
        <v>0.31</v>
      </c>
    </row>
    <row r="2380" spans="1:3" x14ac:dyDescent="0.25">
      <c r="A2380" t="s">
        <v>29</v>
      </c>
      <c r="B2380">
        <v>24</v>
      </c>
      <c r="C2380">
        <v>0.06</v>
      </c>
    </row>
    <row r="2381" spans="1:3" x14ac:dyDescent="0.25">
      <c r="A2381" t="s">
        <v>29</v>
      </c>
      <c r="B2381">
        <v>24</v>
      </c>
      <c r="C2381">
        <v>0.17</v>
      </c>
    </row>
    <row r="2382" spans="1:3" x14ac:dyDescent="0.25">
      <c r="A2382" t="s">
        <v>29</v>
      </c>
      <c r="B2382">
        <v>24</v>
      </c>
      <c r="C2382">
        <v>7.0000000000000007E-2</v>
      </c>
    </row>
    <row r="2383" spans="1:3" x14ac:dyDescent="0.25">
      <c r="A2383" t="s">
        <v>29</v>
      </c>
      <c r="B2383">
        <v>24</v>
      </c>
      <c r="C2383">
        <v>0.2</v>
      </c>
    </row>
    <row r="2384" spans="1:3" x14ac:dyDescent="0.25">
      <c r="A2384" t="s">
        <v>7</v>
      </c>
      <c r="B2384">
        <v>24</v>
      </c>
      <c r="C2384">
        <v>0.95</v>
      </c>
    </row>
    <row r="2385" spans="1:3" x14ac:dyDescent="0.25">
      <c r="A2385" t="s">
        <v>7</v>
      </c>
      <c r="B2385">
        <v>24</v>
      </c>
      <c r="C2385">
        <v>0.83</v>
      </c>
    </row>
    <row r="2386" spans="1:3" x14ac:dyDescent="0.25">
      <c r="A2386" t="s">
        <v>7</v>
      </c>
      <c r="B2386">
        <v>24</v>
      </c>
      <c r="C2386">
        <v>0.74</v>
      </c>
    </row>
    <row r="2387" spans="1:3" x14ac:dyDescent="0.25">
      <c r="A2387" t="s">
        <v>7</v>
      </c>
      <c r="B2387">
        <v>24</v>
      </c>
      <c r="C2387">
        <v>0.9</v>
      </c>
    </row>
    <row r="2388" spans="1:3" x14ac:dyDescent="0.25">
      <c r="A2388" t="s">
        <v>11</v>
      </c>
      <c r="B2388">
        <v>24</v>
      </c>
      <c r="C2388">
        <v>0.77</v>
      </c>
    </row>
    <row r="2389" spans="1:3" x14ac:dyDescent="0.25">
      <c r="A2389" t="s">
        <v>11</v>
      </c>
      <c r="B2389">
        <v>24</v>
      </c>
      <c r="C2389">
        <v>0.94</v>
      </c>
    </row>
    <row r="2390" spans="1:3" x14ac:dyDescent="0.25">
      <c r="A2390" t="s">
        <v>11</v>
      </c>
      <c r="B2390">
        <v>24</v>
      </c>
      <c r="C2390">
        <v>0.91</v>
      </c>
    </row>
    <row r="2391" spans="1:3" x14ac:dyDescent="0.25">
      <c r="A2391" t="s">
        <v>11</v>
      </c>
      <c r="B2391">
        <v>24</v>
      </c>
      <c r="C2391">
        <v>0.89</v>
      </c>
    </row>
    <row r="2392" spans="1:3" x14ac:dyDescent="0.25">
      <c r="A2392" t="s">
        <v>23</v>
      </c>
      <c r="B2392">
        <v>24</v>
      </c>
      <c r="C2392">
        <v>0.7</v>
      </c>
    </row>
    <row r="2393" spans="1:3" x14ac:dyDescent="0.25">
      <c r="A2393" t="s">
        <v>23</v>
      </c>
      <c r="B2393">
        <v>24</v>
      </c>
      <c r="C2393">
        <v>0.54</v>
      </c>
    </row>
    <row r="2394" spans="1:3" x14ac:dyDescent="0.25">
      <c r="A2394" t="s">
        <v>23</v>
      </c>
      <c r="B2394">
        <v>24</v>
      </c>
      <c r="C2394">
        <v>0.52</v>
      </c>
    </row>
    <row r="2395" spans="1:3" x14ac:dyDescent="0.25">
      <c r="A2395" t="s">
        <v>23</v>
      </c>
      <c r="B2395">
        <v>24</v>
      </c>
      <c r="C2395">
        <v>0.5</v>
      </c>
    </row>
    <row r="2396" spans="1:3" x14ac:dyDescent="0.25">
      <c r="A2396" t="s">
        <v>23</v>
      </c>
      <c r="B2396">
        <v>24</v>
      </c>
      <c r="C2396">
        <v>0.68</v>
      </c>
    </row>
    <row r="2397" spans="1:3" x14ac:dyDescent="0.25">
      <c r="A2397" t="s">
        <v>18</v>
      </c>
      <c r="B2397">
        <v>24</v>
      </c>
      <c r="C2397">
        <v>0.64</v>
      </c>
    </row>
    <row r="2398" spans="1:3" x14ac:dyDescent="0.25">
      <c r="A2398" t="s">
        <v>18</v>
      </c>
      <c r="B2398">
        <v>24</v>
      </c>
      <c r="C2398">
        <v>0.54</v>
      </c>
    </row>
    <row r="2399" spans="1:3" x14ac:dyDescent="0.25">
      <c r="A2399" t="s">
        <v>18</v>
      </c>
      <c r="B2399">
        <v>24</v>
      </c>
      <c r="C2399">
        <v>0.64</v>
      </c>
    </row>
    <row r="2400" spans="1:3" x14ac:dyDescent="0.25">
      <c r="A2400" t="s">
        <v>18</v>
      </c>
      <c r="B2400">
        <v>24</v>
      </c>
      <c r="C2400">
        <v>0.32</v>
      </c>
    </row>
    <row r="2401" spans="1:3" x14ac:dyDescent="0.25">
      <c r="A2401" t="s">
        <v>18</v>
      </c>
      <c r="B2401">
        <v>24</v>
      </c>
      <c r="C2401">
        <v>0.42</v>
      </c>
    </row>
    <row r="2402" spans="1:3" x14ac:dyDescent="0.25">
      <c r="A2402" t="s">
        <v>18</v>
      </c>
      <c r="B2402">
        <v>24</v>
      </c>
      <c r="C2402">
        <v>0.31</v>
      </c>
    </row>
    <row r="2403" spans="1:3" x14ac:dyDescent="0.25">
      <c r="A2403" t="s">
        <v>21</v>
      </c>
      <c r="B2403">
        <v>24</v>
      </c>
      <c r="C2403">
        <v>0.61</v>
      </c>
    </row>
    <row r="2404" spans="1:3" x14ac:dyDescent="0.25">
      <c r="A2404" t="s">
        <v>21</v>
      </c>
      <c r="B2404">
        <v>24</v>
      </c>
      <c r="C2404">
        <v>0.56000000000000005</v>
      </c>
    </row>
    <row r="2405" spans="1:3" x14ac:dyDescent="0.25">
      <c r="A2405" t="s">
        <v>21</v>
      </c>
      <c r="B2405">
        <v>24</v>
      </c>
      <c r="C2405">
        <v>0.35</v>
      </c>
    </row>
    <row r="2406" spans="1:3" x14ac:dyDescent="0.25">
      <c r="A2406" t="s">
        <v>25</v>
      </c>
      <c r="B2406">
        <v>24</v>
      </c>
      <c r="C2406">
        <v>0.79</v>
      </c>
    </row>
    <row r="2407" spans="1:3" x14ac:dyDescent="0.25">
      <c r="A2407" t="s">
        <v>25</v>
      </c>
      <c r="B2407">
        <v>24</v>
      </c>
      <c r="C2407">
        <v>0.93</v>
      </c>
    </row>
    <row r="2408" spans="1:3" x14ac:dyDescent="0.25">
      <c r="A2408" t="s">
        <v>30</v>
      </c>
      <c r="B2408">
        <v>24</v>
      </c>
      <c r="C2408">
        <v>0.45</v>
      </c>
    </row>
    <row r="2409" spans="1:3" x14ac:dyDescent="0.25">
      <c r="A2409" t="s">
        <v>15</v>
      </c>
      <c r="B2409">
        <v>24</v>
      </c>
      <c r="C2409">
        <v>0.16</v>
      </c>
    </row>
    <row r="2410" spans="1:3" x14ac:dyDescent="0.25">
      <c r="A2410" t="s">
        <v>15</v>
      </c>
      <c r="B2410">
        <v>24</v>
      </c>
      <c r="C2410">
        <v>0.11</v>
      </c>
    </row>
    <row r="2411" spans="1:3" x14ac:dyDescent="0.25">
      <c r="A2411" t="s">
        <v>15</v>
      </c>
      <c r="B2411">
        <v>24</v>
      </c>
      <c r="C2411">
        <v>0.22</v>
      </c>
    </row>
    <row r="2412" spans="1:3" x14ac:dyDescent="0.25">
      <c r="A2412" t="s">
        <v>15</v>
      </c>
      <c r="B2412">
        <v>24</v>
      </c>
      <c r="C2412">
        <v>0.09</v>
      </c>
    </row>
    <row r="2413" spans="1:3" x14ac:dyDescent="0.25">
      <c r="A2413" t="s">
        <v>26</v>
      </c>
      <c r="B2413">
        <v>24</v>
      </c>
      <c r="C2413">
        <v>0.23</v>
      </c>
    </row>
    <row r="2414" spans="1:3" x14ac:dyDescent="0.25">
      <c r="A2414" t="s">
        <v>26</v>
      </c>
      <c r="B2414">
        <v>24</v>
      </c>
      <c r="C2414">
        <v>0.27</v>
      </c>
    </row>
    <row r="2415" spans="1:3" x14ac:dyDescent="0.25">
      <c r="A2415" t="s">
        <v>26</v>
      </c>
      <c r="B2415">
        <v>24</v>
      </c>
      <c r="C2415">
        <v>0.2</v>
      </c>
    </row>
    <row r="2416" spans="1:3" x14ac:dyDescent="0.25">
      <c r="A2416" t="s">
        <v>26</v>
      </c>
      <c r="B2416">
        <v>24</v>
      </c>
      <c r="C2416">
        <v>0.27</v>
      </c>
    </row>
    <row r="2417" spans="1:3" x14ac:dyDescent="0.25">
      <c r="A2417" t="s">
        <v>26</v>
      </c>
      <c r="B2417">
        <v>24</v>
      </c>
      <c r="C2417">
        <v>0.25</v>
      </c>
    </row>
    <row r="2418" spans="1:3" x14ac:dyDescent="0.25">
      <c r="A2418" t="s">
        <v>14</v>
      </c>
      <c r="B2418">
        <v>24</v>
      </c>
      <c r="C2418">
        <v>0.34</v>
      </c>
    </row>
    <row r="2419" spans="1:3" x14ac:dyDescent="0.25">
      <c r="A2419" t="s">
        <v>14</v>
      </c>
      <c r="B2419">
        <v>24</v>
      </c>
      <c r="C2419">
        <v>0.66</v>
      </c>
    </row>
    <row r="2420" spans="1:3" x14ac:dyDescent="0.25">
      <c r="A2420" t="s">
        <v>14</v>
      </c>
      <c r="B2420">
        <v>24</v>
      </c>
      <c r="C2420">
        <v>0.62</v>
      </c>
    </row>
    <row r="2421" spans="1:3" x14ac:dyDescent="0.25">
      <c r="A2421" t="s">
        <v>14</v>
      </c>
      <c r="B2421">
        <v>24</v>
      </c>
      <c r="C2421">
        <v>0.31</v>
      </c>
    </row>
    <row r="2422" spans="1:3" x14ac:dyDescent="0.25">
      <c r="A2422" t="s">
        <v>14</v>
      </c>
      <c r="B2422">
        <v>24</v>
      </c>
      <c r="C2422">
        <v>0.59</v>
      </c>
    </row>
    <row r="2423" spans="1:3" x14ac:dyDescent="0.25">
      <c r="A2423" t="s">
        <v>14</v>
      </c>
      <c r="B2423">
        <v>24</v>
      </c>
      <c r="C2423">
        <v>0.5</v>
      </c>
    </row>
    <row r="2424" spans="1:3" x14ac:dyDescent="0.25">
      <c r="A2424" t="s">
        <v>28</v>
      </c>
      <c r="B2424">
        <v>24</v>
      </c>
      <c r="C2424">
        <v>0.42</v>
      </c>
    </row>
    <row r="2425" spans="1:3" x14ac:dyDescent="0.25">
      <c r="A2425" t="s">
        <v>28</v>
      </c>
      <c r="B2425">
        <v>24</v>
      </c>
      <c r="C2425">
        <v>0.55000000000000004</v>
      </c>
    </row>
    <row r="2426" spans="1:3" x14ac:dyDescent="0.25">
      <c r="A2426" t="s">
        <v>28</v>
      </c>
      <c r="B2426">
        <v>24</v>
      </c>
      <c r="C2426">
        <v>0.68</v>
      </c>
    </row>
    <row r="2427" spans="1:3" x14ac:dyDescent="0.25">
      <c r="A2427" t="s">
        <v>28</v>
      </c>
      <c r="B2427">
        <v>24</v>
      </c>
      <c r="C2427">
        <v>0.65</v>
      </c>
    </row>
    <row r="2428" spans="1:3" x14ac:dyDescent="0.25">
      <c r="A2428" t="s">
        <v>28</v>
      </c>
      <c r="B2428">
        <v>24</v>
      </c>
      <c r="C2428">
        <v>0.53</v>
      </c>
    </row>
    <row r="2429" spans="1:3" x14ac:dyDescent="0.25">
      <c r="A2429" t="s">
        <v>28</v>
      </c>
      <c r="B2429">
        <v>24</v>
      </c>
      <c r="C2429">
        <v>0.63</v>
      </c>
    </row>
    <row r="2430" spans="1:3" x14ac:dyDescent="0.25">
      <c r="A2430" t="s">
        <v>16</v>
      </c>
      <c r="B2430">
        <v>24</v>
      </c>
      <c r="C2430">
        <v>0.46</v>
      </c>
    </row>
    <row r="2431" spans="1:3" x14ac:dyDescent="0.25">
      <c r="A2431" t="s">
        <v>16</v>
      </c>
      <c r="B2431">
        <v>24</v>
      </c>
      <c r="C2431">
        <v>0.68</v>
      </c>
    </row>
    <row r="2432" spans="1:3" x14ac:dyDescent="0.25">
      <c r="A2432" t="s">
        <v>13</v>
      </c>
      <c r="B2432">
        <v>24</v>
      </c>
      <c r="C2432">
        <v>0.68</v>
      </c>
    </row>
    <row r="2433" spans="1:3" x14ac:dyDescent="0.25">
      <c r="A2433" t="s">
        <v>13</v>
      </c>
      <c r="B2433">
        <v>24</v>
      </c>
      <c r="C2433">
        <v>0.55000000000000004</v>
      </c>
    </row>
    <row r="2434" spans="1:3" x14ac:dyDescent="0.25">
      <c r="A2434" t="s">
        <v>13</v>
      </c>
      <c r="B2434">
        <v>24</v>
      </c>
      <c r="C2434">
        <v>0.35</v>
      </c>
    </row>
    <row r="2435" spans="1:3" x14ac:dyDescent="0.25">
      <c r="A2435" t="s">
        <v>13</v>
      </c>
      <c r="B2435">
        <v>24</v>
      </c>
      <c r="C2435">
        <v>0.39</v>
      </c>
    </row>
    <row r="2436" spans="1:3" x14ac:dyDescent="0.25">
      <c r="A2436" t="s">
        <v>13</v>
      </c>
      <c r="B2436">
        <v>24</v>
      </c>
      <c r="C2436">
        <v>0.31</v>
      </c>
    </row>
    <row r="2437" spans="1:3" x14ac:dyDescent="0.25">
      <c r="A2437" t="s">
        <v>17</v>
      </c>
      <c r="B2437">
        <v>24</v>
      </c>
      <c r="C2437">
        <v>0.22</v>
      </c>
    </row>
    <row r="2438" spans="1:3" x14ac:dyDescent="0.25">
      <c r="A2438" t="s">
        <v>17</v>
      </c>
      <c r="B2438">
        <v>24</v>
      </c>
      <c r="C2438">
        <v>0.13</v>
      </c>
    </row>
    <row r="2439" spans="1:3" x14ac:dyDescent="0.25">
      <c r="A2439" t="s">
        <v>17</v>
      </c>
      <c r="B2439">
        <v>24</v>
      </c>
      <c r="C2439">
        <v>0.13</v>
      </c>
    </row>
    <row r="2440" spans="1:3" x14ac:dyDescent="0.25">
      <c r="A2440" t="s">
        <v>17</v>
      </c>
      <c r="B2440">
        <v>24</v>
      </c>
      <c r="C2440">
        <v>0.26</v>
      </c>
    </row>
    <row r="2441" spans="1:3" x14ac:dyDescent="0.25">
      <c r="A2441" t="s">
        <v>27</v>
      </c>
      <c r="B2441">
        <v>24</v>
      </c>
      <c r="C2441">
        <v>0.92</v>
      </c>
    </row>
    <row r="2442" spans="1:3" x14ac:dyDescent="0.25">
      <c r="A2442" t="s">
        <v>27</v>
      </c>
      <c r="B2442">
        <v>24</v>
      </c>
      <c r="C2442">
        <v>0.81</v>
      </c>
    </row>
    <row r="2443" spans="1:3" x14ac:dyDescent="0.25">
      <c r="A2443" t="s">
        <v>27</v>
      </c>
      <c r="B2443">
        <v>24</v>
      </c>
      <c r="C2443">
        <v>0.73</v>
      </c>
    </row>
    <row r="2444" spans="1:3" x14ac:dyDescent="0.25">
      <c r="A2444" t="s">
        <v>9</v>
      </c>
      <c r="B2444">
        <v>24</v>
      </c>
      <c r="C2444">
        <v>0.21</v>
      </c>
    </row>
    <row r="2445" spans="1:3" x14ac:dyDescent="0.25">
      <c r="A2445" t="s">
        <v>9</v>
      </c>
      <c r="B2445">
        <v>24</v>
      </c>
      <c r="C2445">
        <v>0.26</v>
      </c>
    </row>
    <row r="2446" spans="1:3" x14ac:dyDescent="0.25">
      <c r="A2446" t="s">
        <v>9</v>
      </c>
      <c r="B2446">
        <v>24</v>
      </c>
      <c r="C2446">
        <v>0.26</v>
      </c>
    </row>
    <row r="2447" spans="1:3" x14ac:dyDescent="0.25">
      <c r="A2447" t="s">
        <v>9</v>
      </c>
      <c r="B2447">
        <v>24</v>
      </c>
      <c r="C2447">
        <v>0.18</v>
      </c>
    </row>
    <row r="2448" spans="1:3" x14ac:dyDescent="0.25">
      <c r="A2448" t="s">
        <v>9</v>
      </c>
      <c r="B2448">
        <v>24</v>
      </c>
      <c r="C2448">
        <v>0.3</v>
      </c>
    </row>
    <row r="2449" spans="1:3" x14ac:dyDescent="0.25">
      <c r="A2449" t="s">
        <v>20</v>
      </c>
      <c r="B2449">
        <v>24</v>
      </c>
      <c r="C2449">
        <v>0.66</v>
      </c>
    </row>
    <row r="2450" spans="1:3" x14ac:dyDescent="0.25">
      <c r="A2450" t="s">
        <v>20</v>
      </c>
      <c r="B2450">
        <v>24</v>
      </c>
      <c r="C2450">
        <v>0.33</v>
      </c>
    </row>
    <row r="2451" spans="1:3" x14ac:dyDescent="0.25">
      <c r="A2451" t="s">
        <v>20</v>
      </c>
      <c r="B2451">
        <v>24</v>
      </c>
      <c r="C2451">
        <v>0.38</v>
      </c>
    </row>
    <row r="2452" spans="1:3" x14ac:dyDescent="0.25">
      <c r="A2452" t="s">
        <v>20</v>
      </c>
      <c r="B2452">
        <v>24</v>
      </c>
      <c r="C2452">
        <v>0.35</v>
      </c>
    </row>
    <row r="2453" spans="1:3" x14ac:dyDescent="0.25">
      <c r="A2453" t="s">
        <v>20</v>
      </c>
      <c r="B2453">
        <v>24</v>
      </c>
      <c r="C2453">
        <v>0.37</v>
      </c>
    </row>
    <row r="2454" spans="1:3" x14ac:dyDescent="0.25">
      <c r="A2454" t="s">
        <v>20</v>
      </c>
      <c r="B2454">
        <v>24</v>
      </c>
      <c r="C2454">
        <v>0.67</v>
      </c>
    </row>
    <row r="2455" spans="1:3" x14ac:dyDescent="0.25">
      <c r="A2455" t="s">
        <v>20</v>
      </c>
      <c r="B2455">
        <v>24</v>
      </c>
      <c r="C2455">
        <v>0.56999999999999995</v>
      </c>
    </row>
    <row r="2456" spans="1:3" x14ac:dyDescent="0.25">
      <c r="A2456" t="s">
        <v>20</v>
      </c>
      <c r="B2456">
        <v>24</v>
      </c>
      <c r="C2456">
        <v>0.4</v>
      </c>
    </row>
    <row r="2457" spans="1:3" x14ac:dyDescent="0.25">
      <c r="A2457" t="s">
        <v>20</v>
      </c>
      <c r="B2457">
        <v>24</v>
      </c>
      <c r="C2457">
        <v>0.42</v>
      </c>
    </row>
    <row r="2458" spans="1:3" x14ac:dyDescent="0.25">
      <c r="A2458" t="s">
        <v>20</v>
      </c>
      <c r="B2458">
        <v>24</v>
      </c>
      <c r="C2458">
        <v>0.43</v>
      </c>
    </row>
    <row r="2459" spans="1:3" x14ac:dyDescent="0.25">
      <c r="A2459" t="s">
        <v>19</v>
      </c>
      <c r="B2459">
        <v>24</v>
      </c>
      <c r="C2459">
        <v>0.8</v>
      </c>
    </row>
    <row r="2460" spans="1:3" x14ac:dyDescent="0.25">
      <c r="A2460" t="s">
        <v>19</v>
      </c>
      <c r="B2460">
        <v>24</v>
      </c>
      <c r="C2460">
        <v>0.71</v>
      </c>
    </row>
    <row r="2461" spans="1:3" x14ac:dyDescent="0.25">
      <c r="A2461" t="s">
        <v>22</v>
      </c>
      <c r="B2461">
        <v>25</v>
      </c>
      <c r="C2461">
        <v>0.41</v>
      </c>
    </row>
    <row r="2462" spans="1:3" x14ac:dyDescent="0.25">
      <c r="A2462" t="s">
        <v>22</v>
      </c>
      <c r="B2462">
        <v>25</v>
      </c>
      <c r="C2462">
        <v>0.65</v>
      </c>
    </row>
    <row r="2463" spans="1:3" x14ac:dyDescent="0.25">
      <c r="A2463" t="s">
        <v>22</v>
      </c>
      <c r="B2463">
        <v>25</v>
      </c>
      <c r="C2463">
        <v>0.53</v>
      </c>
    </row>
    <row r="2464" spans="1:3" x14ac:dyDescent="0.25">
      <c r="A2464" t="s">
        <v>22</v>
      </c>
      <c r="B2464">
        <v>25</v>
      </c>
      <c r="C2464">
        <v>0.65</v>
      </c>
    </row>
    <row r="2465" spans="1:3" x14ac:dyDescent="0.25">
      <c r="A2465" t="s">
        <v>22</v>
      </c>
      <c r="B2465">
        <v>25</v>
      </c>
      <c r="C2465">
        <v>0.64</v>
      </c>
    </row>
    <row r="2466" spans="1:3" x14ac:dyDescent="0.25">
      <c r="A2466" t="s">
        <v>22</v>
      </c>
      <c r="B2466">
        <v>25</v>
      </c>
      <c r="C2466">
        <v>0.32</v>
      </c>
    </row>
    <row r="2467" spans="1:3" x14ac:dyDescent="0.25">
      <c r="A2467" t="s">
        <v>22</v>
      </c>
      <c r="B2467">
        <v>25</v>
      </c>
      <c r="C2467">
        <v>0.57999999999999996</v>
      </c>
    </row>
    <row r="2468" spans="1:3" x14ac:dyDescent="0.25">
      <c r="A2468" t="s">
        <v>29</v>
      </c>
      <c r="B2468">
        <v>25</v>
      </c>
      <c r="C2468">
        <v>0.09</v>
      </c>
    </row>
    <row r="2469" spans="1:3" x14ac:dyDescent="0.25">
      <c r="A2469" t="s">
        <v>29</v>
      </c>
      <c r="B2469">
        <v>25</v>
      </c>
      <c r="C2469">
        <v>0.09</v>
      </c>
    </row>
    <row r="2470" spans="1:3" x14ac:dyDescent="0.25">
      <c r="A2470" t="s">
        <v>7</v>
      </c>
      <c r="B2470">
        <v>25</v>
      </c>
      <c r="C2470">
        <v>0.74</v>
      </c>
    </row>
    <row r="2471" spans="1:3" x14ac:dyDescent="0.25">
      <c r="A2471" t="s">
        <v>7</v>
      </c>
      <c r="B2471">
        <v>25</v>
      </c>
      <c r="C2471">
        <v>0.82</v>
      </c>
    </row>
    <row r="2472" spans="1:3" x14ac:dyDescent="0.25">
      <c r="A2472" t="s">
        <v>7</v>
      </c>
      <c r="B2472">
        <v>25</v>
      </c>
      <c r="C2472">
        <v>0.72</v>
      </c>
    </row>
    <row r="2473" spans="1:3" x14ac:dyDescent="0.25">
      <c r="A2473" t="s">
        <v>7</v>
      </c>
      <c r="B2473">
        <v>25</v>
      </c>
      <c r="C2473">
        <v>0.75</v>
      </c>
    </row>
    <row r="2474" spans="1:3" x14ac:dyDescent="0.25">
      <c r="A2474" t="s">
        <v>7</v>
      </c>
      <c r="B2474">
        <v>25</v>
      </c>
      <c r="C2474">
        <v>0.82</v>
      </c>
    </row>
    <row r="2475" spans="1:3" x14ac:dyDescent="0.25">
      <c r="A2475" t="s">
        <v>7</v>
      </c>
      <c r="B2475">
        <v>25</v>
      </c>
      <c r="C2475">
        <v>0.91</v>
      </c>
    </row>
    <row r="2476" spans="1:3" x14ac:dyDescent="0.25">
      <c r="A2476" t="s">
        <v>7</v>
      </c>
      <c r="B2476">
        <v>25</v>
      </c>
      <c r="C2476">
        <v>0.88</v>
      </c>
    </row>
    <row r="2477" spans="1:3" x14ac:dyDescent="0.25">
      <c r="A2477" t="s">
        <v>11</v>
      </c>
      <c r="B2477">
        <v>25</v>
      </c>
      <c r="C2477">
        <v>0.73</v>
      </c>
    </row>
    <row r="2478" spans="1:3" x14ac:dyDescent="0.25">
      <c r="A2478" t="s">
        <v>11</v>
      </c>
      <c r="B2478">
        <v>25</v>
      </c>
      <c r="C2478">
        <v>0.78</v>
      </c>
    </row>
    <row r="2479" spans="1:3" x14ac:dyDescent="0.25">
      <c r="A2479" t="s">
        <v>11</v>
      </c>
      <c r="B2479">
        <v>25</v>
      </c>
      <c r="C2479">
        <v>0.8</v>
      </c>
    </row>
    <row r="2480" spans="1:3" x14ac:dyDescent="0.25">
      <c r="A2480" t="s">
        <v>11</v>
      </c>
      <c r="B2480">
        <v>25</v>
      </c>
      <c r="C2480">
        <v>0.86</v>
      </c>
    </row>
    <row r="2481" spans="1:3" x14ac:dyDescent="0.25">
      <c r="A2481" t="s">
        <v>11</v>
      </c>
      <c r="B2481">
        <v>25</v>
      </c>
      <c r="C2481">
        <v>0.77</v>
      </c>
    </row>
    <row r="2482" spans="1:3" x14ac:dyDescent="0.25">
      <c r="A2482" t="s">
        <v>23</v>
      </c>
      <c r="B2482">
        <v>25</v>
      </c>
      <c r="C2482">
        <v>0.5</v>
      </c>
    </row>
    <row r="2483" spans="1:3" x14ac:dyDescent="0.25">
      <c r="A2483" t="s">
        <v>23</v>
      </c>
      <c r="B2483">
        <v>25</v>
      </c>
      <c r="C2483">
        <v>0.65</v>
      </c>
    </row>
    <row r="2484" spans="1:3" x14ac:dyDescent="0.25">
      <c r="A2484" t="s">
        <v>23</v>
      </c>
      <c r="B2484">
        <v>25</v>
      </c>
      <c r="C2484">
        <v>0.49</v>
      </c>
    </row>
    <row r="2485" spans="1:3" x14ac:dyDescent="0.25">
      <c r="A2485" t="s">
        <v>23</v>
      </c>
      <c r="B2485">
        <v>25</v>
      </c>
      <c r="C2485">
        <v>0.5</v>
      </c>
    </row>
    <row r="2486" spans="1:3" x14ac:dyDescent="0.25">
      <c r="A2486" t="s">
        <v>23</v>
      </c>
      <c r="B2486">
        <v>25</v>
      </c>
      <c r="C2486">
        <v>0.49</v>
      </c>
    </row>
    <row r="2487" spans="1:3" x14ac:dyDescent="0.25">
      <c r="A2487" t="s">
        <v>18</v>
      </c>
      <c r="B2487">
        <v>25</v>
      </c>
      <c r="C2487">
        <v>0.4</v>
      </c>
    </row>
    <row r="2488" spans="1:3" x14ac:dyDescent="0.25">
      <c r="A2488" t="s">
        <v>21</v>
      </c>
      <c r="B2488">
        <v>25</v>
      </c>
      <c r="C2488">
        <v>0.39</v>
      </c>
    </row>
    <row r="2489" spans="1:3" x14ac:dyDescent="0.25">
      <c r="A2489" t="s">
        <v>21</v>
      </c>
      <c r="B2489">
        <v>25</v>
      </c>
      <c r="C2489">
        <v>0.48</v>
      </c>
    </row>
    <row r="2490" spans="1:3" x14ac:dyDescent="0.25">
      <c r="A2490" t="s">
        <v>21</v>
      </c>
      <c r="B2490">
        <v>25</v>
      </c>
      <c r="C2490">
        <v>0.59</v>
      </c>
    </row>
    <row r="2491" spans="1:3" x14ac:dyDescent="0.25">
      <c r="A2491" t="s">
        <v>25</v>
      </c>
      <c r="B2491">
        <v>25</v>
      </c>
      <c r="C2491">
        <v>0.92</v>
      </c>
    </row>
    <row r="2492" spans="1:3" x14ac:dyDescent="0.25">
      <c r="A2492" t="s">
        <v>25</v>
      </c>
      <c r="B2492">
        <v>25</v>
      </c>
      <c r="C2492">
        <v>0.77</v>
      </c>
    </row>
    <row r="2493" spans="1:3" x14ac:dyDescent="0.25">
      <c r="A2493" t="s">
        <v>25</v>
      </c>
      <c r="B2493">
        <v>25</v>
      </c>
      <c r="C2493">
        <v>0.92</v>
      </c>
    </row>
    <row r="2494" spans="1:3" x14ac:dyDescent="0.25">
      <c r="A2494" t="s">
        <v>25</v>
      </c>
      <c r="B2494">
        <v>25</v>
      </c>
      <c r="C2494">
        <v>0.71</v>
      </c>
    </row>
    <row r="2495" spans="1:3" x14ac:dyDescent="0.25">
      <c r="A2495" t="s">
        <v>25</v>
      </c>
      <c r="B2495">
        <v>25</v>
      </c>
      <c r="C2495">
        <v>0.89</v>
      </c>
    </row>
    <row r="2496" spans="1:3" x14ac:dyDescent="0.25">
      <c r="A2496" t="s">
        <v>25</v>
      </c>
      <c r="B2496">
        <v>25</v>
      </c>
      <c r="C2496">
        <v>0.83</v>
      </c>
    </row>
    <row r="2497" spans="1:3" x14ac:dyDescent="0.25">
      <c r="A2497" t="s">
        <v>25</v>
      </c>
      <c r="B2497">
        <v>25</v>
      </c>
      <c r="C2497">
        <v>0.72</v>
      </c>
    </row>
    <row r="2498" spans="1:3" x14ac:dyDescent="0.25">
      <c r="A2498" t="s">
        <v>25</v>
      </c>
      <c r="B2498">
        <v>25</v>
      </c>
      <c r="C2498">
        <v>0.71</v>
      </c>
    </row>
    <row r="2499" spans="1:3" x14ac:dyDescent="0.25">
      <c r="A2499" t="s">
        <v>25</v>
      </c>
      <c r="B2499">
        <v>25</v>
      </c>
      <c r="C2499">
        <v>0.87</v>
      </c>
    </row>
    <row r="2500" spans="1:3" x14ac:dyDescent="0.25">
      <c r="A2500" t="s">
        <v>30</v>
      </c>
      <c r="B2500">
        <v>25</v>
      </c>
      <c r="C2500">
        <v>0.51</v>
      </c>
    </row>
    <row r="2501" spans="1:3" x14ac:dyDescent="0.25">
      <c r="A2501" t="s">
        <v>30</v>
      </c>
      <c r="B2501">
        <v>25</v>
      </c>
      <c r="C2501">
        <v>0.51</v>
      </c>
    </row>
    <row r="2502" spans="1:3" x14ac:dyDescent="0.25">
      <c r="A2502" t="s">
        <v>30</v>
      </c>
      <c r="B2502">
        <v>25</v>
      </c>
      <c r="C2502">
        <v>0.4</v>
      </c>
    </row>
    <row r="2503" spans="1:3" x14ac:dyDescent="0.25">
      <c r="A2503" t="s">
        <v>30</v>
      </c>
      <c r="B2503">
        <v>25</v>
      </c>
      <c r="C2503">
        <v>0.57999999999999996</v>
      </c>
    </row>
    <row r="2504" spans="1:3" x14ac:dyDescent="0.25">
      <c r="A2504" t="s">
        <v>15</v>
      </c>
      <c r="B2504">
        <v>25</v>
      </c>
      <c r="C2504">
        <v>0.2</v>
      </c>
    </row>
    <row r="2505" spans="1:3" x14ac:dyDescent="0.25">
      <c r="A2505" t="s">
        <v>15</v>
      </c>
      <c r="B2505">
        <v>25</v>
      </c>
      <c r="C2505">
        <v>0.16</v>
      </c>
    </row>
    <row r="2506" spans="1:3" x14ac:dyDescent="0.25">
      <c r="A2506" t="s">
        <v>15</v>
      </c>
      <c r="B2506">
        <v>25</v>
      </c>
      <c r="C2506">
        <v>0.28999999999999998</v>
      </c>
    </row>
    <row r="2507" spans="1:3" x14ac:dyDescent="0.25">
      <c r="A2507" t="s">
        <v>15</v>
      </c>
      <c r="B2507">
        <v>25</v>
      </c>
      <c r="C2507">
        <v>0.15</v>
      </c>
    </row>
    <row r="2508" spans="1:3" x14ac:dyDescent="0.25">
      <c r="A2508" t="s">
        <v>15</v>
      </c>
      <c r="B2508">
        <v>25</v>
      </c>
      <c r="C2508">
        <v>0.08</v>
      </c>
    </row>
    <row r="2509" spans="1:3" x14ac:dyDescent="0.25">
      <c r="A2509" t="s">
        <v>15</v>
      </c>
      <c r="B2509">
        <v>25</v>
      </c>
      <c r="C2509">
        <v>0.09</v>
      </c>
    </row>
    <row r="2510" spans="1:3" x14ac:dyDescent="0.25">
      <c r="A2510" t="s">
        <v>15</v>
      </c>
      <c r="B2510">
        <v>25</v>
      </c>
      <c r="C2510">
        <v>0.28000000000000003</v>
      </c>
    </row>
    <row r="2511" spans="1:3" x14ac:dyDescent="0.25">
      <c r="A2511" t="s">
        <v>26</v>
      </c>
      <c r="B2511">
        <v>25</v>
      </c>
      <c r="C2511">
        <v>0.08</v>
      </c>
    </row>
    <row r="2512" spans="1:3" x14ac:dyDescent="0.25">
      <c r="A2512" t="s">
        <v>26</v>
      </c>
      <c r="B2512">
        <v>25</v>
      </c>
      <c r="C2512">
        <v>0.23</v>
      </c>
    </row>
    <row r="2513" spans="1:3" x14ac:dyDescent="0.25">
      <c r="A2513" t="s">
        <v>26</v>
      </c>
      <c r="B2513">
        <v>25</v>
      </c>
      <c r="C2513">
        <v>0.18</v>
      </c>
    </row>
    <row r="2514" spans="1:3" x14ac:dyDescent="0.25">
      <c r="A2514" t="s">
        <v>26</v>
      </c>
      <c r="B2514">
        <v>25</v>
      </c>
      <c r="C2514">
        <v>0.26</v>
      </c>
    </row>
    <row r="2515" spans="1:3" x14ac:dyDescent="0.25">
      <c r="A2515" t="s">
        <v>26</v>
      </c>
      <c r="B2515">
        <v>25</v>
      </c>
      <c r="C2515">
        <v>0.13</v>
      </c>
    </row>
    <row r="2516" spans="1:3" x14ac:dyDescent="0.25">
      <c r="A2516" t="s">
        <v>14</v>
      </c>
      <c r="B2516">
        <v>25</v>
      </c>
      <c r="C2516">
        <v>0.56000000000000005</v>
      </c>
    </row>
    <row r="2517" spans="1:3" x14ac:dyDescent="0.25">
      <c r="A2517" t="s">
        <v>14</v>
      </c>
      <c r="B2517">
        <v>25</v>
      </c>
      <c r="C2517">
        <v>0.42</v>
      </c>
    </row>
    <row r="2518" spans="1:3" x14ac:dyDescent="0.25">
      <c r="A2518" t="s">
        <v>28</v>
      </c>
      <c r="B2518">
        <v>25</v>
      </c>
      <c r="C2518">
        <v>0.33</v>
      </c>
    </row>
    <row r="2519" spans="1:3" x14ac:dyDescent="0.25">
      <c r="A2519" t="s">
        <v>28</v>
      </c>
      <c r="B2519">
        <v>25</v>
      </c>
      <c r="C2519">
        <v>0.31</v>
      </c>
    </row>
    <row r="2520" spans="1:3" x14ac:dyDescent="0.25">
      <c r="A2520" t="s">
        <v>28</v>
      </c>
      <c r="B2520">
        <v>25</v>
      </c>
      <c r="C2520">
        <v>0.43</v>
      </c>
    </row>
    <row r="2521" spans="1:3" x14ac:dyDescent="0.25">
      <c r="A2521" t="s">
        <v>16</v>
      </c>
      <c r="B2521">
        <v>25</v>
      </c>
      <c r="C2521">
        <v>0.44</v>
      </c>
    </row>
    <row r="2522" spans="1:3" x14ac:dyDescent="0.25">
      <c r="A2522" t="s">
        <v>16</v>
      </c>
      <c r="B2522">
        <v>25</v>
      </c>
      <c r="C2522">
        <v>0.56000000000000005</v>
      </c>
    </row>
    <row r="2523" spans="1:3" x14ac:dyDescent="0.25">
      <c r="A2523" t="s">
        <v>16</v>
      </c>
      <c r="B2523">
        <v>25</v>
      </c>
      <c r="C2523">
        <v>0.35</v>
      </c>
    </row>
    <row r="2524" spans="1:3" x14ac:dyDescent="0.25">
      <c r="A2524" t="s">
        <v>16</v>
      </c>
      <c r="B2524">
        <v>25</v>
      </c>
      <c r="C2524">
        <v>0.39</v>
      </c>
    </row>
    <row r="2525" spans="1:3" x14ac:dyDescent="0.25">
      <c r="A2525" t="s">
        <v>16</v>
      </c>
      <c r="B2525">
        <v>25</v>
      </c>
      <c r="C2525">
        <v>0.46</v>
      </c>
    </row>
    <row r="2526" spans="1:3" x14ac:dyDescent="0.25">
      <c r="A2526" t="s">
        <v>13</v>
      </c>
      <c r="B2526">
        <v>25</v>
      </c>
      <c r="C2526">
        <v>0.48</v>
      </c>
    </row>
    <row r="2527" spans="1:3" x14ac:dyDescent="0.25">
      <c r="A2527" t="s">
        <v>13</v>
      </c>
      <c r="B2527">
        <v>25</v>
      </c>
      <c r="C2527">
        <v>0.48</v>
      </c>
    </row>
    <row r="2528" spans="1:3" x14ac:dyDescent="0.25">
      <c r="A2528" t="s">
        <v>13</v>
      </c>
      <c r="B2528">
        <v>25</v>
      </c>
      <c r="C2528">
        <v>0.34</v>
      </c>
    </row>
    <row r="2529" spans="1:3" x14ac:dyDescent="0.25">
      <c r="A2529" t="s">
        <v>13</v>
      </c>
      <c r="B2529">
        <v>25</v>
      </c>
      <c r="C2529">
        <v>0.56000000000000005</v>
      </c>
    </row>
    <row r="2530" spans="1:3" x14ac:dyDescent="0.25">
      <c r="A2530" t="s">
        <v>13</v>
      </c>
      <c r="B2530">
        <v>25</v>
      </c>
      <c r="C2530">
        <v>0.48</v>
      </c>
    </row>
    <row r="2531" spans="1:3" x14ac:dyDescent="0.25">
      <c r="A2531" t="s">
        <v>13</v>
      </c>
      <c r="B2531">
        <v>25</v>
      </c>
      <c r="C2531">
        <v>0.41</v>
      </c>
    </row>
    <row r="2532" spans="1:3" x14ac:dyDescent="0.25">
      <c r="A2532" t="s">
        <v>13</v>
      </c>
      <c r="B2532">
        <v>25</v>
      </c>
      <c r="C2532">
        <v>0.4</v>
      </c>
    </row>
    <row r="2533" spans="1:3" x14ac:dyDescent="0.25">
      <c r="A2533" t="s">
        <v>17</v>
      </c>
      <c r="B2533">
        <v>25</v>
      </c>
      <c r="C2533">
        <v>0.28999999999999998</v>
      </c>
    </row>
    <row r="2534" spans="1:3" x14ac:dyDescent="0.25">
      <c r="A2534" t="s">
        <v>17</v>
      </c>
      <c r="B2534">
        <v>25</v>
      </c>
      <c r="C2534">
        <v>0.16</v>
      </c>
    </row>
    <row r="2535" spans="1:3" x14ac:dyDescent="0.25">
      <c r="A2535" t="s">
        <v>17</v>
      </c>
      <c r="B2535">
        <v>25</v>
      </c>
      <c r="C2535">
        <v>0.15</v>
      </c>
    </row>
    <row r="2536" spans="1:3" x14ac:dyDescent="0.25">
      <c r="A2536" t="s">
        <v>27</v>
      </c>
      <c r="B2536">
        <v>25</v>
      </c>
      <c r="C2536">
        <v>0.75</v>
      </c>
    </row>
    <row r="2537" spans="1:3" x14ac:dyDescent="0.25">
      <c r="A2537" t="s">
        <v>27</v>
      </c>
      <c r="B2537">
        <v>25</v>
      </c>
      <c r="C2537">
        <v>0.92</v>
      </c>
    </row>
    <row r="2538" spans="1:3" x14ac:dyDescent="0.25">
      <c r="A2538" t="s">
        <v>27</v>
      </c>
      <c r="B2538">
        <v>25</v>
      </c>
      <c r="C2538">
        <v>0.9</v>
      </c>
    </row>
    <row r="2539" spans="1:3" x14ac:dyDescent="0.25">
      <c r="A2539" t="s">
        <v>27</v>
      </c>
      <c r="B2539">
        <v>25</v>
      </c>
      <c r="C2539">
        <v>0.74</v>
      </c>
    </row>
    <row r="2540" spans="1:3" x14ac:dyDescent="0.25">
      <c r="A2540" t="s">
        <v>27</v>
      </c>
      <c r="B2540">
        <v>25</v>
      </c>
      <c r="C2540">
        <v>0.78</v>
      </c>
    </row>
    <row r="2541" spans="1:3" x14ac:dyDescent="0.25">
      <c r="A2541" t="s">
        <v>9</v>
      </c>
      <c r="B2541">
        <v>25</v>
      </c>
      <c r="C2541">
        <v>0.14000000000000001</v>
      </c>
    </row>
    <row r="2542" spans="1:3" x14ac:dyDescent="0.25">
      <c r="A2542" t="s">
        <v>9</v>
      </c>
      <c r="B2542">
        <v>25</v>
      </c>
      <c r="C2542">
        <v>0.12</v>
      </c>
    </row>
    <row r="2543" spans="1:3" x14ac:dyDescent="0.25">
      <c r="A2543" t="s">
        <v>9</v>
      </c>
      <c r="B2543">
        <v>25</v>
      </c>
      <c r="C2543">
        <v>0.15</v>
      </c>
    </row>
    <row r="2544" spans="1:3" x14ac:dyDescent="0.25">
      <c r="A2544" t="s">
        <v>9</v>
      </c>
      <c r="B2544">
        <v>25</v>
      </c>
      <c r="C2544">
        <v>0.05</v>
      </c>
    </row>
    <row r="2545" spans="1:3" x14ac:dyDescent="0.25">
      <c r="A2545" t="s">
        <v>9</v>
      </c>
      <c r="B2545">
        <v>25</v>
      </c>
      <c r="C2545">
        <v>0.19</v>
      </c>
    </row>
    <row r="2546" spans="1:3" x14ac:dyDescent="0.25">
      <c r="A2546" t="s">
        <v>9</v>
      </c>
      <c r="B2546">
        <v>25</v>
      </c>
      <c r="C2546">
        <v>0.15</v>
      </c>
    </row>
    <row r="2547" spans="1:3" x14ac:dyDescent="0.25">
      <c r="A2547" t="s">
        <v>9</v>
      </c>
      <c r="B2547">
        <v>25</v>
      </c>
      <c r="C2547">
        <v>0.17</v>
      </c>
    </row>
    <row r="2548" spans="1:3" x14ac:dyDescent="0.25">
      <c r="A2548" t="s">
        <v>20</v>
      </c>
      <c r="B2548">
        <v>25</v>
      </c>
      <c r="C2548">
        <v>0.39</v>
      </c>
    </row>
    <row r="2549" spans="1:3" x14ac:dyDescent="0.25">
      <c r="A2549" t="s">
        <v>20</v>
      </c>
      <c r="B2549">
        <v>25</v>
      </c>
      <c r="C2549">
        <v>0.54</v>
      </c>
    </row>
    <row r="2550" spans="1:3" x14ac:dyDescent="0.25">
      <c r="A2550" t="s">
        <v>20</v>
      </c>
      <c r="B2550">
        <v>25</v>
      </c>
      <c r="C2550">
        <v>0.44</v>
      </c>
    </row>
    <row r="2551" spans="1:3" x14ac:dyDescent="0.25">
      <c r="A2551" t="s">
        <v>20</v>
      </c>
      <c r="B2551">
        <v>25</v>
      </c>
      <c r="C2551">
        <v>0.49</v>
      </c>
    </row>
    <row r="2552" spans="1:3" x14ac:dyDescent="0.25">
      <c r="A2552" t="s">
        <v>20</v>
      </c>
      <c r="B2552">
        <v>25</v>
      </c>
      <c r="C2552">
        <v>0.69</v>
      </c>
    </row>
    <row r="2553" spans="1:3" x14ac:dyDescent="0.25">
      <c r="A2553" t="s">
        <v>20</v>
      </c>
      <c r="B2553">
        <v>25</v>
      </c>
      <c r="C2553">
        <v>0.31</v>
      </c>
    </row>
    <row r="2554" spans="1:3" x14ac:dyDescent="0.25">
      <c r="A2554" t="s">
        <v>19</v>
      </c>
      <c r="B2554">
        <v>25</v>
      </c>
      <c r="C2554">
        <v>0.92</v>
      </c>
    </row>
    <row r="2555" spans="1:3" x14ac:dyDescent="0.25">
      <c r="A2555" t="s">
        <v>19</v>
      </c>
      <c r="B2555">
        <v>25</v>
      </c>
      <c r="C2555">
        <v>0.91</v>
      </c>
    </row>
    <row r="2556" spans="1:3" x14ac:dyDescent="0.25">
      <c r="A2556" t="s">
        <v>19</v>
      </c>
      <c r="B2556">
        <v>25</v>
      </c>
      <c r="C2556">
        <v>0.71</v>
      </c>
    </row>
    <row r="2557" spans="1:3" x14ac:dyDescent="0.25">
      <c r="A2557" t="s">
        <v>19</v>
      </c>
      <c r="B2557">
        <v>25</v>
      </c>
      <c r="C2557">
        <v>0.93</v>
      </c>
    </row>
    <row r="2558" spans="1:3" x14ac:dyDescent="0.25">
      <c r="A2558" t="s">
        <v>19</v>
      </c>
      <c r="B2558">
        <v>25</v>
      </c>
      <c r="C2558">
        <v>0.87</v>
      </c>
    </row>
    <row r="2559" spans="1:3" x14ac:dyDescent="0.25">
      <c r="A2559" t="s">
        <v>19</v>
      </c>
      <c r="B2559">
        <v>25</v>
      </c>
      <c r="C2559">
        <v>0.86</v>
      </c>
    </row>
    <row r="2560" spans="1:3" x14ac:dyDescent="0.25">
      <c r="A2560" t="s">
        <v>22</v>
      </c>
      <c r="B2560">
        <v>26</v>
      </c>
      <c r="C2560">
        <v>0.38</v>
      </c>
    </row>
    <row r="2561" spans="1:3" x14ac:dyDescent="0.25">
      <c r="A2561" t="s">
        <v>22</v>
      </c>
      <c r="B2561">
        <v>26</v>
      </c>
      <c r="C2561">
        <v>0.59</v>
      </c>
    </row>
    <row r="2562" spans="1:3" x14ac:dyDescent="0.25">
      <c r="A2562" t="s">
        <v>22</v>
      </c>
      <c r="B2562">
        <v>26</v>
      </c>
      <c r="C2562">
        <v>0.33</v>
      </c>
    </row>
    <row r="2563" spans="1:3" x14ac:dyDescent="0.25">
      <c r="A2563" t="s">
        <v>22</v>
      </c>
      <c r="B2563">
        <v>26</v>
      </c>
      <c r="C2563">
        <v>0.68</v>
      </c>
    </row>
    <row r="2564" spans="1:3" x14ac:dyDescent="0.25">
      <c r="A2564" t="s">
        <v>22</v>
      </c>
      <c r="B2564">
        <v>26</v>
      </c>
      <c r="C2564">
        <v>0.36</v>
      </c>
    </row>
    <row r="2565" spans="1:3" x14ac:dyDescent="0.25">
      <c r="A2565" t="s">
        <v>22</v>
      </c>
      <c r="B2565">
        <v>26</v>
      </c>
      <c r="C2565">
        <v>0.53</v>
      </c>
    </row>
    <row r="2566" spans="1:3" x14ac:dyDescent="0.25">
      <c r="A2566" t="s">
        <v>22</v>
      </c>
      <c r="B2566">
        <v>26</v>
      </c>
      <c r="C2566">
        <v>0.49</v>
      </c>
    </row>
    <row r="2567" spans="1:3" x14ac:dyDescent="0.25">
      <c r="A2567" t="s">
        <v>22</v>
      </c>
      <c r="B2567">
        <v>26</v>
      </c>
      <c r="C2567">
        <v>0.68</v>
      </c>
    </row>
    <row r="2568" spans="1:3" x14ac:dyDescent="0.25">
      <c r="A2568" t="s">
        <v>29</v>
      </c>
      <c r="B2568">
        <v>26</v>
      </c>
      <c r="C2568">
        <v>0.11</v>
      </c>
    </row>
    <row r="2569" spans="1:3" x14ac:dyDescent="0.25">
      <c r="A2569" t="s">
        <v>29</v>
      </c>
      <c r="B2569">
        <v>26</v>
      </c>
      <c r="C2569">
        <v>0.14000000000000001</v>
      </c>
    </row>
    <row r="2570" spans="1:3" x14ac:dyDescent="0.25">
      <c r="A2570" t="s">
        <v>29</v>
      </c>
      <c r="B2570">
        <v>26</v>
      </c>
      <c r="C2570">
        <v>0.14000000000000001</v>
      </c>
    </row>
    <row r="2571" spans="1:3" x14ac:dyDescent="0.25">
      <c r="A2571" t="s">
        <v>7</v>
      </c>
      <c r="B2571">
        <v>26</v>
      </c>
      <c r="C2571">
        <v>0.8</v>
      </c>
    </row>
    <row r="2572" spans="1:3" x14ac:dyDescent="0.25">
      <c r="A2572" t="s">
        <v>7</v>
      </c>
      <c r="B2572">
        <v>26</v>
      </c>
      <c r="C2572">
        <v>0.92</v>
      </c>
    </row>
    <row r="2573" spans="1:3" x14ac:dyDescent="0.25">
      <c r="A2573" t="s">
        <v>7</v>
      </c>
      <c r="B2573">
        <v>26</v>
      </c>
      <c r="C2573">
        <v>0.75</v>
      </c>
    </row>
    <row r="2574" spans="1:3" x14ac:dyDescent="0.25">
      <c r="A2574" t="s">
        <v>7</v>
      </c>
      <c r="B2574">
        <v>26</v>
      </c>
      <c r="C2574">
        <v>0.93</v>
      </c>
    </row>
    <row r="2575" spans="1:3" x14ac:dyDescent="0.25">
      <c r="A2575" t="s">
        <v>7</v>
      </c>
      <c r="B2575">
        <v>26</v>
      </c>
      <c r="C2575">
        <v>0.87</v>
      </c>
    </row>
    <row r="2576" spans="1:3" x14ac:dyDescent="0.25">
      <c r="A2576" t="s">
        <v>7</v>
      </c>
      <c r="B2576">
        <v>26</v>
      </c>
      <c r="C2576">
        <v>0.79</v>
      </c>
    </row>
    <row r="2577" spans="1:3" x14ac:dyDescent="0.25">
      <c r="A2577" t="s">
        <v>7</v>
      </c>
      <c r="B2577">
        <v>26</v>
      </c>
      <c r="C2577">
        <v>0.91</v>
      </c>
    </row>
    <row r="2578" spans="1:3" x14ac:dyDescent="0.25">
      <c r="A2578" t="s">
        <v>7</v>
      </c>
      <c r="B2578">
        <v>26</v>
      </c>
      <c r="C2578">
        <v>0.91</v>
      </c>
    </row>
    <row r="2579" spans="1:3" x14ac:dyDescent="0.25">
      <c r="A2579" t="s">
        <v>7</v>
      </c>
      <c r="B2579">
        <v>26</v>
      </c>
      <c r="C2579">
        <v>0.92</v>
      </c>
    </row>
    <row r="2580" spans="1:3" x14ac:dyDescent="0.25">
      <c r="A2580" t="s">
        <v>7</v>
      </c>
      <c r="B2580">
        <v>26</v>
      </c>
      <c r="C2580">
        <v>0.81</v>
      </c>
    </row>
    <row r="2581" spans="1:3" x14ac:dyDescent="0.25">
      <c r="A2581" t="s">
        <v>11</v>
      </c>
      <c r="B2581">
        <v>26</v>
      </c>
      <c r="C2581">
        <v>0.84</v>
      </c>
    </row>
    <row r="2582" spans="1:3" x14ac:dyDescent="0.25">
      <c r="A2582" t="s">
        <v>11</v>
      </c>
      <c r="B2582">
        <v>26</v>
      </c>
      <c r="C2582">
        <v>0.85</v>
      </c>
    </row>
    <row r="2583" spans="1:3" x14ac:dyDescent="0.25">
      <c r="A2583" t="s">
        <v>11</v>
      </c>
      <c r="B2583">
        <v>26</v>
      </c>
      <c r="C2583">
        <v>0.76</v>
      </c>
    </row>
    <row r="2584" spans="1:3" x14ac:dyDescent="0.25">
      <c r="A2584" t="s">
        <v>11</v>
      </c>
      <c r="B2584">
        <v>26</v>
      </c>
      <c r="C2584">
        <v>0.72</v>
      </c>
    </row>
    <row r="2585" spans="1:3" x14ac:dyDescent="0.25">
      <c r="A2585" t="s">
        <v>11</v>
      </c>
      <c r="B2585">
        <v>26</v>
      </c>
      <c r="C2585">
        <v>0.93</v>
      </c>
    </row>
    <row r="2586" spans="1:3" x14ac:dyDescent="0.25">
      <c r="A2586" t="s">
        <v>11</v>
      </c>
      <c r="B2586">
        <v>26</v>
      </c>
      <c r="C2586">
        <v>0.78</v>
      </c>
    </row>
    <row r="2587" spans="1:3" x14ac:dyDescent="0.25">
      <c r="A2587" t="s">
        <v>11</v>
      </c>
      <c r="B2587">
        <v>26</v>
      </c>
      <c r="C2587">
        <v>0.75</v>
      </c>
    </row>
    <row r="2588" spans="1:3" x14ac:dyDescent="0.25">
      <c r="A2588" t="s">
        <v>11</v>
      </c>
      <c r="B2588">
        <v>26</v>
      </c>
      <c r="C2588">
        <v>0.71</v>
      </c>
    </row>
    <row r="2589" spans="1:3" x14ac:dyDescent="0.25">
      <c r="A2589" t="s">
        <v>23</v>
      </c>
      <c r="B2589">
        <v>26</v>
      </c>
      <c r="C2589">
        <v>0.68</v>
      </c>
    </row>
    <row r="2590" spans="1:3" x14ac:dyDescent="0.25">
      <c r="A2590" t="s">
        <v>23</v>
      </c>
      <c r="B2590">
        <v>26</v>
      </c>
      <c r="C2590">
        <v>0.62</v>
      </c>
    </row>
    <row r="2591" spans="1:3" x14ac:dyDescent="0.25">
      <c r="A2591" t="s">
        <v>23</v>
      </c>
      <c r="B2591">
        <v>26</v>
      </c>
      <c r="C2591">
        <v>0.67</v>
      </c>
    </row>
    <row r="2592" spans="1:3" x14ac:dyDescent="0.25">
      <c r="A2592" t="s">
        <v>23</v>
      </c>
      <c r="B2592">
        <v>26</v>
      </c>
      <c r="C2592">
        <v>0.51</v>
      </c>
    </row>
    <row r="2593" spans="1:3" x14ac:dyDescent="0.25">
      <c r="A2593" t="s">
        <v>23</v>
      </c>
      <c r="B2593">
        <v>26</v>
      </c>
      <c r="C2593">
        <v>0.44</v>
      </c>
    </row>
    <row r="2594" spans="1:3" x14ac:dyDescent="0.25">
      <c r="A2594" t="s">
        <v>23</v>
      </c>
      <c r="B2594">
        <v>26</v>
      </c>
      <c r="C2594">
        <v>0.61</v>
      </c>
    </row>
    <row r="2595" spans="1:3" x14ac:dyDescent="0.25">
      <c r="A2595" t="s">
        <v>23</v>
      </c>
      <c r="B2595">
        <v>26</v>
      </c>
      <c r="C2595">
        <v>0.35</v>
      </c>
    </row>
    <row r="2596" spans="1:3" x14ac:dyDescent="0.25">
      <c r="A2596" t="s">
        <v>23</v>
      </c>
      <c r="B2596">
        <v>26</v>
      </c>
      <c r="C2596">
        <v>0.66</v>
      </c>
    </row>
    <row r="2597" spans="1:3" x14ac:dyDescent="0.25">
      <c r="A2597" t="s">
        <v>18</v>
      </c>
      <c r="B2597">
        <v>26</v>
      </c>
      <c r="C2597">
        <v>0.38</v>
      </c>
    </row>
    <row r="2598" spans="1:3" x14ac:dyDescent="0.25">
      <c r="A2598" t="s">
        <v>18</v>
      </c>
      <c r="B2598">
        <v>26</v>
      </c>
      <c r="C2598">
        <v>0.45</v>
      </c>
    </row>
    <row r="2599" spans="1:3" x14ac:dyDescent="0.25">
      <c r="A2599" t="s">
        <v>18</v>
      </c>
      <c r="B2599">
        <v>26</v>
      </c>
      <c r="C2599">
        <v>0.52</v>
      </c>
    </row>
    <row r="2600" spans="1:3" x14ac:dyDescent="0.25">
      <c r="A2600" t="s">
        <v>18</v>
      </c>
      <c r="B2600">
        <v>26</v>
      </c>
      <c r="C2600">
        <v>0.6</v>
      </c>
    </row>
    <row r="2601" spans="1:3" x14ac:dyDescent="0.25">
      <c r="A2601" t="s">
        <v>18</v>
      </c>
      <c r="B2601">
        <v>26</v>
      </c>
      <c r="C2601">
        <v>0.63</v>
      </c>
    </row>
    <row r="2602" spans="1:3" x14ac:dyDescent="0.25">
      <c r="A2602" t="s">
        <v>18</v>
      </c>
      <c r="B2602">
        <v>26</v>
      </c>
      <c r="C2602">
        <v>0.61</v>
      </c>
    </row>
    <row r="2603" spans="1:3" x14ac:dyDescent="0.25">
      <c r="A2603" t="s">
        <v>21</v>
      </c>
      <c r="B2603">
        <v>26</v>
      </c>
      <c r="C2603">
        <v>0.53</v>
      </c>
    </row>
    <row r="2604" spans="1:3" x14ac:dyDescent="0.25">
      <c r="A2604" t="s">
        <v>21</v>
      </c>
      <c r="B2604">
        <v>26</v>
      </c>
      <c r="C2604">
        <v>0.56999999999999995</v>
      </c>
    </row>
    <row r="2605" spans="1:3" x14ac:dyDescent="0.25">
      <c r="A2605" t="s">
        <v>21</v>
      </c>
      <c r="B2605">
        <v>26</v>
      </c>
      <c r="C2605">
        <v>0.42</v>
      </c>
    </row>
    <row r="2606" spans="1:3" x14ac:dyDescent="0.25">
      <c r="A2606" t="s">
        <v>21</v>
      </c>
      <c r="B2606">
        <v>26</v>
      </c>
      <c r="C2606">
        <v>0.64</v>
      </c>
    </row>
    <row r="2607" spans="1:3" x14ac:dyDescent="0.25">
      <c r="A2607" t="s">
        <v>21</v>
      </c>
      <c r="B2607">
        <v>26</v>
      </c>
      <c r="C2607">
        <v>0.4</v>
      </c>
    </row>
    <row r="2608" spans="1:3" x14ac:dyDescent="0.25">
      <c r="A2608" t="s">
        <v>21</v>
      </c>
      <c r="B2608">
        <v>26</v>
      </c>
      <c r="C2608">
        <v>0.38</v>
      </c>
    </row>
    <row r="2609" spans="1:3" x14ac:dyDescent="0.25">
      <c r="A2609" t="s">
        <v>25</v>
      </c>
      <c r="B2609">
        <v>26</v>
      </c>
      <c r="C2609">
        <v>0.79</v>
      </c>
    </row>
    <row r="2610" spans="1:3" x14ac:dyDescent="0.25">
      <c r="A2610" t="s">
        <v>25</v>
      </c>
      <c r="B2610">
        <v>26</v>
      </c>
      <c r="C2610">
        <v>0.8</v>
      </c>
    </row>
    <row r="2611" spans="1:3" x14ac:dyDescent="0.25">
      <c r="A2611" t="s">
        <v>30</v>
      </c>
      <c r="B2611">
        <v>26</v>
      </c>
      <c r="C2611">
        <v>0.48</v>
      </c>
    </row>
    <row r="2612" spans="1:3" x14ac:dyDescent="0.25">
      <c r="A2612" t="s">
        <v>30</v>
      </c>
      <c r="B2612">
        <v>26</v>
      </c>
      <c r="C2612">
        <v>0.59</v>
      </c>
    </row>
    <row r="2613" spans="1:3" x14ac:dyDescent="0.25">
      <c r="A2613" t="s">
        <v>15</v>
      </c>
      <c r="B2613">
        <v>26</v>
      </c>
      <c r="C2613">
        <v>0.11</v>
      </c>
    </row>
    <row r="2614" spans="1:3" x14ac:dyDescent="0.25">
      <c r="A2614" t="s">
        <v>15</v>
      </c>
      <c r="B2614">
        <v>26</v>
      </c>
      <c r="C2614">
        <v>0.05</v>
      </c>
    </row>
    <row r="2615" spans="1:3" x14ac:dyDescent="0.25">
      <c r="A2615" t="s">
        <v>15</v>
      </c>
      <c r="B2615">
        <v>26</v>
      </c>
      <c r="C2615">
        <v>0.27</v>
      </c>
    </row>
    <row r="2616" spans="1:3" x14ac:dyDescent="0.25">
      <c r="A2616" t="s">
        <v>15</v>
      </c>
      <c r="B2616">
        <v>26</v>
      </c>
      <c r="C2616">
        <v>0.13</v>
      </c>
    </row>
    <row r="2617" spans="1:3" x14ac:dyDescent="0.25">
      <c r="A2617" t="s">
        <v>15</v>
      </c>
      <c r="B2617">
        <v>26</v>
      </c>
      <c r="C2617">
        <v>0.3</v>
      </c>
    </row>
    <row r="2618" spans="1:3" x14ac:dyDescent="0.25">
      <c r="A2618" t="s">
        <v>26</v>
      </c>
      <c r="B2618">
        <v>26</v>
      </c>
      <c r="C2618">
        <v>0.23</v>
      </c>
    </row>
    <row r="2619" spans="1:3" x14ac:dyDescent="0.25">
      <c r="A2619" t="s">
        <v>26</v>
      </c>
      <c r="B2619">
        <v>26</v>
      </c>
      <c r="C2619">
        <v>0.27</v>
      </c>
    </row>
    <row r="2620" spans="1:3" x14ac:dyDescent="0.25">
      <c r="A2620" t="s">
        <v>26</v>
      </c>
      <c r="B2620">
        <v>26</v>
      </c>
      <c r="C2620">
        <v>0.12</v>
      </c>
    </row>
    <row r="2621" spans="1:3" x14ac:dyDescent="0.25">
      <c r="A2621" t="s">
        <v>14</v>
      </c>
      <c r="B2621">
        <v>26</v>
      </c>
      <c r="C2621">
        <v>0.59</v>
      </c>
    </row>
    <row r="2622" spans="1:3" x14ac:dyDescent="0.25">
      <c r="A2622" t="s">
        <v>14</v>
      </c>
      <c r="B2622">
        <v>26</v>
      </c>
      <c r="C2622">
        <v>0.41</v>
      </c>
    </row>
    <row r="2623" spans="1:3" x14ac:dyDescent="0.25">
      <c r="A2623" t="s">
        <v>14</v>
      </c>
      <c r="B2623">
        <v>26</v>
      </c>
      <c r="C2623">
        <v>0.67</v>
      </c>
    </row>
    <row r="2624" spans="1:3" x14ac:dyDescent="0.25">
      <c r="A2624" t="s">
        <v>14</v>
      </c>
      <c r="B2624">
        <v>26</v>
      </c>
      <c r="C2624">
        <v>0.57999999999999996</v>
      </c>
    </row>
    <row r="2625" spans="1:3" x14ac:dyDescent="0.25">
      <c r="A2625" t="s">
        <v>14</v>
      </c>
      <c r="B2625">
        <v>26</v>
      </c>
      <c r="C2625">
        <v>0.7</v>
      </c>
    </row>
    <row r="2626" spans="1:3" x14ac:dyDescent="0.25">
      <c r="A2626" t="s">
        <v>28</v>
      </c>
      <c r="B2626">
        <v>26</v>
      </c>
      <c r="C2626">
        <v>0.35</v>
      </c>
    </row>
    <row r="2627" spans="1:3" x14ac:dyDescent="0.25">
      <c r="A2627" t="s">
        <v>28</v>
      </c>
      <c r="B2627">
        <v>26</v>
      </c>
      <c r="C2627">
        <v>0.56000000000000005</v>
      </c>
    </row>
    <row r="2628" spans="1:3" x14ac:dyDescent="0.25">
      <c r="A2628" t="s">
        <v>28</v>
      </c>
      <c r="B2628">
        <v>26</v>
      </c>
      <c r="C2628">
        <v>0.59</v>
      </c>
    </row>
    <row r="2629" spans="1:3" x14ac:dyDescent="0.25">
      <c r="A2629" t="s">
        <v>28</v>
      </c>
      <c r="B2629">
        <v>26</v>
      </c>
      <c r="C2629">
        <v>0.62</v>
      </c>
    </row>
    <row r="2630" spans="1:3" x14ac:dyDescent="0.25">
      <c r="A2630" t="s">
        <v>28</v>
      </c>
      <c r="B2630">
        <v>26</v>
      </c>
      <c r="C2630">
        <v>0.6</v>
      </c>
    </row>
    <row r="2631" spans="1:3" x14ac:dyDescent="0.25">
      <c r="A2631" t="s">
        <v>16</v>
      </c>
      <c r="B2631">
        <v>26</v>
      </c>
      <c r="C2631">
        <v>0.7</v>
      </c>
    </row>
    <row r="2632" spans="1:3" x14ac:dyDescent="0.25">
      <c r="A2632" t="s">
        <v>16</v>
      </c>
      <c r="B2632">
        <v>26</v>
      </c>
      <c r="C2632">
        <v>0.54</v>
      </c>
    </row>
    <row r="2633" spans="1:3" x14ac:dyDescent="0.25">
      <c r="A2633" t="s">
        <v>16</v>
      </c>
      <c r="B2633">
        <v>26</v>
      </c>
      <c r="C2633">
        <v>0.37</v>
      </c>
    </row>
    <row r="2634" spans="1:3" x14ac:dyDescent="0.25">
      <c r="A2634" t="s">
        <v>13</v>
      </c>
      <c r="B2634">
        <v>26</v>
      </c>
      <c r="C2634">
        <v>0.41</v>
      </c>
    </row>
    <row r="2635" spans="1:3" x14ac:dyDescent="0.25">
      <c r="A2635" t="s">
        <v>13</v>
      </c>
      <c r="B2635">
        <v>26</v>
      </c>
      <c r="C2635">
        <v>0.54</v>
      </c>
    </row>
    <row r="2636" spans="1:3" x14ac:dyDescent="0.25">
      <c r="A2636" t="s">
        <v>13</v>
      </c>
      <c r="B2636">
        <v>26</v>
      </c>
      <c r="C2636">
        <v>0.47</v>
      </c>
    </row>
    <row r="2637" spans="1:3" x14ac:dyDescent="0.25">
      <c r="A2637" t="s">
        <v>13</v>
      </c>
      <c r="B2637">
        <v>26</v>
      </c>
      <c r="C2637">
        <v>0.65</v>
      </c>
    </row>
    <row r="2638" spans="1:3" x14ac:dyDescent="0.25">
      <c r="A2638" t="s">
        <v>13</v>
      </c>
      <c r="B2638">
        <v>26</v>
      </c>
      <c r="C2638">
        <v>0.53</v>
      </c>
    </row>
    <row r="2639" spans="1:3" x14ac:dyDescent="0.25">
      <c r="A2639" t="s">
        <v>17</v>
      </c>
      <c r="B2639">
        <v>26</v>
      </c>
      <c r="C2639">
        <v>0.14000000000000001</v>
      </c>
    </row>
    <row r="2640" spans="1:3" x14ac:dyDescent="0.25">
      <c r="A2640" t="s">
        <v>17</v>
      </c>
      <c r="B2640">
        <v>26</v>
      </c>
      <c r="C2640">
        <v>0.22</v>
      </c>
    </row>
    <row r="2641" spans="1:3" x14ac:dyDescent="0.25">
      <c r="A2641" t="s">
        <v>17</v>
      </c>
      <c r="B2641">
        <v>26</v>
      </c>
      <c r="C2641">
        <v>0.22</v>
      </c>
    </row>
    <row r="2642" spans="1:3" x14ac:dyDescent="0.25">
      <c r="A2642" t="s">
        <v>17</v>
      </c>
      <c r="B2642">
        <v>26</v>
      </c>
      <c r="C2642">
        <v>0.17</v>
      </c>
    </row>
    <row r="2643" spans="1:3" x14ac:dyDescent="0.25">
      <c r="A2643" t="s">
        <v>17</v>
      </c>
      <c r="B2643">
        <v>26</v>
      </c>
      <c r="C2643">
        <v>0.2</v>
      </c>
    </row>
    <row r="2644" spans="1:3" x14ac:dyDescent="0.25">
      <c r="A2644" t="s">
        <v>27</v>
      </c>
      <c r="B2644">
        <v>26</v>
      </c>
      <c r="C2644">
        <v>0.93</v>
      </c>
    </row>
    <row r="2645" spans="1:3" x14ac:dyDescent="0.25">
      <c r="A2645" t="s">
        <v>27</v>
      </c>
      <c r="B2645">
        <v>26</v>
      </c>
      <c r="C2645">
        <v>0.9</v>
      </c>
    </row>
    <row r="2646" spans="1:3" x14ac:dyDescent="0.25">
      <c r="A2646" t="s">
        <v>27</v>
      </c>
      <c r="B2646">
        <v>26</v>
      </c>
      <c r="C2646">
        <v>0.94</v>
      </c>
    </row>
    <row r="2647" spans="1:3" x14ac:dyDescent="0.25">
      <c r="A2647" t="s">
        <v>9</v>
      </c>
      <c r="B2647">
        <v>26</v>
      </c>
      <c r="C2647">
        <v>0.2</v>
      </c>
    </row>
    <row r="2648" spans="1:3" x14ac:dyDescent="0.25">
      <c r="A2648" t="s">
        <v>9</v>
      </c>
      <c r="B2648">
        <v>26</v>
      </c>
      <c r="C2648">
        <v>0.2</v>
      </c>
    </row>
    <row r="2649" spans="1:3" x14ac:dyDescent="0.25">
      <c r="A2649" t="s">
        <v>9</v>
      </c>
      <c r="B2649">
        <v>26</v>
      </c>
      <c r="C2649">
        <v>0.21</v>
      </c>
    </row>
    <row r="2650" spans="1:3" x14ac:dyDescent="0.25">
      <c r="A2650" t="s">
        <v>9</v>
      </c>
      <c r="B2650">
        <v>26</v>
      </c>
      <c r="C2650">
        <v>0.17</v>
      </c>
    </row>
    <row r="2651" spans="1:3" x14ac:dyDescent="0.25">
      <c r="A2651" t="s">
        <v>9</v>
      </c>
      <c r="B2651">
        <v>26</v>
      </c>
      <c r="C2651">
        <v>0.27</v>
      </c>
    </row>
    <row r="2652" spans="1:3" x14ac:dyDescent="0.25">
      <c r="A2652" t="s">
        <v>9</v>
      </c>
      <c r="B2652">
        <v>26</v>
      </c>
      <c r="C2652">
        <v>0.28999999999999998</v>
      </c>
    </row>
    <row r="2653" spans="1:3" x14ac:dyDescent="0.25">
      <c r="A2653" t="s">
        <v>20</v>
      </c>
      <c r="B2653">
        <v>26</v>
      </c>
      <c r="C2653">
        <v>0.47</v>
      </c>
    </row>
    <row r="2654" spans="1:3" x14ac:dyDescent="0.25">
      <c r="A2654" t="s">
        <v>20</v>
      </c>
      <c r="B2654">
        <v>26</v>
      </c>
      <c r="C2654">
        <v>0.66</v>
      </c>
    </row>
    <row r="2655" spans="1:3" x14ac:dyDescent="0.25">
      <c r="A2655" t="s">
        <v>20</v>
      </c>
      <c r="B2655">
        <v>26</v>
      </c>
      <c r="C2655">
        <v>0.67</v>
      </c>
    </row>
    <row r="2656" spans="1:3" x14ac:dyDescent="0.25">
      <c r="A2656" t="s">
        <v>20</v>
      </c>
      <c r="B2656">
        <v>26</v>
      </c>
      <c r="C2656">
        <v>0.53</v>
      </c>
    </row>
    <row r="2657" spans="1:3" x14ac:dyDescent="0.25">
      <c r="A2657" t="s">
        <v>20</v>
      </c>
      <c r="B2657">
        <v>26</v>
      </c>
      <c r="C2657">
        <v>0.64</v>
      </c>
    </row>
    <row r="2658" spans="1:3" x14ac:dyDescent="0.25">
      <c r="A2658" t="s">
        <v>20</v>
      </c>
      <c r="B2658">
        <v>26</v>
      </c>
      <c r="C2658">
        <v>0.67</v>
      </c>
    </row>
    <row r="2659" spans="1:3" x14ac:dyDescent="0.25">
      <c r="A2659" t="s">
        <v>20</v>
      </c>
      <c r="B2659">
        <v>26</v>
      </c>
      <c r="C2659">
        <v>0.68</v>
      </c>
    </row>
    <row r="2660" spans="1:3" x14ac:dyDescent="0.25">
      <c r="A2660" t="s">
        <v>19</v>
      </c>
      <c r="B2660">
        <v>26</v>
      </c>
      <c r="C2660">
        <v>0.83</v>
      </c>
    </row>
    <row r="2661" spans="1:3" x14ac:dyDescent="0.25">
      <c r="A2661" t="s">
        <v>19</v>
      </c>
      <c r="B2661">
        <v>26</v>
      </c>
      <c r="C2661">
        <v>0.94</v>
      </c>
    </row>
    <row r="2662" spans="1:3" x14ac:dyDescent="0.25">
      <c r="A2662" t="s">
        <v>19</v>
      </c>
      <c r="B2662">
        <v>26</v>
      </c>
      <c r="C2662">
        <v>0.88</v>
      </c>
    </row>
    <row r="2663" spans="1:3" x14ac:dyDescent="0.25">
      <c r="A2663" t="s">
        <v>19</v>
      </c>
      <c r="B2663">
        <v>26</v>
      </c>
      <c r="C2663">
        <v>0.8</v>
      </c>
    </row>
    <row r="2664" spans="1:3" x14ac:dyDescent="0.25">
      <c r="A2664" t="s">
        <v>19</v>
      </c>
      <c r="B2664">
        <v>26</v>
      </c>
      <c r="C2664">
        <v>0.9</v>
      </c>
    </row>
    <row r="2665" spans="1:3" x14ac:dyDescent="0.25">
      <c r="A2665" t="s">
        <v>19</v>
      </c>
      <c r="B2665">
        <v>26</v>
      </c>
      <c r="C2665">
        <v>0.74</v>
      </c>
    </row>
    <row r="2666" spans="1:3" x14ac:dyDescent="0.25">
      <c r="A2666" t="s">
        <v>22</v>
      </c>
      <c r="B2666">
        <v>27</v>
      </c>
      <c r="C2666">
        <v>0.43</v>
      </c>
    </row>
    <row r="2667" spans="1:3" x14ac:dyDescent="0.25">
      <c r="A2667" t="s">
        <v>22</v>
      </c>
      <c r="B2667">
        <v>27</v>
      </c>
      <c r="C2667">
        <v>0.53</v>
      </c>
    </row>
    <row r="2668" spans="1:3" x14ac:dyDescent="0.25">
      <c r="A2668" t="s">
        <v>22</v>
      </c>
      <c r="B2668">
        <v>27</v>
      </c>
      <c r="C2668">
        <v>0.31</v>
      </c>
    </row>
    <row r="2669" spans="1:3" x14ac:dyDescent="0.25">
      <c r="A2669" t="s">
        <v>22</v>
      </c>
      <c r="B2669">
        <v>27</v>
      </c>
      <c r="C2669">
        <v>0.44</v>
      </c>
    </row>
    <row r="2670" spans="1:3" x14ac:dyDescent="0.25">
      <c r="A2670" t="s">
        <v>22</v>
      </c>
      <c r="B2670">
        <v>27</v>
      </c>
      <c r="C2670">
        <v>0.61</v>
      </c>
    </row>
    <row r="2671" spans="1:3" x14ac:dyDescent="0.25">
      <c r="A2671" t="s">
        <v>29</v>
      </c>
      <c r="B2671">
        <v>27</v>
      </c>
      <c r="C2671">
        <v>0.1</v>
      </c>
    </row>
    <row r="2672" spans="1:3" x14ac:dyDescent="0.25">
      <c r="A2672" t="s">
        <v>7</v>
      </c>
      <c r="B2672">
        <v>27</v>
      </c>
      <c r="C2672">
        <v>0.77</v>
      </c>
    </row>
    <row r="2673" spans="1:3" x14ac:dyDescent="0.25">
      <c r="A2673" t="s">
        <v>7</v>
      </c>
      <c r="B2673">
        <v>27</v>
      </c>
      <c r="C2673">
        <v>0.89</v>
      </c>
    </row>
    <row r="2674" spans="1:3" x14ac:dyDescent="0.25">
      <c r="A2674" t="s">
        <v>11</v>
      </c>
      <c r="B2674">
        <v>27</v>
      </c>
      <c r="C2674">
        <v>0.79</v>
      </c>
    </row>
    <row r="2675" spans="1:3" x14ac:dyDescent="0.25">
      <c r="A2675" t="s">
        <v>11</v>
      </c>
      <c r="B2675">
        <v>27</v>
      </c>
      <c r="C2675">
        <v>0.77</v>
      </c>
    </row>
    <row r="2676" spans="1:3" x14ac:dyDescent="0.25">
      <c r="A2676" t="s">
        <v>11</v>
      </c>
      <c r="B2676">
        <v>27</v>
      </c>
      <c r="C2676">
        <v>0.76</v>
      </c>
    </row>
    <row r="2677" spans="1:3" x14ac:dyDescent="0.25">
      <c r="A2677" t="s">
        <v>11</v>
      </c>
      <c r="B2677">
        <v>27</v>
      </c>
      <c r="C2677">
        <v>0.74</v>
      </c>
    </row>
    <row r="2678" spans="1:3" x14ac:dyDescent="0.25">
      <c r="A2678" t="s">
        <v>11</v>
      </c>
      <c r="B2678">
        <v>27</v>
      </c>
      <c r="C2678">
        <v>0.7</v>
      </c>
    </row>
    <row r="2679" spans="1:3" x14ac:dyDescent="0.25">
      <c r="A2679" t="s">
        <v>11</v>
      </c>
      <c r="B2679">
        <v>27</v>
      </c>
      <c r="C2679">
        <v>0.92</v>
      </c>
    </row>
    <row r="2680" spans="1:3" x14ac:dyDescent="0.25">
      <c r="A2680" t="s">
        <v>11</v>
      </c>
      <c r="B2680">
        <v>27</v>
      </c>
      <c r="C2680">
        <v>0.84</v>
      </c>
    </row>
    <row r="2681" spans="1:3" x14ac:dyDescent="0.25">
      <c r="A2681" t="s">
        <v>11</v>
      </c>
      <c r="B2681">
        <v>27</v>
      </c>
      <c r="C2681">
        <v>0.94</v>
      </c>
    </row>
    <row r="2682" spans="1:3" x14ac:dyDescent="0.25">
      <c r="A2682" t="s">
        <v>23</v>
      </c>
      <c r="B2682">
        <v>27</v>
      </c>
      <c r="C2682">
        <v>0.55000000000000004</v>
      </c>
    </row>
    <row r="2683" spans="1:3" x14ac:dyDescent="0.25">
      <c r="A2683" t="s">
        <v>23</v>
      </c>
      <c r="B2683">
        <v>27</v>
      </c>
      <c r="C2683">
        <v>0.36</v>
      </c>
    </row>
    <row r="2684" spans="1:3" x14ac:dyDescent="0.25">
      <c r="A2684" t="s">
        <v>23</v>
      </c>
      <c r="B2684">
        <v>27</v>
      </c>
      <c r="C2684">
        <v>0.32</v>
      </c>
    </row>
    <row r="2685" spans="1:3" x14ac:dyDescent="0.25">
      <c r="A2685" t="s">
        <v>23</v>
      </c>
      <c r="B2685">
        <v>27</v>
      </c>
      <c r="C2685">
        <v>0.68</v>
      </c>
    </row>
    <row r="2686" spans="1:3" x14ac:dyDescent="0.25">
      <c r="A2686" t="s">
        <v>23</v>
      </c>
      <c r="B2686">
        <v>27</v>
      </c>
      <c r="C2686">
        <v>0.44</v>
      </c>
    </row>
    <row r="2687" spans="1:3" x14ac:dyDescent="0.25">
      <c r="A2687" t="s">
        <v>23</v>
      </c>
      <c r="B2687">
        <v>27</v>
      </c>
      <c r="C2687">
        <v>0.56999999999999995</v>
      </c>
    </row>
    <row r="2688" spans="1:3" x14ac:dyDescent="0.25">
      <c r="A2688" t="s">
        <v>23</v>
      </c>
      <c r="B2688">
        <v>27</v>
      </c>
      <c r="C2688">
        <v>0.38</v>
      </c>
    </row>
    <row r="2689" spans="1:3" x14ac:dyDescent="0.25">
      <c r="A2689" t="s">
        <v>18</v>
      </c>
      <c r="B2689">
        <v>27</v>
      </c>
      <c r="C2689">
        <v>0.33</v>
      </c>
    </row>
    <row r="2690" spans="1:3" x14ac:dyDescent="0.25">
      <c r="A2690" t="s">
        <v>18</v>
      </c>
      <c r="B2690">
        <v>27</v>
      </c>
      <c r="C2690">
        <v>0.5</v>
      </c>
    </row>
    <row r="2691" spans="1:3" x14ac:dyDescent="0.25">
      <c r="A2691" t="s">
        <v>18</v>
      </c>
      <c r="B2691">
        <v>27</v>
      </c>
      <c r="C2691">
        <v>0.34</v>
      </c>
    </row>
    <row r="2692" spans="1:3" x14ac:dyDescent="0.25">
      <c r="A2692" t="s">
        <v>18</v>
      </c>
      <c r="B2692">
        <v>27</v>
      </c>
      <c r="C2692">
        <v>0.3</v>
      </c>
    </row>
    <row r="2693" spans="1:3" x14ac:dyDescent="0.25">
      <c r="A2693" t="s">
        <v>18</v>
      </c>
      <c r="B2693">
        <v>27</v>
      </c>
      <c r="C2693">
        <v>0.61</v>
      </c>
    </row>
    <row r="2694" spans="1:3" x14ac:dyDescent="0.25">
      <c r="A2694" t="s">
        <v>18</v>
      </c>
      <c r="B2694">
        <v>27</v>
      </c>
      <c r="C2694">
        <v>0.34</v>
      </c>
    </row>
    <row r="2695" spans="1:3" x14ac:dyDescent="0.25">
      <c r="A2695" t="s">
        <v>18</v>
      </c>
      <c r="B2695">
        <v>27</v>
      </c>
      <c r="C2695">
        <v>0.38</v>
      </c>
    </row>
    <row r="2696" spans="1:3" x14ac:dyDescent="0.25">
      <c r="A2696" t="s">
        <v>21</v>
      </c>
      <c r="B2696">
        <v>27</v>
      </c>
      <c r="C2696">
        <v>0.5</v>
      </c>
    </row>
    <row r="2697" spans="1:3" x14ac:dyDescent="0.25">
      <c r="A2697" t="s">
        <v>21</v>
      </c>
      <c r="B2697">
        <v>27</v>
      </c>
      <c r="C2697">
        <v>0.4</v>
      </c>
    </row>
    <row r="2698" spans="1:3" x14ac:dyDescent="0.25">
      <c r="A2698" t="s">
        <v>21</v>
      </c>
      <c r="B2698">
        <v>27</v>
      </c>
      <c r="C2698">
        <v>0.67</v>
      </c>
    </row>
    <row r="2699" spans="1:3" x14ac:dyDescent="0.25">
      <c r="A2699" t="s">
        <v>21</v>
      </c>
      <c r="B2699">
        <v>27</v>
      </c>
      <c r="C2699">
        <v>0.48</v>
      </c>
    </row>
    <row r="2700" spans="1:3" x14ac:dyDescent="0.25">
      <c r="A2700" t="s">
        <v>21</v>
      </c>
      <c r="B2700">
        <v>27</v>
      </c>
      <c r="C2700">
        <v>0.49</v>
      </c>
    </row>
    <row r="2701" spans="1:3" x14ac:dyDescent="0.25">
      <c r="A2701" t="s">
        <v>21</v>
      </c>
      <c r="B2701">
        <v>27</v>
      </c>
      <c r="C2701">
        <v>0.5</v>
      </c>
    </row>
    <row r="2702" spans="1:3" x14ac:dyDescent="0.25">
      <c r="A2702" t="s">
        <v>21</v>
      </c>
      <c r="B2702">
        <v>27</v>
      </c>
      <c r="C2702">
        <v>0.42</v>
      </c>
    </row>
    <row r="2703" spans="1:3" x14ac:dyDescent="0.25">
      <c r="A2703" t="s">
        <v>21</v>
      </c>
      <c r="B2703">
        <v>27</v>
      </c>
      <c r="C2703">
        <v>0.36</v>
      </c>
    </row>
    <row r="2704" spans="1:3" x14ac:dyDescent="0.25">
      <c r="A2704" t="s">
        <v>25</v>
      </c>
      <c r="B2704">
        <v>27</v>
      </c>
      <c r="C2704">
        <v>0.91</v>
      </c>
    </row>
    <row r="2705" spans="1:3" x14ac:dyDescent="0.25">
      <c r="A2705" t="s">
        <v>25</v>
      </c>
      <c r="B2705">
        <v>27</v>
      </c>
      <c r="C2705">
        <v>0.89</v>
      </c>
    </row>
    <row r="2706" spans="1:3" x14ac:dyDescent="0.25">
      <c r="A2706" t="s">
        <v>25</v>
      </c>
      <c r="B2706">
        <v>27</v>
      </c>
      <c r="C2706">
        <v>0.85</v>
      </c>
    </row>
    <row r="2707" spans="1:3" x14ac:dyDescent="0.25">
      <c r="A2707" t="s">
        <v>25</v>
      </c>
      <c r="B2707">
        <v>27</v>
      </c>
      <c r="C2707">
        <v>0.88</v>
      </c>
    </row>
    <row r="2708" spans="1:3" x14ac:dyDescent="0.25">
      <c r="A2708" t="s">
        <v>25</v>
      </c>
      <c r="B2708">
        <v>27</v>
      </c>
      <c r="C2708">
        <v>0.95</v>
      </c>
    </row>
    <row r="2709" spans="1:3" x14ac:dyDescent="0.25">
      <c r="A2709" t="s">
        <v>25</v>
      </c>
      <c r="B2709">
        <v>27</v>
      </c>
      <c r="C2709">
        <v>0.88</v>
      </c>
    </row>
    <row r="2710" spans="1:3" x14ac:dyDescent="0.25">
      <c r="A2710" t="s">
        <v>25</v>
      </c>
      <c r="B2710">
        <v>27</v>
      </c>
      <c r="C2710">
        <v>0.77</v>
      </c>
    </row>
    <row r="2711" spans="1:3" x14ac:dyDescent="0.25">
      <c r="A2711" t="s">
        <v>25</v>
      </c>
      <c r="B2711">
        <v>27</v>
      </c>
      <c r="C2711">
        <v>0.91</v>
      </c>
    </row>
    <row r="2712" spans="1:3" x14ac:dyDescent="0.25">
      <c r="A2712" t="s">
        <v>30</v>
      </c>
      <c r="B2712">
        <v>27</v>
      </c>
      <c r="C2712">
        <v>0.59</v>
      </c>
    </row>
    <row r="2713" spans="1:3" x14ac:dyDescent="0.25">
      <c r="A2713" t="s">
        <v>30</v>
      </c>
      <c r="B2713">
        <v>27</v>
      </c>
      <c r="C2713">
        <v>0.56000000000000005</v>
      </c>
    </row>
    <row r="2714" spans="1:3" x14ac:dyDescent="0.25">
      <c r="A2714" t="s">
        <v>30</v>
      </c>
      <c r="B2714">
        <v>27</v>
      </c>
      <c r="C2714">
        <v>0.37</v>
      </c>
    </row>
    <row r="2715" spans="1:3" x14ac:dyDescent="0.25">
      <c r="A2715" t="s">
        <v>30</v>
      </c>
      <c r="B2715">
        <v>27</v>
      </c>
      <c r="C2715">
        <v>0.44</v>
      </c>
    </row>
    <row r="2716" spans="1:3" x14ac:dyDescent="0.25">
      <c r="A2716" t="s">
        <v>30</v>
      </c>
      <c r="B2716">
        <v>27</v>
      </c>
      <c r="C2716">
        <v>0.57999999999999996</v>
      </c>
    </row>
    <row r="2717" spans="1:3" x14ac:dyDescent="0.25">
      <c r="A2717" t="s">
        <v>30</v>
      </c>
      <c r="B2717">
        <v>27</v>
      </c>
      <c r="C2717">
        <v>0.46</v>
      </c>
    </row>
    <row r="2718" spans="1:3" x14ac:dyDescent="0.25">
      <c r="A2718" t="s">
        <v>30</v>
      </c>
      <c r="B2718">
        <v>27</v>
      </c>
      <c r="C2718">
        <v>0.42</v>
      </c>
    </row>
    <row r="2719" spans="1:3" x14ac:dyDescent="0.25">
      <c r="A2719" t="s">
        <v>15</v>
      </c>
      <c r="B2719">
        <v>27</v>
      </c>
      <c r="C2719">
        <v>0.27</v>
      </c>
    </row>
    <row r="2720" spans="1:3" x14ac:dyDescent="0.25">
      <c r="A2720" t="s">
        <v>15</v>
      </c>
      <c r="B2720">
        <v>27</v>
      </c>
      <c r="C2720">
        <v>0.14000000000000001</v>
      </c>
    </row>
    <row r="2721" spans="1:3" x14ac:dyDescent="0.25">
      <c r="A2721" t="s">
        <v>15</v>
      </c>
      <c r="B2721">
        <v>27</v>
      </c>
      <c r="C2721">
        <v>0.27</v>
      </c>
    </row>
    <row r="2722" spans="1:3" x14ac:dyDescent="0.25">
      <c r="A2722" t="s">
        <v>15</v>
      </c>
      <c r="B2722">
        <v>27</v>
      </c>
      <c r="C2722">
        <v>0.21</v>
      </c>
    </row>
    <row r="2723" spans="1:3" x14ac:dyDescent="0.25">
      <c r="A2723" t="s">
        <v>15</v>
      </c>
      <c r="B2723">
        <v>27</v>
      </c>
      <c r="C2723">
        <v>0.3</v>
      </c>
    </row>
    <row r="2724" spans="1:3" x14ac:dyDescent="0.25">
      <c r="A2724" t="s">
        <v>15</v>
      </c>
      <c r="B2724">
        <v>27</v>
      </c>
      <c r="C2724">
        <v>0.2</v>
      </c>
    </row>
    <row r="2725" spans="1:3" x14ac:dyDescent="0.25">
      <c r="A2725" t="s">
        <v>26</v>
      </c>
      <c r="B2725">
        <v>27</v>
      </c>
      <c r="C2725">
        <v>0.11</v>
      </c>
    </row>
    <row r="2726" spans="1:3" x14ac:dyDescent="0.25">
      <c r="A2726" t="s">
        <v>26</v>
      </c>
      <c r="B2726">
        <v>27</v>
      </c>
      <c r="C2726">
        <v>0.21</v>
      </c>
    </row>
    <row r="2727" spans="1:3" x14ac:dyDescent="0.25">
      <c r="A2727" t="s">
        <v>26</v>
      </c>
      <c r="B2727">
        <v>27</v>
      </c>
      <c r="C2727">
        <v>0.28999999999999998</v>
      </c>
    </row>
    <row r="2728" spans="1:3" x14ac:dyDescent="0.25">
      <c r="A2728" t="s">
        <v>26</v>
      </c>
      <c r="B2728">
        <v>27</v>
      </c>
      <c r="C2728">
        <v>0.09</v>
      </c>
    </row>
    <row r="2729" spans="1:3" x14ac:dyDescent="0.25">
      <c r="A2729" t="s">
        <v>26</v>
      </c>
      <c r="B2729">
        <v>27</v>
      </c>
      <c r="C2729">
        <v>0.26</v>
      </c>
    </row>
    <row r="2730" spans="1:3" x14ac:dyDescent="0.25">
      <c r="A2730" t="s">
        <v>26</v>
      </c>
      <c r="B2730">
        <v>27</v>
      </c>
      <c r="C2730">
        <v>0.15</v>
      </c>
    </row>
    <row r="2731" spans="1:3" x14ac:dyDescent="0.25">
      <c r="A2731" t="s">
        <v>26</v>
      </c>
      <c r="B2731">
        <v>27</v>
      </c>
      <c r="C2731">
        <v>0.14000000000000001</v>
      </c>
    </row>
    <row r="2732" spans="1:3" x14ac:dyDescent="0.25">
      <c r="A2732" t="s">
        <v>26</v>
      </c>
      <c r="B2732">
        <v>27</v>
      </c>
      <c r="C2732">
        <v>0.15</v>
      </c>
    </row>
    <row r="2733" spans="1:3" x14ac:dyDescent="0.25">
      <c r="A2733" t="s">
        <v>14</v>
      </c>
      <c r="B2733">
        <v>27</v>
      </c>
      <c r="C2733">
        <v>0.65</v>
      </c>
    </row>
    <row r="2734" spans="1:3" x14ac:dyDescent="0.25">
      <c r="A2734" t="s">
        <v>14</v>
      </c>
      <c r="B2734">
        <v>27</v>
      </c>
      <c r="C2734">
        <v>0.34</v>
      </c>
    </row>
    <row r="2735" spans="1:3" x14ac:dyDescent="0.25">
      <c r="A2735" t="s">
        <v>14</v>
      </c>
      <c r="B2735">
        <v>27</v>
      </c>
      <c r="C2735">
        <v>0.67</v>
      </c>
    </row>
    <row r="2736" spans="1:3" x14ac:dyDescent="0.25">
      <c r="A2736" t="s">
        <v>14</v>
      </c>
      <c r="B2736">
        <v>27</v>
      </c>
      <c r="C2736">
        <v>0.53</v>
      </c>
    </row>
    <row r="2737" spans="1:3" x14ac:dyDescent="0.25">
      <c r="A2737" t="s">
        <v>14</v>
      </c>
      <c r="B2737">
        <v>27</v>
      </c>
      <c r="C2737">
        <v>0.41</v>
      </c>
    </row>
    <row r="2738" spans="1:3" x14ac:dyDescent="0.25">
      <c r="A2738" t="s">
        <v>14</v>
      </c>
      <c r="B2738">
        <v>27</v>
      </c>
      <c r="C2738">
        <v>0.33</v>
      </c>
    </row>
    <row r="2739" spans="1:3" x14ac:dyDescent="0.25">
      <c r="A2739" t="s">
        <v>28</v>
      </c>
      <c r="B2739">
        <v>27</v>
      </c>
      <c r="C2739">
        <v>0.34</v>
      </c>
    </row>
    <row r="2740" spans="1:3" x14ac:dyDescent="0.25">
      <c r="A2740" t="s">
        <v>28</v>
      </c>
      <c r="B2740">
        <v>27</v>
      </c>
      <c r="C2740">
        <v>0.62</v>
      </c>
    </row>
    <row r="2741" spans="1:3" x14ac:dyDescent="0.25">
      <c r="A2741" t="s">
        <v>28</v>
      </c>
      <c r="B2741">
        <v>27</v>
      </c>
      <c r="C2741">
        <v>0.56000000000000005</v>
      </c>
    </row>
    <row r="2742" spans="1:3" x14ac:dyDescent="0.25">
      <c r="A2742" t="s">
        <v>28</v>
      </c>
      <c r="B2742">
        <v>27</v>
      </c>
      <c r="C2742">
        <v>0.47</v>
      </c>
    </row>
    <row r="2743" spans="1:3" x14ac:dyDescent="0.25">
      <c r="A2743" t="s">
        <v>28</v>
      </c>
      <c r="B2743">
        <v>27</v>
      </c>
      <c r="C2743">
        <v>0.56999999999999995</v>
      </c>
    </row>
    <row r="2744" spans="1:3" x14ac:dyDescent="0.25">
      <c r="A2744" t="s">
        <v>16</v>
      </c>
      <c r="B2744">
        <v>27</v>
      </c>
      <c r="C2744">
        <v>0.34</v>
      </c>
    </row>
    <row r="2745" spans="1:3" x14ac:dyDescent="0.25">
      <c r="A2745" t="s">
        <v>16</v>
      </c>
      <c r="B2745">
        <v>27</v>
      </c>
      <c r="C2745">
        <v>0.43</v>
      </c>
    </row>
    <row r="2746" spans="1:3" x14ac:dyDescent="0.25">
      <c r="A2746" t="s">
        <v>16</v>
      </c>
      <c r="B2746">
        <v>27</v>
      </c>
      <c r="C2746">
        <v>0.69</v>
      </c>
    </row>
    <row r="2747" spans="1:3" x14ac:dyDescent="0.25">
      <c r="A2747" t="s">
        <v>16</v>
      </c>
      <c r="B2747">
        <v>27</v>
      </c>
      <c r="C2747">
        <v>0.31</v>
      </c>
    </row>
    <row r="2748" spans="1:3" x14ac:dyDescent="0.25">
      <c r="A2748" t="s">
        <v>13</v>
      </c>
      <c r="B2748">
        <v>27</v>
      </c>
      <c r="C2748">
        <v>0.68</v>
      </c>
    </row>
    <row r="2749" spans="1:3" x14ac:dyDescent="0.25">
      <c r="A2749" t="s">
        <v>13</v>
      </c>
      <c r="B2749">
        <v>27</v>
      </c>
      <c r="C2749">
        <v>0.52</v>
      </c>
    </row>
    <row r="2750" spans="1:3" x14ac:dyDescent="0.25">
      <c r="A2750" t="s">
        <v>13</v>
      </c>
      <c r="B2750">
        <v>27</v>
      </c>
      <c r="C2750">
        <v>0.52</v>
      </c>
    </row>
    <row r="2751" spans="1:3" x14ac:dyDescent="0.25">
      <c r="A2751" t="s">
        <v>17</v>
      </c>
      <c r="B2751">
        <v>27</v>
      </c>
      <c r="C2751">
        <v>0.26</v>
      </c>
    </row>
    <row r="2752" spans="1:3" x14ac:dyDescent="0.25">
      <c r="A2752" t="s">
        <v>17</v>
      </c>
      <c r="B2752">
        <v>27</v>
      </c>
      <c r="C2752">
        <v>0.16</v>
      </c>
    </row>
    <row r="2753" spans="1:3" x14ac:dyDescent="0.25">
      <c r="A2753" t="s">
        <v>17</v>
      </c>
      <c r="B2753">
        <v>27</v>
      </c>
      <c r="C2753">
        <v>0.25</v>
      </c>
    </row>
    <row r="2754" spans="1:3" x14ac:dyDescent="0.25">
      <c r="A2754" t="s">
        <v>17</v>
      </c>
      <c r="B2754">
        <v>27</v>
      </c>
      <c r="C2754">
        <v>0.09</v>
      </c>
    </row>
    <row r="2755" spans="1:3" x14ac:dyDescent="0.25">
      <c r="A2755" t="s">
        <v>17</v>
      </c>
      <c r="B2755">
        <v>27</v>
      </c>
      <c r="C2755">
        <v>0.16</v>
      </c>
    </row>
    <row r="2756" spans="1:3" x14ac:dyDescent="0.25">
      <c r="A2756" t="s">
        <v>17</v>
      </c>
      <c r="B2756">
        <v>27</v>
      </c>
      <c r="C2756">
        <v>0.12</v>
      </c>
    </row>
    <row r="2757" spans="1:3" x14ac:dyDescent="0.25">
      <c r="A2757" t="s">
        <v>17</v>
      </c>
      <c r="B2757">
        <v>27</v>
      </c>
      <c r="C2757">
        <v>0.3</v>
      </c>
    </row>
    <row r="2758" spans="1:3" x14ac:dyDescent="0.25">
      <c r="A2758" t="s">
        <v>27</v>
      </c>
      <c r="B2758">
        <v>27</v>
      </c>
      <c r="C2758">
        <v>0.76</v>
      </c>
    </row>
    <row r="2759" spans="1:3" x14ac:dyDescent="0.25">
      <c r="A2759" t="s">
        <v>27</v>
      </c>
      <c r="B2759">
        <v>27</v>
      </c>
      <c r="C2759">
        <v>0.9</v>
      </c>
    </row>
    <row r="2760" spans="1:3" x14ac:dyDescent="0.25">
      <c r="A2760" t="s">
        <v>27</v>
      </c>
      <c r="B2760">
        <v>27</v>
      </c>
      <c r="C2760">
        <v>0.72</v>
      </c>
    </row>
    <row r="2761" spans="1:3" x14ac:dyDescent="0.25">
      <c r="A2761" t="s">
        <v>27</v>
      </c>
      <c r="B2761">
        <v>27</v>
      </c>
      <c r="C2761">
        <v>0.75</v>
      </c>
    </row>
    <row r="2762" spans="1:3" x14ac:dyDescent="0.25">
      <c r="A2762" t="s">
        <v>27</v>
      </c>
      <c r="B2762">
        <v>27</v>
      </c>
      <c r="C2762">
        <v>0.84</v>
      </c>
    </row>
    <row r="2763" spans="1:3" x14ac:dyDescent="0.25">
      <c r="A2763" t="s">
        <v>27</v>
      </c>
      <c r="B2763">
        <v>27</v>
      </c>
      <c r="C2763">
        <v>0.85</v>
      </c>
    </row>
    <row r="2764" spans="1:3" x14ac:dyDescent="0.25">
      <c r="A2764" t="s">
        <v>27</v>
      </c>
      <c r="B2764">
        <v>27</v>
      </c>
      <c r="C2764">
        <v>0.76</v>
      </c>
    </row>
    <row r="2765" spans="1:3" x14ac:dyDescent="0.25">
      <c r="A2765" t="s">
        <v>27</v>
      </c>
      <c r="B2765">
        <v>27</v>
      </c>
      <c r="C2765">
        <v>0.78</v>
      </c>
    </row>
    <row r="2766" spans="1:3" x14ac:dyDescent="0.25">
      <c r="A2766" t="s">
        <v>9</v>
      </c>
      <c r="B2766">
        <v>27</v>
      </c>
      <c r="C2766">
        <v>0.15</v>
      </c>
    </row>
    <row r="2767" spans="1:3" x14ac:dyDescent="0.25">
      <c r="A2767" t="s">
        <v>9</v>
      </c>
      <c r="B2767">
        <v>27</v>
      </c>
      <c r="C2767">
        <v>0.16</v>
      </c>
    </row>
    <row r="2768" spans="1:3" x14ac:dyDescent="0.25">
      <c r="A2768" t="s">
        <v>9</v>
      </c>
      <c r="B2768">
        <v>27</v>
      </c>
      <c r="C2768">
        <v>0.06</v>
      </c>
    </row>
    <row r="2769" spans="1:3" x14ac:dyDescent="0.25">
      <c r="A2769" t="s">
        <v>9</v>
      </c>
      <c r="B2769">
        <v>27</v>
      </c>
      <c r="C2769">
        <v>0.24</v>
      </c>
    </row>
    <row r="2770" spans="1:3" x14ac:dyDescent="0.25">
      <c r="A2770" t="s">
        <v>9</v>
      </c>
      <c r="B2770">
        <v>27</v>
      </c>
      <c r="C2770">
        <v>0.13</v>
      </c>
    </row>
    <row r="2771" spans="1:3" x14ac:dyDescent="0.25">
      <c r="A2771" t="s">
        <v>20</v>
      </c>
      <c r="B2771">
        <v>27</v>
      </c>
      <c r="C2771">
        <v>0.38</v>
      </c>
    </row>
    <row r="2772" spans="1:3" x14ac:dyDescent="0.25">
      <c r="A2772" t="s">
        <v>20</v>
      </c>
      <c r="B2772">
        <v>27</v>
      </c>
      <c r="C2772">
        <v>0.43</v>
      </c>
    </row>
    <row r="2773" spans="1:3" x14ac:dyDescent="0.25">
      <c r="A2773" t="s">
        <v>20</v>
      </c>
      <c r="B2773">
        <v>27</v>
      </c>
      <c r="C2773">
        <v>0.44</v>
      </c>
    </row>
    <row r="2774" spans="1:3" x14ac:dyDescent="0.25">
      <c r="A2774" t="s">
        <v>20</v>
      </c>
      <c r="B2774">
        <v>27</v>
      </c>
      <c r="C2774">
        <v>0.57999999999999996</v>
      </c>
    </row>
    <row r="2775" spans="1:3" x14ac:dyDescent="0.25">
      <c r="A2775" t="s">
        <v>20</v>
      </c>
      <c r="B2775">
        <v>27</v>
      </c>
      <c r="C2775">
        <v>0.47</v>
      </c>
    </row>
    <row r="2776" spans="1:3" x14ac:dyDescent="0.25">
      <c r="A2776" t="s">
        <v>19</v>
      </c>
      <c r="B2776">
        <v>27</v>
      </c>
      <c r="C2776">
        <v>0.94</v>
      </c>
    </row>
    <row r="2777" spans="1:3" x14ac:dyDescent="0.25">
      <c r="A2777" t="s">
        <v>19</v>
      </c>
      <c r="B2777">
        <v>27</v>
      </c>
      <c r="C2777">
        <v>0.84</v>
      </c>
    </row>
    <row r="2778" spans="1:3" x14ac:dyDescent="0.25">
      <c r="A2778" t="s">
        <v>19</v>
      </c>
      <c r="B2778">
        <v>27</v>
      </c>
      <c r="C2778">
        <v>0.84</v>
      </c>
    </row>
    <row r="2779" spans="1:3" x14ac:dyDescent="0.25">
      <c r="A2779" t="s">
        <v>19</v>
      </c>
      <c r="B2779">
        <v>27</v>
      </c>
      <c r="C2779">
        <v>0.8</v>
      </c>
    </row>
    <row r="2780" spans="1:3" x14ac:dyDescent="0.25">
      <c r="A2780" t="s">
        <v>22</v>
      </c>
      <c r="B2780">
        <v>28</v>
      </c>
      <c r="C2780">
        <v>0.5</v>
      </c>
    </row>
    <row r="2781" spans="1:3" x14ac:dyDescent="0.25">
      <c r="A2781" t="s">
        <v>22</v>
      </c>
      <c r="B2781">
        <v>28</v>
      </c>
      <c r="C2781">
        <v>0.66</v>
      </c>
    </row>
    <row r="2782" spans="1:3" x14ac:dyDescent="0.25">
      <c r="A2782" t="s">
        <v>22</v>
      </c>
      <c r="B2782">
        <v>28</v>
      </c>
      <c r="C2782">
        <v>0.46</v>
      </c>
    </row>
    <row r="2783" spans="1:3" x14ac:dyDescent="0.25">
      <c r="A2783" t="s">
        <v>22</v>
      </c>
      <c r="B2783">
        <v>28</v>
      </c>
      <c r="C2783">
        <v>0.46</v>
      </c>
    </row>
    <row r="2784" spans="1:3" x14ac:dyDescent="0.25">
      <c r="A2784" t="s">
        <v>22</v>
      </c>
      <c r="B2784">
        <v>28</v>
      </c>
      <c r="C2784">
        <v>0.43</v>
      </c>
    </row>
    <row r="2785" spans="1:3" x14ac:dyDescent="0.25">
      <c r="A2785" t="s">
        <v>22</v>
      </c>
      <c r="B2785">
        <v>28</v>
      </c>
      <c r="C2785">
        <v>0.48</v>
      </c>
    </row>
    <row r="2786" spans="1:3" x14ac:dyDescent="0.25">
      <c r="A2786" t="s">
        <v>22</v>
      </c>
      <c r="B2786">
        <v>28</v>
      </c>
      <c r="C2786">
        <v>0.64</v>
      </c>
    </row>
    <row r="2787" spans="1:3" x14ac:dyDescent="0.25">
      <c r="A2787" t="s">
        <v>29</v>
      </c>
      <c r="B2787">
        <v>28</v>
      </c>
      <c r="C2787">
        <v>0.16</v>
      </c>
    </row>
    <row r="2788" spans="1:3" x14ac:dyDescent="0.25">
      <c r="A2788" t="s">
        <v>29</v>
      </c>
      <c r="B2788">
        <v>28</v>
      </c>
      <c r="C2788">
        <v>0.26</v>
      </c>
    </row>
    <row r="2789" spans="1:3" x14ac:dyDescent="0.25">
      <c r="A2789" t="s">
        <v>29</v>
      </c>
      <c r="B2789">
        <v>28</v>
      </c>
      <c r="C2789">
        <v>0.22</v>
      </c>
    </row>
    <row r="2790" spans="1:3" x14ac:dyDescent="0.25">
      <c r="A2790" t="s">
        <v>29</v>
      </c>
      <c r="B2790">
        <v>28</v>
      </c>
      <c r="C2790">
        <v>0.19</v>
      </c>
    </row>
    <row r="2791" spans="1:3" x14ac:dyDescent="0.25">
      <c r="A2791" t="s">
        <v>7</v>
      </c>
      <c r="B2791">
        <v>28</v>
      </c>
      <c r="C2791">
        <v>0.85</v>
      </c>
    </row>
    <row r="2792" spans="1:3" x14ac:dyDescent="0.25">
      <c r="A2792" t="s">
        <v>7</v>
      </c>
      <c r="B2792">
        <v>28</v>
      </c>
      <c r="C2792">
        <v>0.73</v>
      </c>
    </row>
    <row r="2793" spans="1:3" x14ac:dyDescent="0.25">
      <c r="A2793" t="s">
        <v>7</v>
      </c>
      <c r="B2793">
        <v>28</v>
      </c>
      <c r="C2793">
        <v>0.72</v>
      </c>
    </row>
    <row r="2794" spans="1:3" x14ac:dyDescent="0.25">
      <c r="A2794" t="s">
        <v>11</v>
      </c>
      <c r="B2794">
        <v>28</v>
      </c>
      <c r="C2794">
        <v>0.85</v>
      </c>
    </row>
    <row r="2795" spans="1:3" x14ac:dyDescent="0.25">
      <c r="A2795" t="s">
        <v>11</v>
      </c>
      <c r="B2795">
        <v>28</v>
      </c>
      <c r="C2795">
        <v>0.93</v>
      </c>
    </row>
    <row r="2796" spans="1:3" x14ac:dyDescent="0.25">
      <c r="A2796" t="s">
        <v>11</v>
      </c>
      <c r="B2796">
        <v>28</v>
      </c>
      <c r="C2796">
        <v>0.82</v>
      </c>
    </row>
    <row r="2797" spans="1:3" x14ac:dyDescent="0.25">
      <c r="A2797" t="s">
        <v>11</v>
      </c>
      <c r="B2797">
        <v>28</v>
      </c>
      <c r="C2797">
        <v>0.94</v>
      </c>
    </row>
    <row r="2798" spans="1:3" x14ac:dyDescent="0.25">
      <c r="A2798" t="s">
        <v>11</v>
      </c>
      <c r="B2798">
        <v>28</v>
      </c>
      <c r="C2798">
        <v>0.88</v>
      </c>
    </row>
    <row r="2799" spans="1:3" x14ac:dyDescent="0.25">
      <c r="A2799" t="s">
        <v>11</v>
      </c>
      <c r="B2799">
        <v>28</v>
      </c>
      <c r="C2799">
        <v>0.85</v>
      </c>
    </row>
    <row r="2800" spans="1:3" x14ac:dyDescent="0.25">
      <c r="A2800" t="s">
        <v>11</v>
      </c>
      <c r="B2800">
        <v>28</v>
      </c>
      <c r="C2800">
        <v>0.76</v>
      </c>
    </row>
    <row r="2801" spans="1:3" x14ac:dyDescent="0.25">
      <c r="A2801" t="s">
        <v>23</v>
      </c>
      <c r="B2801">
        <v>28</v>
      </c>
      <c r="C2801">
        <v>0.52</v>
      </c>
    </row>
    <row r="2802" spans="1:3" x14ac:dyDescent="0.25">
      <c r="A2802" t="s">
        <v>23</v>
      </c>
      <c r="B2802">
        <v>28</v>
      </c>
      <c r="C2802">
        <v>0.62</v>
      </c>
    </row>
    <row r="2803" spans="1:3" x14ac:dyDescent="0.25">
      <c r="A2803" t="s">
        <v>23</v>
      </c>
      <c r="B2803">
        <v>28</v>
      </c>
      <c r="C2803">
        <v>0.64</v>
      </c>
    </row>
    <row r="2804" spans="1:3" x14ac:dyDescent="0.25">
      <c r="A2804" t="s">
        <v>23</v>
      </c>
      <c r="B2804">
        <v>28</v>
      </c>
      <c r="C2804">
        <v>0.34</v>
      </c>
    </row>
    <row r="2805" spans="1:3" x14ac:dyDescent="0.25">
      <c r="A2805" t="s">
        <v>23</v>
      </c>
      <c r="B2805">
        <v>28</v>
      </c>
      <c r="C2805">
        <v>0.53</v>
      </c>
    </row>
    <row r="2806" spans="1:3" x14ac:dyDescent="0.25">
      <c r="A2806" t="s">
        <v>23</v>
      </c>
      <c r="B2806">
        <v>28</v>
      </c>
      <c r="C2806">
        <v>0.53</v>
      </c>
    </row>
    <row r="2807" spans="1:3" x14ac:dyDescent="0.25">
      <c r="A2807" t="s">
        <v>23</v>
      </c>
      <c r="B2807">
        <v>28</v>
      </c>
      <c r="C2807">
        <v>0.6</v>
      </c>
    </row>
    <row r="2808" spans="1:3" x14ac:dyDescent="0.25">
      <c r="A2808" t="s">
        <v>18</v>
      </c>
      <c r="B2808">
        <v>28</v>
      </c>
      <c r="C2808">
        <v>0.64</v>
      </c>
    </row>
    <row r="2809" spans="1:3" x14ac:dyDescent="0.25">
      <c r="A2809" t="s">
        <v>18</v>
      </c>
      <c r="B2809">
        <v>28</v>
      </c>
      <c r="C2809">
        <v>0.63</v>
      </c>
    </row>
    <row r="2810" spans="1:3" x14ac:dyDescent="0.25">
      <c r="A2810" t="s">
        <v>18</v>
      </c>
      <c r="B2810">
        <v>28</v>
      </c>
      <c r="C2810">
        <v>0.46</v>
      </c>
    </row>
    <row r="2811" spans="1:3" x14ac:dyDescent="0.25">
      <c r="A2811" t="s">
        <v>18</v>
      </c>
      <c r="B2811">
        <v>28</v>
      </c>
      <c r="C2811">
        <v>0.48</v>
      </c>
    </row>
    <row r="2812" spans="1:3" x14ac:dyDescent="0.25">
      <c r="A2812" t="s">
        <v>18</v>
      </c>
      <c r="B2812">
        <v>28</v>
      </c>
      <c r="C2812">
        <v>0.47</v>
      </c>
    </row>
    <row r="2813" spans="1:3" x14ac:dyDescent="0.25">
      <c r="A2813" t="s">
        <v>18</v>
      </c>
      <c r="B2813">
        <v>28</v>
      </c>
      <c r="C2813">
        <v>0.56999999999999995</v>
      </c>
    </row>
    <row r="2814" spans="1:3" x14ac:dyDescent="0.25">
      <c r="A2814" t="s">
        <v>18</v>
      </c>
      <c r="B2814">
        <v>28</v>
      </c>
      <c r="C2814">
        <v>0.62</v>
      </c>
    </row>
    <row r="2815" spans="1:3" x14ac:dyDescent="0.25">
      <c r="A2815" t="s">
        <v>18</v>
      </c>
      <c r="B2815">
        <v>28</v>
      </c>
      <c r="C2815">
        <v>0.69</v>
      </c>
    </row>
    <row r="2816" spans="1:3" x14ac:dyDescent="0.25">
      <c r="A2816" t="s">
        <v>21</v>
      </c>
      <c r="B2816">
        <v>28</v>
      </c>
      <c r="C2816">
        <v>0.54</v>
      </c>
    </row>
    <row r="2817" spans="1:3" x14ac:dyDescent="0.25">
      <c r="A2817" t="s">
        <v>21</v>
      </c>
      <c r="B2817">
        <v>28</v>
      </c>
      <c r="C2817">
        <v>0.32</v>
      </c>
    </row>
    <row r="2818" spans="1:3" x14ac:dyDescent="0.25">
      <c r="A2818" t="s">
        <v>21</v>
      </c>
      <c r="B2818">
        <v>28</v>
      </c>
      <c r="C2818">
        <v>0.45</v>
      </c>
    </row>
    <row r="2819" spans="1:3" x14ac:dyDescent="0.25">
      <c r="A2819" t="s">
        <v>21</v>
      </c>
      <c r="B2819">
        <v>28</v>
      </c>
      <c r="C2819">
        <v>0.48</v>
      </c>
    </row>
    <row r="2820" spans="1:3" x14ac:dyDescent="0.25">
      <c r="A2820" t="s">
        <v>21</v>
      </c>
      <c r="B2820">
        <v>28</v>
      </c>
      <c r="C2820">
        <v>0.33</v>
      </c>
    </row>
    <row r="2821" spans="1:3" x14ac:dyDescent="0.25">
      <c r="A2821" t="s">
        <v>25</v>
      </c>
      <c r="B2821">
        <v>28</v>
      </c>
      <c r="C2821">
        <v>0.93</v>
      </c>
    </row>
    <row r="2822" spans="1:3" x14ac:dyDescent="0.25">
      <c r="A2822" t="s">
        <v>25</v>
      </c>
      <c r="B2822">
        <v>28</v>
      </c>
      <c r="C2822">
        <v>0.82</v>
      </c>
    </row>
    <row r="2823" spans="1:3" x14ac:dyDescent="0.25">
      <c r="A2823" t="s">
        <v>25</v>
      </c>
      <c r="B2823">
        <v>28</v>
      </c>
      <c r="C2823">
        <v>0.87</v>
      </c>
    </row>
    <row r="2824" spans="1:3" x14ac:dyDescent="0.25">
      <c r="A2824" t="s">
        <v>25</v>
      </c>
      <c r="B2824">
        <v>28</v>
      </c>
      <c r="C2824">
        <v>0.78</v>
      </c>
    </row>
    <row r="2825" spans="1:3" x14ac:dyDescent="0.25">
      <c r="A2825" t="s">
        <v>30</v>
      </c>
      <c r="B2825">
        <v>28</v>
      </c>
      <c r="C2825">
        <v>0.61</v>
      </c>
    </row>
    <row r="2826" spans="1:3" x14ac:dyDescent="0.25">
      <c r="A2826" t="s">
        <v>30</v>
      </c>
      <c r="B2826">
        <v>28</v>
      </c>
      <c r="C2826">
        <v>0.33</v>
      </c>
    </row>
    <row r="2827" spans="1:3" x14ac:dyDescent="0.25">
      <c r="A2827" t="s">
        <v>30</v>
      </c>
      <c r="B2827">
        <v>28</v>
      </c>
      <c r="C2827">
        <v>0.44</v>
      </c>
    </row>
    <row r="2828" spans="1:3" x14ac:dyDescent="0.25">
      <c r="A2828" t="s">
        <v>30</v>
      </c>
      <c r="B2828">
        <v>28</v>
      </c>
      <c r="C2828">
        <v>0.66</v>
      </c>
    </row>
    <row r="2829" spans="1:3" x14ac:dyDescent="0.25">
      <c r="A2829" t="s">
        <v>30</v>
      </c>
      <c r="B2829">
        <v>28</v>
      </c>
      <c r="C2829">
        <v>0.49</v>
      </c>
    </row>
    <row r="2830" spans="1:3" x14ac:dyDescent="0.25">
      <c r="A2830" t="s">
        <v>15</v>
      </c>
      <c r="B2830">
        <v>28</v>
      </c>
      <c r="C2830">
        <v>0.08</v>
      </c>
    </row>
    <row r="2831" spans="1:3" x14ac:dyDescent="0.25">
      <c r="A2831" t="s">
        <v>15</v>
      </c>
      <c r="B2831">
        <v>28</v>
      </c>
      <c r="C2831">
        <v>0.17</v>
      </c>
    </row>
    <row r="2832" spans="1:3" x14ac:dyDescent="0.25">
      <c r="A2832" t="s">
        <v>26</v>
      </c>
      <c r="B2832">
        <v>28</v>
      </c>
      <c r="C2832">
        <v>0.26</v>
      </c>
    </row>
    <row r="2833" spans="1:3" x14ac:dyDescent="0.25">
      <c r="A2833" t="s">
        <v>26</v>
      </c>
      <c r="B2833">
        <v>28</v>
      </c>
      <c r="C2833">
        <v>0.12</v>
      </c>
    </row>
    <row r="2834" spans="1:3" x14ac:dyDescent="0.25">
      <c r="A2834" t="s">
        <v>26</v>
      </c>
      <c r="B2834">
        <v>28</v>
      </c>
      <c r="C2834">
        <v>0.08</v>
      </c>
    </row>
    <row r="2835" spans="1:3" x14ac:dyDescent="0.25">
      <c r="A2835" t="s">
        <v>26</v>
      </c>
      <c r="B2835">
        <v>28</v>
      </c>
      <c r="C2835">
        <v>0.15</v>
      </c>
    </row>
    <row r="2836" spans="1:3" x14ac:dyDescent="0.25">
      <c r="A2836" t="s">
        <v>14</v>
      </c>
      <c r="B2836">
        <v>28</v>
      </c>
      <c r="C2836">
        <v>0.54</v>
      </c>
    </row>
    <row r="2837" spans="1:3" x14ac:dyDescent="0.25">
      <c r="A2837" t="s">
        <v>14</v>
      </c>
      <c r="B2837">
        <v>28</v>
      </c>
      <c r="C2837">
        <v>0.38</v>
      </c>
    </row>
    <row r="2838" spans="1:3" x14ac:dyDescent="0.25">
      <c r="A2838" t="s">
        <v>14</v>
      </c>
      <c r="B2838">
        <v>28</v>
      </c>
      <c r="C2838">
        <v>0.49</v>
      </c>
    </row>
    <row r="2839" spans="1:3" x14ac:dyDescent="0.25">
      <c r="A2839" t="s">
        <v>14</v>
      </c>
      <c r="B2839">
        <v>28</v>
      </c>
      <c r="C2839">
        <v>0.47</v>
      </c>
    </row>
    <row r="2840" spans="1:3" x14ac:dyDescent="0.25">
      <c r="A2840" t="s">
        <v>14</v>
      </c>
      <c r="B2840">
        <v>28</v>
      </c>
      <c r="C2840">
        <v>0.67</v>
      </c>
    </row>
    <row r="2841" spans="1:3" x14ac:dyDescent="0.25">
      <c r="A2841" t="s">
        <v>14</v>
      </c>
      <c r="B2841">
        <v>28</v>
      </c>
      <c r="C2841">
        <v>0.55000000000000004</v>
      </c>
    </row>
    <row r="2842" spans="1:3" x14ac:dyDescent="0.25">
      <c r="A2842" t="s">
        <v>14</v>
      </c>
      <c r="B2842">
        <v>28</v>
      </c>
      <c r="C2842">
        <v>0.48</v>
      </c>
    </row>
    <row r="2843" spans="1:3" x14ac:dyDescent="0.25">
      <c r="A2843" t="s">
        <v>28</v>
      </c>
      <c r="B2843">
        <v>28</v>
      </c>
      <c r="C2843">
        <v>0.43</v>
      </c>
    </row>
    <row r="2844" spans="1:3" x14ac:dyDescent="0.25">
      <c r="A2844" t="s">
        <v>28</v>
      </c>
      <c r="B2844">
        <v>28</v>
      </c>
      <c r="C2844">
        <v>0.4</v>
      </c>
    </row>
    <row r="2845" spans="1:3" x14ac:dyDescent="0.25">
      <c r="A2845" t="s">
        <v>28</v>
      </c>
      <c r="B2845">
        <v>28</v>
      </c>
      <c r="C2845">
        <v>0.62</v>
      </c>
    </row>
    <row r="2846" spans="1:3" x14ac:dyDescent="0.25">
      <c r="A2846" t="s">
        <v>28</v>
      </c>
      <c r="B2846">
        <v>28</v>
      </c>
      <c r="C2846">
        <v>0.62</v>
      </c>
    </row>
    <row r="2847" spans="1:3" x14ac:dyDescent="0.25">
      <c r="A2847" t="s">
        <v>16</v>
      </c>
      <c r="B2847">
        <v>28</v>
      </c>
      <c r="C2847">
        <v>0.46</v>
      </c>
    </row>
    <row r="2848" spans="1:3" x14ac:dyDescent="0.25">
      <c r="A2848" t="s">
        <v>16</v>
      </c>
      <c r="B2848">
        <v>28</v>
      </c>
      <c r="C2848">
        <v>0.52</v>
      </c>
    </row>
    <row r="2849" spans="1:3" x14ac:dyDescent="0.25">
      <c r="A2849" t="s">
        <v>16</v>
      </c>
      <c r="B2849">
        <v>28</v>
      </c>
      <c r="C2849">
        <v>0.52</v>
      </c>
    </row>
    <row r="2850" spans="1:3" x14ac:dyDescent="0.25">
      <c r="A2850" t="s">
        <v>16</v>
      </c>
      <c r="B2850">
        <v>28</v>
      </c>
      <c r="C2850">
        <v>0.42</v>
      </c>
    </row>
    <row r="2851" spans="1:3" x14ac:dyDescent="0.25">
      <c r="A2851" t="s">
        <v>16</v>
      </c>
      <c r="B2851">
        <v>28</v>
      </c>
      <c r="C2851">
        <v>0.52</v>
      </c>
    </row>
    <row r="2852" spans="1:3" x14ac:dyDescent="0.25">
      <c r="A2852" t="s">
        <v>16</v>
      </c>
      <c r="B2852">
        <v>28</v>
      </c>
      <c r="C2852">
        <v>0.36</v>
      </c>
    </row>
    <row r="2853" spans="1:3" x14ac:dyDescent="0.25">
      <c r="A2853" t="s">
        <v>16</v>
      </c>
      <c r="B2853">
        <v>28</v>
      </c>
      <c r="C2853">
        <v>0.31</v>
      </c>
    </row>
    <row r="2854" spans="1:3" x14ac:dyDescent="0.25">
      <c r="A2854" t="s">
        <v>16</v>
      </c>
      <c r="B2854">
        <v>28</v>
      </c>
      <c r="C2854">
        <v>0.53</v>
      </c>
    </row>
    <row r="2855" spans="1:3" x14ac:dyDescent="0.25">
      <c r="A2855" t="s">
        <v>16</v>
      </c>
      <c r="B2855">
        <v>28</v>
      </c>
      <c r="C2855">
        <v>0.39</v>
      </c>
    </row>
    <row r="2856" spans="1:3" x14ac:dyDescent="0.25">
      <c r="A2856" t="s">
        <v>16</v>
      </c>
      <c r="B2856">
        <v>28</v>
      </c>
      <c r="C2856">
        <v>0.45</v>
      </c>
    </row>
    <row r="2857" spans="1:3" x14ac:dyDescent="0.25">
      <c r="A2857" t="s">
        <v>16</v>
      </c>
      <c r="B2857">
        <v>28</v>
      </c>
      <c r="C2857">
        <v>0.36</v>
      </c>
    </row>
    <row r="2858" spans="1:3" x14ac:dyDescent="0.25">
      <c r="A2858" t="s">
        <v>13</v>
      </c>
      <c r="B2858">
        <v>28</v>
      </c>
      <c r="C2858">
        <v>0.37</v>
      </c>
    </row>
    <row r="2859" spans="1:3" x14ac:dyDescent="0.25">
      <c r="A2859" t="s">
        <v>13</v>
      </c>
      <c r="B2859">
        <v>28</v>
      </c>
      <c r="C2859">
        <v>0.41</v>
      </c>
    </row>
    <row r="2860" spans="1:3" x14ac:dyDescent="0.25">
      <c r="A2860" t="s">
        <v>17</v>
      </c>
      <c r="B2860">
        <v>28</v>
      </c>
      <c r="C2860">
        <v>0.06</v>
      </c>
    </row>
    <row r="2861" spans="1:3" x14ac:dyDescent="0.25">
      <c r="A2861" t="s">
        <v>17</v>
      </c>
      <c r="B2861">
        <v>28</v>
      </c>
      <c r="C2861">
        <v>0.06</v>
      </c>
    </row>
    <row r="2862" spans="1:3" x14ac:dyDescent="0.25">
      <c r="A2862" t="s">
        <v>17</v>
      </c>
      <c r="B2862">
        <v>28</v>
      </c>
      <c r="C2862">
        <v>0.24</v>
      </c>
    </row>
    <row r="2863" spans="1:3" x14ac:dyDescent="0.25">
      <c r="A2863" t="s">
        <v>17</v>
      </c>
      <c r="B2863">
        <v>28</v>
      </c>
      <c r="C2863">
        <v>0.09</v>
      </c>
    </row>
    <row r="2864" spans="1:3" x14ac:dyDescent="0.25">
      <c r="A2864" t="s">
        <v>17</v>
      </c>
      <c r="B2864">
        <v>28</v>
      </c>
      <c r="C2864">
        <v>0.12</v>
      </c>
    </row>
    <row r="2865" spans="1:3" x14ac:dyDescent="0.25">
      <c r="A2865" t="s">
        <v>17</v>
      </c>
      <c r="B2865">
        <v>28</v>
      </c>
      <c r="C2865">
        <v>0.23</v>
      </c>
    </row>
    <row r="2866" spans="1:3" x14ac:dyDescent="0.25">
      <c r="A2866" t="s">
        <v>17</v>
      </c>
      <c r="B2866">
        <v>28</v>
      </c>
      <c r="C2866">
        <v>0.28000000000000003</v>
      </c>
    </row>
    <row r="2867" spans="1:3" x14ac:dyDescent="0.25">
      <c r="A2867" t="s">
        <v>17</v>
      </c>
      <c r="B2867">
        <v>28</v>
      </c>
      <c r="C2867">
        <v>0.28000000000000003</v>
      </c>
    </row>
    <row r="2868" spans="1:3" x14ac:dyDescent="0.25">
      <c r="A2868" t="s">
        <v>17</v>
      </c>
      <c r="B2868">
        <v>28</v>
      </c>
      <c r="C2868">
        <v>0.22</v>
      </c>
    </row>
    <row r="2869" spans="1:3" x14ac:dyDescent="0.25">
      <c r="A2869" t="s">
        <v>17</v>
      </c>
      <c r="B2869">
        <v>28</v>
      </c>
      <c r="C2869">
        <v>0.21</v>
      </c>
    </row>
    <row r="2870" spans="1:3" x14ac:dyDescent="0.25">
      <c r="A2870" t="s">
        <v>27</v>
      </c>
      <c r="B2870">
        <v>28</v>
      </c>
      <c r="C2870">
        <v>0.81</v>
      </c>
    </row>
    <row r="2871" spans="1:3" x14ac:dyDescent="0.25">
      <c r="A2871" t="s">
        <v>27</v>
      </c>
      <c r="B2871">
        <v>28</v>
      </c>
      <c r="C2871">
        <v>0.75</v>
      </c>
    </row>
    <row r="2872" spans="1:3" x14ac:dyDescent="0.25">
      <c r="A2872" t="s">
        <v>27</v>
      </c>
      <c r="B2872">
        <v>28</v>
      </c>
      <c r="C2872">
        <v>0.71</v>
      </c>
    </row>
    <row r="2873" spans="1:3" x14ac:dyDescent="0.25">
      <c r="A2873" t="s">
        <v>27</v>
      </c>
      <c r="B2873">
        <v>28</v>
      </c>
      <c r="C2873">
        <v>0.81</v>
      </c>
    </row>
    <row r="2874" spans="1:3" x14ac:dyDescent="0.25">
      <c r="A2874" t="s">
        <v>27</v>
      </c>
      <c r="B2874">
        <v>28</v>
      </c>
      <c r="C2874">
        <v>0.77</v>
      </c>
    </row>
    <row r="2875" spans="1:3" x14ac:dyDescent="0.25">
      <c r="A2875" t="s">
        <v>27</v>
      </c>
      <c r="B2875">
        <v>28</v>
      </c>
      <c r="C2875">
        <v>0.75</v>
      </c>
    </row>
    <row r="2876" spans="1:3" x14ac:dyDescent="0.25">
      <c r="A2876" t="s">
        <v>9</v>
      </c>
      <c r="B2876">
        <v>28</v>
      </c>
      <c r="C2876">
        <v>0.16</v>
      </c>
    </row>
    <row r="2877" spans="1:3" x14ac:dyDescent="0.25">
      <c r="A2877" t="s">
        <v>9</v>
      </c>
      <c r="B2877">
        <v>28</v>
      </c>
      <c r="C2877">
        <v>0.1</v>
      </c>
    </row>
    <row r="2878" spans="1:3" x14ac:dyDescent="0.25">
      <c r="A2878" t="s">
        <v>20</v>
      </c>
      <c r="B2878">
        <v>28</v>
      </c>
      <c r="C2878">
        <v>0.36</v>
      </c>
    </row>
    <row r="2879" spans="1:3" x14ac:dyDescent="0.25">
      <c r="A2879" t="s">
        <v>20</v>
      </c>
      <c r="B2879">
        <v>28</v>
      </c>
      <c r="C2879">
        <v>0.54</v>
      </c>
    </row>
    <row r="2880" spans="1:3" x14ac:dyDescent="0.25">
      <c r="A2880" t="s">
        <v>20</v>
      </c>
      <c r="B2880">
        <v>28</v>
      </c>
      <c r="C2880">
        <v>0.55000000000000004</v>
      </c>
    </row>
    <row r="2881" spans="1:3" x14ac:dyDescent="0.25">
      <c r="A2881" t="s">
        <v>19</v>
      </c>
      <c r="B2881">
        <v>28</v>
      </c>
      <c r="C2881">
        <v>0.93</v>
      </c>
    </row>
    <row r="2882" spans="1:3" x14ac:dyDescent="0.25">
      <c r="A2882" t="s">
        <v>19</v>
      </c>
      <c r="B2882">
        <v>28</v>
      </c>
      <c r="C2882">
        <v>0.85</v>
      </c>
    </row>
    <row r="2883" spans="1:3" x14ac:dyDescent="0.25">
      <c r="A2883" t="s">
        <v>19</v>
      </c>
      <c r="B2883">
        <v>28</v>
      </c>
      <c r="C2883">
        <v>0.75</v>
      </c>
    </row>
    <row r="2884" spans="1:3" x14ac:dyDescent="0.25">
      <c r="A2884" t="s">
        <v>19</v>
      </c>
      <c r="B2884">
        <v>28</v>
      </c>
      <c r="C2884">
        <v>0.84</v>
      </c>
    </row>
    <row r="2885" spans="1:3" x14ac:dyDescent="0.25">
      <c r="A2885" t="s">
        <v>19</v>
      </c>
      <c r="B2885">
        <v>28</v>
      </c>
      <c r="C2885">
        <v>0.78</v>
      </c>
    </row>
    <row r="2886" spans="1:3" x14ac:dyDescent="0.25">
      <c r="A2886" t="s">
        <v>19</v>
      </c>
      <c r="B2886">
        <v>28</v>
      </c>
      <c r="C2886">
        <v>0.76</v>
      </c>
    </row>
    <row r="2887" spans="1:3" x14ac:dyDescent="0.25">
      <c r="A2887" t="s">
        <v>22</v>
      </c>
      <c r="B2887">
        <v>29</v>
      </c>
      <c r="C2887">
        <v>0.47</v>
      </c>
    </row>
    <row r="2888" spans="1:3" x14ac:dyDescent="0.25">
      <c r="A2888" t="s">
        <v>22</v>
      </c>
      <c r="B2888">
        <v>29</v>
      </c>
      <c r="C2888">
        <v>0.35</v>
      </c>
    </row>
    <row r="2889" spans="1:3" x14ac:dyDescent="0.25">
      <c r="A2889" t="s">
        <v>22</v>
      </c>
      <c r="B2889">
        <v>29</v>
      </c>
      <c r="C2889">
        <v>0.56999999999999995</v>
      </c>
    </row>
    <row r="2890" spans="1:3" x14ac:dyDescent="0.25">
      <c r="A2890" t="s">
        <v>22</v>
      </c>
      <c r="B2890">
        <v>29</v>
      </c>
      <c r="C2890">
        <v>0.47</v>
      </c>
    </row>
    <row r="2891" spans="1:3" x14ac:dyDescent="0.25">
      <c r="A2891" t="s">
        <v>22</v>
      </c>
      <c r="B2891">
        <v>29</v>
      </c>
      <c r="C2891">
        <v>0.56000000000000005</v>
      </c>
    </row>
    <row r="2892" spans="1:3" x14ac:dyDescent="0.25">
      <c r="A2892" t="s">
        <v>22</v>
      </c>
      <c r="B2892">
        <v>29</v>
      </c>
      <c r="C2892">
        <v>0.51</v>
      </c>
    </row>
    <row r="2893" spans="1:3" x14ac:dyDescent="0.25">
      <c r="A2893" t="s">
        <v>22</v>
      </c>
      <c r="B2893">
        <v>29</v>
      </c>
      <c r="C2893">
        <v>0.61</v>
      </c>
    </row>
    <row r="2894" spans="1:3" x14ac:dyDescent="0.25">
      <c r="A2894" t="s">
        <v>29</v>
      </c>
      <c r="B2894">
        <v>29</v>
      </c>
      <c r="C2894">
        <v>0.05</v>
      </c>
    </row>
    <row r="2895" spans="1:3" x14ac:dyDescent="0.25">
      <c r="A2895" t="s">
        <v>29</v>
      </c>
      <c r="B2895">
        <v>29</v>
      </c>
      <c r="C2895">
        <v>0.21</v>
      </c>
    </row>
    <row r="2896" spans="1:3" x14ac:dyDescent="0.25">
      <c r="A2896" t="s">
        <v>29</v>
      </c>
      <c r="B2896">
        <v>29</v>
      </c>
      <c r="C2896">
        <v>7.0000000000000007E-2</v>
      </c>
    </row>
    <row r="2897" spans="1:3" x14ac:dyDescent="0.25">
      <c r="A2897" t="s">
        <v>29</v>
      </c>
      <c r="B2897">
        <v>29</v>
      </c>
      <c r="C2897">
        <v>0.13</v>
      </c>
    </row>
    <row r="2898" spans="1:3" x14ac:dyDescent="0.25">
      <c r="A2898" t="s">
        <v>29</v>
      </c>
      <c r="B2898">
        <v>29</v>
      </c>
      <c r="C2898">
        <v>0.22</v>
      </c>
    </row>
    <row r="2899" spans="1:3" x14ac:dyDescent="0.25">
      <c r="A2899" t="s">
        <v>29</v>
      </c>
      <c r="B2899">
        <v>29</v>
      </c>
      <c r="C2899">
        <v>0.15</v>
      </c>
    </row>
    <row r="2900" spans="1:3" x14ac:dyDescent="0.25">
      <c r="A2900" t="s">
        <v>7</v>
      </c>
      <c r="B2900">
        <v>29</v>
      </c>
      <c r="C2900">
        <v>0.86</v>
      </c>
    </row>
    <row r="2901" spans="1:3" x14ac:dyDescent="0.25">
      <c r="A2901" t="s">
        <v>7</v>
      </c>
      <c r="B2901">
        <v>29</v>
      </c>
      <c r="C2901">
        <v>0.73</v>
      </c>
    </row>
    <row r="2902" spans="1:3" x14ac:dyDescent="0.25">
      <c r="A2902" t="s">
        <v>7</v>
      </c>
      <c r="B2902">
        <v>29</v>
      </c>
      <c r="C2902">
        <v>0.84</v>
      </c>
    </row>
    <row r="2903" spans="1:3" x14ac:dyDescent="0.25">
      <c r="A2903" t="s">
        <v>7</v>
      </c>
      <c r="B2903">
        <v>29</v>
      </c>
      <c r="C2903">
        <v>0.94</v>
      </c>
    </row>
    <row r="2904" spans="1:3" x14ac:dyDescent="0.25">
      <c r="A2904" t="s">
        <v>11</v>
      </c>
      <c r="B2904">
        <v>29</v>
      </c>
      <c r="C2904">
        <v>0.89</v>
      </c>
    </row>
    <row r="2905" spans="1:3" x14ac:dyDescent="0.25">
      <c r="A2905" t="s">
        <v>11</v>
      </c>
      <c r="B2905">
        <v>29</v>
      </c>
      <c r="C2905">
        <v>0.74</v>
      </c>
    </row>
    <row r="2906" spans="1:3" x14ac:dyDescent="0.25">
      <c r="A2906" t="s">
        <v>11</v>
      </c>
      <c r="B2906">
        <v>29</v>
      </c>
      <c r="C2906">
        <v>0.89</v>
      </c>
    </row>
    <row r="2907" spans="1:3" x14ac:dyDescent="0.25">
      <c r="A2907" t="s">
        <v>11</v>
      </c>
      <c r="B2907">
        <v>29</v>
      </c>
      <c r="C2907">
        <v>0.76</v>
      </c>
    </row>
    <row r="2908" spans="1:3" x14ac:dyDescent="0.25">
      <c r="A2908" t="s">
        <v>23</v>
      </c>
      <c r="B2908">
        <v>29</v>
      </c>
      <c r="C2908">
        <v>0.56000000000000005</v>
      </c>
    </row>
    <row r="2909" spans="1:3" x14ac:dyDescent="0.25">
      <c r="A2909" t="s">
        <v>23</v>
      </c>
      <c r="B2909">
        <v>29</v>
      </c>
      <c r="C2909">
        <v>0.7</v>
      </c>
    </row>
    <row r="2910" spans="1:3" x14ac:dyDescent="0.25">
      <c r="A2910" t="s">
        <v>23</v>
      </c>
      <c r="B2910">
        <v>29</v>
      </c>
      <c r="C2910">
        <v>0.6</v>
      </c>
    </row>
    <row r="2911" spans="1:3" x14ac:dyDescent="0.25">
      <c r="A2911" t="s">
        <v>23</v>
      </c>
      <c r="B2911">
        <v>29</v>
      </c>
      <c r="C2911">
        <v>0.7</v>
      </c>
    </row>
    <row r="2912" spans="1:3" x14ac:dyDescent="0.25">
      <c r="A2912" t="s">
        <v>23</v>
      </c>
      <c r="B2912">
        <v>29</v>
      </c>
      <c r="C2912">
        <v>0.68</v>
      </c>
    </row>
    <row r="2913" spans="1:3" x14ac:dyDescent="0.25">
      <c r="A2913" t="s">
        <v>23</v>
      </c>
      <c r="B2913">
        <v>29</v>
      </c>
      <c r="C2913">
        <v>0.42</v>
      </c>
    </row>
    <row r="2914" spans="1:3" x14ac:dyDescent="0.25">
      <c r="A2914" t="s">
        <v>23</v>
      </c>
      <c r="B2914">
        <v>29</v>
      </c>
      <c r="C2914">
        <v>0.52</v>
      </c>
    </row>
    <row r="2915" spans="1:3" x14ac:dyDescent="0.25">
      <c r="A2915" t="s">
        <v>18</v>
      </c>
      <c r="B2915">
        <v>29</v>
      </c>
      <c r="C2915">
        <v>0.54</v>
      </c>
    </row>
    <row r="2916" spans="1:3" x14ac:dyDescent="0.25">
      <c r="A2916" t="s">
        <v>18</v>
      </c>
      <c r="B2916">
        <v>29</v>
      </c>
      <c r="C2916">
        <v>0.43</v>
      </c>
    </row>
    <row r="2917" spans="1:3" x14ac:dyDescent="0.25">
      <c r="A2917" t="s">
        <v>18</v>
      </c>
      <c r="B2917">
        <v>29</v>
      </c>
      <c r="C2917">
        <v>0.51</v>
      </c>
    </row>
    <row r="2918" spans="1:3" x14ac:dyDescent="0.25">
      <c r="A2918" t="s">
        <v>18</v>
      </c>
      <c r="B2918">
        <v>29</v>
      </c>
      <c r="C2918">
        <v>0.52</v>
      </c>
    </row>
    <row r="2919" spans="1:3" x14ac:dyDescent="0.25">
      <c r="A2919" t="s">
        <v>18</v>
      </c>
      <c r="B2919">
        <v>29</v>
      </c>
      <c r="C2919">
        <v>0.56999999999999995</v>
      </c>
    </row>
    <row r="2920" spans="1:3" x14ac:dyDescent="0.25">
      <c r="A2920" t="s">
        <v>18</v>
      </c>
      <c r="B2920">
        <v>29</v>
      </c>
      <c r="C2920">
        <v>0.35</v>
      </c>
    </row>
    <row r="2921" spans="1:3" x14ac:dyDescent="0.25">
      <c r="A2921" t="s">
        <v>18</v>
      </c>
      <c r="B2921">
        <v>29</v>
      </c>
      <c r="C2921">
        <v>0.59</v>
      </c>
    </row>
    <row r="2922" spans="1:3" x14ac:dyDescent="0.25">
      <c r="A2922" t="s">
        <v>21</v>
      </c>
      <c r="B2922">
        <v>29</v>
      </c>
      <c r="C2922">
        <v>0.36</v>
      </c>
    </row>
    <row r="2923" spans="1:3" x14ac:dyDescent="0.25">
      <c r="A2923" t="s">
        <v>21</v>
      </c>
      <c r="B2923">
        <v>29</v>
      </c>
      <c r="C2923">
        <v>0.49</v>
      </c>
    </row>
    <row r="2924" spans="1:3" x14ac:dyDescent="0.25">
      <c r="A2924" t="s">
        <v>21</v>
      </c>
      <c r="B2924">
        <v>29</v>
      </c>
      <c r="C2924">
        <v>0.44</v>
      </c>
    </row>
    <row r="2925" spans="1:3" x14ac:dyDescent="0.25">
      <c r="A2925" t="s">
        <v>21</v>
      </c>
      <c r="B2925">
        <v>29</v>
      </c>
      <c r="C2925">
        <v>0.52</v>
      </c>
    </row>
    <row r="2926" spans="1:3" x14ac:dyDescent="0.25">
      <c r="A2926" t="s">
        <v>21</v>
      </c>
      <c r="B2926">
        <v>29</v>
      </c>
      <c r="C2926">
        <v>0.65</v>
      </c>
    </row>
    <row r="2927" spans="1:3" x14ac:dyDescent="0.25">
      <c r="A2927" t="s">
        <v>25</v>
      </c>
      <c r="B2927">
        <v>29</v>
      </c>
      <c r="C2927">
        <v>0.73</v>
      </c>
    </row>
    <row r="2928" spans="1:3" x14ac:dyDescent="0.25">
      <c r="A2928" t="s">
        <v>25</v>
      </c>
      <c r="B2928">
        <v>29</v>
      </c>
      <c r="C2928">
        <v>0.86</v>
      </c>
    </row>
    <row r="2929" spans="1:3" x14ac:dyDescent="0.25">
      <c r="A2929" t="s">
        <v>25</v>
      </c>
      <c r="B2929">
        <v>29</v>
      </c>
      <c r="C2929">
        <v>0.88</v>
      </c>
    </row>
    <row r="2930" spans="1:3" x14ac:dyDescent="0.25">
      <c r="A2930" t="s">
        <v>25</v>
      </c>
      <c r="B2930">
        <v>29</v>
      </c>
      <c r="C2930">
        <v>0.83</v>
      </c>
    </row>
    <row r="2931" spans="1:3" x14ac:dyDescent="0.25">
      <c r="A2931" t="s">
        <v>30</v>
      </c>
      <c r="B2931">
        <v>29</v>
      </c>
      <c r="C2931">
        <v>0.5</v>
      </c>
    </row>
    <row r="2932" spans="1:3" x14ac:dyDescent="0.25">
      <c r="A2932" t="s">
        <v>30</v>
      </c>
      <c r="B2932">
        <v>29</v>
      </c>
      <c r="C2932">
        <v>0.45</v>
      </c>
    </row>
    <row r="2933" spans="1:3" x14ac:dyDescent="0.25">
      <c r="A2933" t="s">
        <v>30</v>
      </c>
      <c r="B2933">
        <v>29</v>
      </c>
      <c r="C2933">
        <v>0.33</v>
      </c>
    </row>
    <row r="2934" spans="1:3" x14ac:dyDescent="0.25">
      <c r="A2934" t="s">
        <v>30</v>
      </c>
      <c r="B2934">
        <v>29</v>
      </c>
      <c r="C2934">
        <v>0.32</v>
      </c>
    </row>
    <row r="2935" spans="1:3" x14ac:dyDescent="0.25">
      <c r="A2935" t="s">
        <v>30</v>
      </c>
      <c r="B2935">
        <v>29</v>
      </c>
      <c r="C2935">
        <v>0.64</v>
      </c>
    </row>
    <row r="2936" spans="1:3" x14ac:dyDescent="0.25">
      <c r="A2936" t="s">
        <v>30</v>
      </c>
      <c r="B2936">
        <v>29</v>
      </c>
      <c r="C2936">
        <v>0.56999999999999995</v>
      </c>
    </row>
    <row r="2937" spans="1:3" x14ac:dyDescent="0.25">
      <c r="A2937" t="s">
        <v>30</v>
      </c>
      <c r="B2937">
        <v>29</v>
      </c>
      <c r="C2937">
        <v>0.33</v>
      </c>
    </row>
    <row r="2938" spans="1:3" x14ac:dyDescent="0.25">
      <c r="A2938" t="s">
        <v>15</v>
      </c>
      <c r="B2938">
        <v>29</v>
      </c>
      <c r="C2938">
        <v>0.18</v>
      </c>
    </row>
    <row r="2939" spans="1:3" x14ac:dyDescent="0.25">
      <c r="A2939" t="s">
        <v>15</v>
      </c>
      <c r="B2939">
        <v>29</v>
      </c>
      <c r="C2939">
        <v>0.13</v>
      </c>
    </row>
    <row r="2940" spans="1:3" x14ac:dyDescent="0.25">
      <c r="A2940" t="s">
        <v>26</v>
      </c>
      <c r="B2940">
        <v>29</v>
      </c>
      <c r="C2940">
        <v>0.1</v>
      </c>
    </row>
    <row r="2941" spans="1:3" x14ac:dyDescent="0.25">
      <c r="A2941" t="s">
        <v>26</v>
      </c>
      <c r="B2941">
        <v>29</v>
      </c>
      <c r="C2941">
        <v>0.15</v>
      </c>
    </row>
    <row r="2942" spans="1:3" x14ac:dyDescent="0.25">
      <c r="A2942" t="s">
        <v>26</v>
      </c>
      <c r="B2942">
        <v>29</v>
      </c>
      <c r="C2942">
        <v>0.12</v>
      </c>
    </row>
    <row r="2943" spans="1:3" x14ac:dyDescent="0.25">
      <c r="A2943" t="s">
        <v>26</v>
      </c>
      <c r="B2943">
        <v>29</v>
      </c>
      <c r="C2943">
        <v>0.22</v>
      </c>
    </row>
    <row r="2944" spans="1:3" x14ac:dyDescent="0.25">
      <c r="A2944" t="s">
        <v>26</v>
      </c>
      <c r="B2944">
        <v>29</v>
      </c>
      <c r="C2944">
        <v>0.26</v>
      </c>
    </row>
    <row r="2945" spans="1:3" x14ac:dyDescent="0.25">
      <c r="A2945" t="s">
        <v>14</v>
      </c>
      <c r="B2945">
        <v>29</v>
      </c>
      <c r="C2945">
        <v>0.53</v>
      </c>
    </row>
    <row r="2946" spans="1:3" x14ac:dyDescent="0.25">
      <c r="A2946" t="s">
        <v>14</v>
      </c>
      <c r="B2946">
        <v>29</v>
      </c>
      <c r="C2946">
        <v>0.56000000000000005</v>
      </c>
    </row>
    <row r="2947" spans="1:3" x14ac:dyDescent="0.25">
      <c r="A2947" t="s">
        <v>14</v>
      </c>
      <c r="B2947">
        <v>29</v>
      </c>
      <c r="C2947">
        <v>0.36</v>
      </c>
    </row>
    <row r="2948" spans="1:3" x14ac:dyDescent="0.25">
      <c r="A2948" t="s">
        <v>14</v>
      </c>
      <c r="B2948">
        <v>29</v>
      </c>
      <c r="C2948">
        <v>0.51</v>
      </c>
    </row>
    <row r="2949" spans="1:3" x14ac:dyDescent="0.25">
      <c r="A2949" t="s">
        <v>28</v>
      </c>
      <c r="B2949">
        <v>29</v>
      </c>
      <c r="C2949">
        <v>0.38</v>
      </c>
    </row>
    <row r="2950" spans="1:3" x14ac:dyDescent="0.25">
      <c r="A2950" t="s">
        <v>28</v>
      </c>
      <c r="B2950">
        <v>29</v>
      </c>
      <c r="C2950">
        <v>0.41</v>
      </c>
    </row>
    <row r="2951" spans="1:3" x14ac:dyDescent="0.25">
      <c r="A2951" t="s">
        <v>28</v>
      </c>
      <c r="B2951">
        <v>29</v>
      </c>
      <c r="C2951">
        <v>0.47</v>
      </c>
    </row>
    <row r="2952" spans="1:3" x14ac:dyDescent="0.25">
      <c r="A2952" t="s">
        <v>28</v>
      </c>
      <c r="B2952">
        <v>29</v>
      </c>
      <c r="C2952">
        <v>0.63</v>
      </c>
    </row>
    <row r="2953" spans="1:3" x14ac:dyDescent="0.25">
      <c r="A2953" t="s">
        <v>28</v>
      </c>
      <c r="B2953">
        <v>29</v>
      </c>
      <c r="C2953">
        <v>0.65</v>
      </c>
    </row>
    <row r="2954" spans="1:3" x14ac:dyDescent="0.25">
      <c r="A2954" t="s">
        <v>16</v>
      </c>
      <c r="B2954">
        <v>29</v>
      </c>
      <c r="C2954">
        <v>0.61</v>
      </c>
    </row>
    <row r="2955" spans="1:3" x14ac:dyDescent="0.25">
      <c r="A2955" t="s">
        <v>16</v>
      </c>
      <c r="B2955">
        <v>29</v>
      </c>
      <c r="C2955">
        <v>0.48</v>
      </c>
    </row>
    <row r="2956" spans="1:3" x14ac:dyDescent="0.25">
      <c r="A2956" t="s">
        <v>16</v>
      </c>
      <c r="B2956">
        <v>29</v>
      </c>
      <c r="C2956">
        <v>0.51</v>
      </c>
    </row>
    <row r="2957" spans="1:3" x14ac:dyDescent="0.25">
      <c r="A2957" t="s">
        <v>16</v>
      </c>
      <c r="B2957">
        <v>29</v>
      </c>
      <c r="C2957">
        <v>0.56000000000000005</v>
      </c>
    </row>
    <row r="2958" spans="1:3" x14ac:dyDescent="0.25">
      <c r="A2958" t="s">
        <v>16</v>
      </c>
      <c r="B2958">
        <v>29</v>
      </c>
      <c r="C2958">
        <v>0.61</v>
      </c>
    </row>
    <row r="2959" spans="1:3" x14ac:dyDescent="0.25">
      <c r="A2959" t="s">
        <v>13</v>
      </c>
      <c r="B2959">
        <v>29</v>
      </c>
      <c r="C2959">
        <v>0.7</v>
      </c>
    </row>
    <row r="2960" spans="1:3" x14ac:dyDescent="0.25">
      <c r="A2960" t="s">
        <v>13</v>
      </c>
      <c r="B2960">
        <v>29</v>
      </c>
      <c r="C2960">
        <v>0.55000000000000004</v>
      </c>
    </row>
    <row r="2961" spans="1:3" x14ac:dyDescent="0.25">
      <c r="A2961" t="s">
        <v>13</v>
      </c>
      <c r="B2961">
        <v>29</v>
      </c>
      <c r="C2961">
        <v>0.51</v>
      </c>
    </row>
    <row r="2962" spans="1:3" x14ac:dyDescent="0.25">
      <c r="A2962" t="s">
        <v>13</v>
      </c>
      <c r="B2962">
        <v>29</v>
      </c>
      <c r="C2962">
        <v>0.69</v>
      </c>
    </row>
    <row r="2963" spans="1:3" x14ac:dyDescent="0.25">
      <c r="A2963" t="s">
        <v>13</v>
      </c>
      <c r="B2963">
        <v>29</v>
      </c>
      <c r="C2963">
        <v>0.37</v>
      </c>
    </row>
    <row r="2964" spans="1:3" x14ac:dyDescent="0.25">
      <c r="A2964" t="s">
        <v>13</v>
      </c>
      <c r="B2964">
        <v>29</v>
      </c>
      <c r="C2964">
        <v>0.63</v>
      </c>
    </row>
    <row r="2965" spans="1:3" x14ac:dyDescent="0.25">
      <c r="A2965" t="s">
        <v>13</v>
      </c>
      <c r="B2965">
        <v>29</v>
      </c>
      <c r="C2965">
        <v>0.31</v>
      </c>
    </row>
    <row r="2966" spans="1:3" x14ac:dyDescent="0.25">
      <c r="A2966" t="s">
        <v>13</v>
      </c>
      <c r="B2966">
        <v>29</v>
      </c>
      <c r="C2966">
        <v>0.64</v>
      </c>
    </row>
    <row r="2967" spans="1:3" x14ac:dyDescent="0.25">
      <c r="A2967" t="s">
        <v>13</v>
      </c>
      <c r="B2967">
        <v>29</v>
      </c>
      <c r="C2967">
        <v>0.38</v>
      </c>
    </row>
    <row r="2968" spans="1:3" x14ac:dyDescent="0.25">
      <c r="A2968" t="s">
        <v>13</v>
      </c>
      <c r="B2968">
        <v>29</v>
      </c>
      <c r="C2968">
        <v>0.3</v>
      </c>
    </row>
    <row r="2969" spans="1:3" x14ac:dyDescent="0.25">
      <c r="A2969" t="s">
        <v>13</v>
      </c>
      <c r="B2969">
        <v>29</v>
      </c>
      <c r="C2969">
        <v>0.59</v>
      </c>
    </row>
    <row r="2970" spans="1:3" x14ac:dyDescent="0.25">
      <c r="A2970" t="s">
        <v>13</v>
      </c>
      <c r="B2970">
        <v>29</v>
      </c>
      <c r="C2970">
        <v>0.45</v>
      </c>
    </row>
    <row r="2971" spans="1:3" x14ac:dyDescent="0.25">
      <c r="A2971" t="s">
        <v>13</v>
      </c>
      <c r="B2971">
        <v>29</v>
      </c>
      <c r="C2971">
        <v>0.31</v>
      </c>
    </row>
    <row r="2972" spans="1:3" x14ac:dyDescent="0.25">
      <c r="A2972" t="s">
        <v>17</v>
      </c>
      <c r="B2972">
        <v>29</v>
      </c>
      <c r="C2972">
        <v>0.27</v>
      </c>
    </row>
    <row r="2973" spans="1:3" x14ac:dyDescent="0.25">
      <c r="A2973" t="s">
        <v>17</v>
      </c>
      <c r="B2973">
        <v>29</v>
      </c>
      <c r="C2973">
        <v>0.12</v>
      </c>
    </row>
    <row r="2974" spans="1:3" x14ac:dyDescent="0.25">
      <c r="A2974" t="s">
        <v>17</v>
      </c>
      <c r="B2974">
        <v>29</v>
      </c>
      <c r="C2974">
        <v>0.17</v>
      </c>
    </row>
    <row r="2975" spans="1:3" x14ac:dyDescent="0.25">
      <c r="A2975" t="s">
        <v>17</v>
      </c>
      <c r="B2975">
        <v>29</v>
      </c>
      <c r="C2975">
        <v>0.06</v>
      </c>
    </row>
    <row r="2976" spans="1:3" x14ac:dyDescent="0.25">
      <c r="A2976" t="s">
        <v>17</v>
      </c>
      <c r="B2976">
        <v>29</v>
      </c>
      <c r="C2976">
        <v>0.22</v>
      </c>
    </row>
    <row r="2977" spans="1:3" x14ac:dyDescent="0.25">
      <c r="A2977" t="s">
        <v>17</v>
      </c>
      <c r="B2977">
        <v>29</v>
      </c>
      <c r="C2977">
        <v>0.26</v>
      </c>
    </row>
    <row r="2978" spans="1:3" x14ac:dyDescent="0.25">
      <c r="A2978" t="s">
        <v>17</v>
      </c>
      <c r="B2978">
        <v>29</v>
      </c>
      <c r="C2978">
        <v>0.09</v>
      </c>
    </row>
    <row r="2979" spans="1:3" x14ac:dyDescent="0.25">
      <c r="A2979" t="s">
        <v>17</v>
      </c>
      <c r="B2979">
        <v>29</v>
      </c>
      <c r="C2979">
        <v>0.11</v>
      </c>
    </row>
    <row r="2980" spans="1:3" x14ac:dyDescent="0.25">
      <c r="A2980" t="s">
        <v>27</v>
      </c>
      <c r="B2980">
        <v>29</v>
      </c>
      <c r="C2980">
        <v>0.72</v>
      </c>
    </row>
    <row r="2981" spans="1:3" x14ac:dyDescent="0.25">
      <c r="A2981" t="s">
        <v>27</v>
      </c>
      <c r="B2981">
        <v>29</v>
      </c>
      <c r="C2981">
        <v>0.79</v>
      </c>
    </row>
    <row r="2982" spans="1:3" x14ac:dyDescent="0.25">
      <c r="A2982" t="s">
        <v>27</v>
      </c>
      <c r="B2982">
        <v>29</v>
      </c>
      <c r="C2982">
        <v>0.94</v>
      </c>
    </row>
    <row r="2983" spans="1:3" x14ac:dyDescent="0.25">
      <c r="A2983" t="s">
        <v>27</v>
      </c>
      <c r="B2983">
        <v>29</v>
      </c>
      <c r="C2983">
        <v>0.82</v>
      </c>
    </row>
    <row r="2984" spans="1:3" x14ac:dyDescent="0.25">
      <c r="A2984" t="s">
        <v>27</v>
      </c>
      <c r="B2984">
        <v>29</v>
      </c>
      <c r="C2984">
        <v>0.83</v>
      </c>
    </row>
    <row r="2985" spans="1:3" x14ac:dyDescent="0.25">
      <c r="A2985" t="s">
        <v>27</v>
      </c>
      <c r="B2985">
        <v>29</v>
      </c>
      <c r="C2985">
        <v>0.8</v>
      </c>
    </row>
    <row r="2986" spans="1:3" x14ac:dyDescent="0.25">
      <c r="A2986" t="s">
        <v>27</v>
      </c>
      <c r="B2986">
        <v>29</v>
      </c>
      <c r="C2986">
        <v>0.7</v>
      </c>
    </row>
    <row r="2987" spans="1:3" x14ac:dyDescent="0.25">
      <c r="A2987" t="s">
        <v>27</v>
      </c>
      <c r="B2987">
        <v>29</v>
      </c>
      <c r="C2987">
        <v>0.79</v>
      </c>
    </row>
    <row r="2988" spans="1:3" x14ac:dyDescent="0.25">
      <c r="A2988" t="s">
        <v>27</v>
      </c>
      <c r="B2988">
        <v>29</v>
      </c>
      <c r="C2988">
        <v>0.92</v>
      </c>
    </row>
    <row r="2989" spans="1:3" x14ac:dyDescent="0.25">
      <c r="A2989" t="s">
        <v>27</v>
      </c>
      <c r="B2989">
        <v>29</v>
      </c>
      <c r="C2989">
        <v>0.76</v>
      </c>
    </row>
    <row r="2990" spans="1:3" x14ac:dyDescent="0.25">
      <c r="A2990" t="s">
        <v>20</v>
      </c>
      <c r="B2990">
        <v>29</v>
      </c>
      <c r="C2990">
        <v>0.56000000000000005</v>
      </c>
    </row>
    <row r="2991" spans="1:3" x14ac:dyDescent="0.25">
      <c r="A2991" t="s">
        <v>20</v>
      </c>
      <c r="B2991">
        <v>29</v>
      </c>
      <c r="C2991">
        <v>0.39</v>
      </c>
    </row>
    <row r="2992" spans="1:3" x14ac:dyDescent="0.25">
      <c r="A2992" t="s">
        <v>20</v>
      </c>
      <c r="B2992">
        <v>29</v>
      </c>
      <c r="C2992">
        <v>0.46</v>
      </c>
    </row>
    <row r="2993" spans="1:3" x14ac:dyDescent="0.25">
      <c r="A2993" t="s">
        <v>20</v>
      </c>
      <c r="B2993">
        <v>29</v>
      </c>
      <c r="C2993">
        <v>0.44</v>
      </c>
    </row>
    <row r="2994" spans="1:3" x14ac:dyDescent="0.25">
      <c r="A2994" t="s">
        <v>20</v>
      </c>
      <c r="B2994">
        <v>29</v>
      </c>
      <c r="C2994">
        <v>0.55000000000000004</v>
      </c>
    </row>
    <row r="2995" spans="1:3" x14ac:dyDescent="0.25">
      <c r="A2995" t="s">
        <v>20</v>
      </c>
      <c r="B2995">
        <v>29</v>
      </c>
      <c r="C2995">
        <v>0.35</v>
      </c>
    </row>
    <row r="2996" spans="1:3" x14ac:dyDescent="0.25">
      <c r="A2996" t="s">
        <v>20</v>
      </c>
      <c r="B2996">
        <v>29</v>
      </c>
      <c r="C2996">
        <v>0.33</v>
      </c>
    </row>
    <row r="2997" spans="1:3" x14ac:dyDescent="0.25">
      <c r="A2997" t="s">
        <v>20</v>
      </c>
      <c r="B2997">
        <v>29</v>
      </c>
      <c r="C2997">
        <v>0.35</v>
      </c>
    </row>
    <row r="2998" spans="1:3" x14ac:dyDescent="0.25">
      <c r="A2998" t="s">
        <v>19</v>
      </c>
      <c r="B2998">
        <v>29</v>
      </c>
      <c r="C2998">
        <v>0.81</v>
      </c>
    </row>
    <row r="2999" spans="1:3" x14ac:dyDescent="0.25">
      <c r="A2999" t="s">
        <v>19</v>
      </c>
      <c r="B2999">
        <v>29</v>
      </c>
      <c r="C2999">
        <v>0.77</v>
      </c>
    </row>
    <row r="3000" spans="1:3" x14ac:dyDescent="0.25">
      <c r="A3000" t="s">
        <v>19</v>
      </c>
      <c r="B3000">
        <v>29</v>
      </c>
      <c r="C3000">
        <v>0.93</v>
      </c>
    </row>
    <row r="3001" spans="1:3" x14ac:dyDescent="0.25">
      <c r="A3001" t="s">
        <v>19</v>
      </c>
      <c r="B3001">
        <v>29</v>
      </c>
      <c r="C3001">
        <v>0.86</v>
      </c>
    </row>
  </sheetData>
  <sortState xmlns:xlrd2="http://schemas.microsoft.com/office/spreadsheetml/2017/richdata2" ref="A2:C3002">
    <sortCondition ref="B2:B3002"/>
  </sortState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665936-D98A-4569-A4C9-918394B37453}">
  <dimension ref="A1:O3001"/>
  <sheetViews>
    <sheetView workbookViewId="0">
      <selection activeCell="G27" sqref="G27"/>
    </sheetView>
  </sheetViews>
  <sheetFormatPr defaultRowHeight="15" x14ac:dyDescent="0.25"/>
  <cols>
    <col min="1" max="1" width="26.85546875" bestFit="1" customWidth="1"/>
    <col min="3" max="3" width="13.7109375" bestFit="1" customWidth="1"/>
    <col min="7" max="7" width="26.85546875" bestFit="1" customWidth="1"/>
    <col min="8" max="8" width="6.85546875" customWidth="1"/>
  </cols>
  <sheetData>
    <row r="1" spans="1:15" ht="15.75" thickBot="1" x14ac:dyDescent="0.3">
      <c r="A1" t="s">
        <v>0</v>
      </c>
      <c r="B1" t="s">
        <v>4</v>
      </c>
      <c r="C1" t="s">
        <v>6</v>
      </c>
      <c r="D1" t="s">
        <v>31</v>
      </c>
    </row>
    <row r="2" spans="1:15" x14ac:dyDescent="0.25">
      <c r="A2" t="s">
        <v>7</v>
      </c>
      <c r="B2">
        <v>0.18</v>
      </c>
      <c r="C2">
        <v>0.85</v>
      </c>
      <c r="D2">
        <f>VLOOKUP(A2,$G$2:$H$21,2)</f>
        <v>1</v>
      </c>
      <c r="G2" s="2" t="s">
        <v>22</v>
      </c>
      <c r="H2" s="3">
        <v>1</v>
      </c>
    </row>
    <row r="3" spans="1:15" x14ac:dyDescent="0.25">
      <c r="A3" t="s">
        <v>9</v>
      </c>
      <c r="B3">
        <v>0.62</v>
      </c>
      <c r="C3">
        <v>0.05</v>
      </c>
      <c r="D3">
        <f t="shared" ref="D3:D66" si="0">VLOOKUP(A3,$G$2:$H$21,2)</f>
        <v>3</v>
      </c>
      <c r="G3" s="4" t="s">
        <v>23</v>
      </c>
      <c r="H3" s="5">
        <v>1</v>
      </c>
      <c r="L3" t="s">
        <v>35</v>
      </c>
      <c r="M3" t="s">
        <v>34</v>
      </c>
      <c r="O3" t="s">
        <v>40</v>
      </c>
    </row>
    <row r="4" spans="1:15" x14ac:dyDescent="0.25">
      <c r="A4" t="s">
        <v>11</v>
      </c>
      <c r="B4">
        <v>0.86</v>
      </c>
      <c r="C4">
        <v>0.81</v>
      </c>
      <c r="D4">
        <f t="shared" si="0"/>
        <v>1</v>
      </c>
      <c r="G4" s="4" t="s">
        <v>15</v>
      </c>
      <c r="H4" s="5">
        <v>1</v>
      </c>
      <c r="K4">
        <v>1</v>
      </c>
      <c r="L4">
        <f>AVERAGEIF(D:D,K4,B:B)</f>
        <v>0.51150641025641064</v>
      </c>
      <c r="M4">
        <f>AVERAGEIF(D:D,K4,C:C)</f>
        <v>0.56266025641025719</v>
      </c>
      <c r="O4" t="s">
        <v>39</v>
      </c>
    </row>
    <row r="5" spans="1:15" x14ac:dyDescent="0.25">
      <c r="A5" t="s">
        <v>13</v>
      </c>
      <c r="B5">
        <v>0.39</v>
      </c>
      <c r="C5">
        <v>0.6</v>
      </c>
      <c r="D5">
        <f t="shared" si="0"/>
        <v>3</v>
      </c>
      <c r="G5" s="4" t="s">
        <v>13</v>
      </c>
      <c r="H5" s="5">
        <v>1</v>
      </c>
      <c r="K5">
        <v>2</v>
      </c>
      <c r="L5">
        <f t="shared" ref="L5:L6" si="1">AVERAGEIF(D:D,K5,B:B)</f>
        <v>0.50901515151515175</v>
      </c>
      <c r="M5">
        <f t="shared" ref="M5:M6" si="2">AVERAGEIF(D:D,K5,C:C)</f>
        <v>0.48643939393939412</v>
      </c>
      <c r="O5" t="s">
        <v>41</v>
      </c>
    </row>
    <row r="6" spans="1:15" x14ac:dyDescent="0.25">
      <c r="A6" t="s">
        <v>14</v>
      </c>
      <c r="B6">
        <v>0.52</v>
      </c>
      <c r="C6">
        <v>0.64</v>
      </c>
      <c r="D6">
        <f t="shared" si="0"/>
        <v>3</v>
      </c>
      <c r="G6" s="4" t="s">
        <v>9</v>
      </c>
      <c r="H6" s="5">
        <v>1</v>
      </c>
      <c r="K6">
        <v>3</v>
      </c>
      <c r="L6">
        <f t="shared" si="1"/>
        <v>0.49580227743271094</v>
      </c>
      <c r="M6">
        <f t="shared" si="2"/>
        <v>0.47290372670807479</v>
      </c>
      <c r="O6" t="s">
        <v>42</v>
      </c>
    </row>
    <row r="7" spans="1:15" x14ac:dyDescent="0.25">
      <c r="A7" t="s">
        <v>15</v>
      </c>
      <c r="B7">
        <v>0.28999999999999998</v>
      </c>
      <c r="C7">
        <v>0.1</v>
      </c>
      <c r="D7">
        <f t="shared" si="0"/>
        <v>3</v>
      </c>
      <c r="G7" s="4" t="s">
        <v>20</v>
      </c>
      <c r="H7" s="5">
        <v>1</v>
      </c>
    </row>
    <row r="8" spans="1:15" x14ac:dyDescent="0.25">
      <c r="A8" t="s">
        <v>16</v>
      </c>
      <c r="B8">
        <v>0.67</v>
      </c>
      <c r="C8">
        <v>0.41</v>
      </c>
      <c r="D8">
        <f t="shared" si="0"/>
        <v>3</v>
      </c>
      <c r="G8" s="4" t="s">
        <v>29</v>
      </c>
      <c r="H8" s="5">
        <v>2</v>
      </c>
    </row>
    <row r="9" spans="1:15" x14ac:dyDescent="0.25">
      <c r="A9" t="s">
        <v>17</v>
      </c>
      <c r="B9">
        <v>0.2</v>
      </c>
      <c r="C9">
        <v>0.17</v>
      </c>
      <c r="D9">
        <f t="shared" si="0"/>
        <v>3</v>
      </c>
      <c r="G9" s="4" t="s">
        <v>7</v>
      </c>
      <c r="H9" s="5">
        <v>2</v>
      </c>
    </row>
    <row r="10" spans="1:15" x14ac:dyDescent="0.25">
      <c r="A10" t="s">
        <v>18</v>
      </c>
      <c r="B10">
        <v>0.3</v>
      </c>
      <c r="C10">
        <v>0.48</v>
      </c>
      <c r="D10">
        <f t="shared" si="0"/>
        <v>1</v>
      </c>
      <c r="G10" s="4" t="s">
        <v>18</v>
      </c>
      <c r="H10" s="5">
        <v>2</v>
      </c>
    </row>
    <row r="11" spans="1:15" x14ac:dyDescent="0.25">
      <c r="A11" t="s">
        <v>19</v>
      </c>
      <c r="B11">
        <v>0.01</v>
      </c>
      <c r="C11">
        <v>0.8</v>
      </c>
      <c r="D11">
        <f t="shared" si="0"/>
        <v>3</v>
      </c>
      <c r="G11" s="4" t="s">
        <v>21</v>
      </c>
      <c r="H11" s="5">
        <v>2</v>
      </c>
    </row>
    <row r="12" spans="1:15" x14ac:dyDescent="0.25">
      <c r="A12" t="s">
        <v>20</v>
      </c>
      <c r="B12">
        <v>0.5</v>
      </c>
      <c r="C12">
        <v>0.41</v>
      </c>
      <c r="D12">
        <f t="shared" si="0"/>
        <v>3</v>
      </c>
      <c r="G12" s="4" t="s">
        <v>26</v>
      </c>
      <c r="H12" s="5">
        <v>2</v>
      </c>
    </row>
    <row r="13" spans="1:15" x14ac:dyDescent="0.25">
      <c r="A13" t="s">
        <v>14</v>
      </c>
      <c r="B13">
        <v>0.67</v>
      </c>
      <c r="C13">
        <v>0.4</v>
      </c>
      <c r="D13">
        <f t="shared" si="0"/>
        <v>3</v>
      </c>
      <c r="G13" s="4" t="s">
        <v>17</v>
      </c>
      <c r="H13" s="5">
        <v>2</v>
      </c>
    </row>
    <row r="14" spans="1:15" x14ac:dyDescent="0.25">
      <c r="A14" t="s">
        <v>21</v>
      </c>
      <c r="B14">
        <v>0.68</v>
      </c>
      <c r="C14">
        <v>0.5</v>
      </c>
      <c r="D14">
        <f t="shared" si="0"/>
        <v>2</v>
      </c>
      <c r="G14" s="4" t="s">
        <v>19</v>
      </c>
      <c r="H14" s="5">
        <v>2</v>
      </c>
    </row>
    <row r="15" spans="1:15" x14ac:dyDescent="0.25">
      <c r="A15" t="s">
        <v>22</v>
      </c>
      <c r="B15">
        <v>0.26</v>
      </c>
      <c r="C15">
        <v>0.63</v>
      </c>
      <c r="D15">
        <f t="shared" si="0"/>
        <v>1</v>
      </c>
      <c r="G15" s="4" t="s">
        <v>11</v>
      </c>
      <c r="H15" s="5">
        <v>3</v>
      </c>
    </row>
    <row r="16" spans="1:15" x14ac:dyDescent="0.25">
      <c r="A16" t="s">
        <v>9</v>
      </c>
      <c r="B16">
        <v>0.89</v>
      </c>
      <c r="C16">
        <v>0.21</v>
      </c>
      <c r="D16">
        <f t="shared" si="0"/>
        <v>3</v>
      </c>
      <c r="G16" s="4" t="s">
        <v>25</v>
      </c>
      <c r="H16" s="5">
        <v>3</v>
      </c>
    </row>
    <row r="17" spans="1:8" x14ac:dyDescent="0.25">
      <c r="A17" t="s">
        <v>23</v>
      </c>
      <c r="B17">
        <v>0.65</v>
      </c>
      <c r="C17">
        <v>0.57999999999999996</v>
      </c>
      <c r="D17">
        <f t="shared" si="0"/>
        <v>1</v>
      </c>
      <c r="G17" s="4" t="s">
        <v>30</v>
      </c>
      <c r="H17" s="5">
        <v>3</v>
      </c>
    </row>
    <row r="18" spans="1:8" x14ac:dyDescent="0.25">
      <c r="A18" t="s">
        <v>17</v>
      </c>
      <c r="B18">
        <v>0.97</v>
      </c>
      <c r="C18">
        <v>0.27</v>
      </c>
      <c r="D18">
        <f t="shared" si="0"/>
        <v>3</v>
      </c>
      <c r="G18" s="4" t="s">
        <v>14</v>
      </c>
      <c r="H18" s="5">
        <v>3</v>
      </c>
    </row>
    <row r="19" spans="1:8" x14ac:dyDescent="0.25">
      <c r="A19" t="s">
        <v>17</v>
      </c>
      <c r="B19">
        <v>0.94</v>
      </c>
      <c r="C19">
        <v>0.28000000000000003</v>
      </c>
      <c r="D19">
        <f t="shared" si="0"/>
        <v>3</v>
      </c>
      <c r="G19" s="4" t="s">
        <v>28</v>
      </c>
      <c r="H19" s="5">
        <v>3</v>
      </c>
    </row>
    <row r="20" spans="1:8" x14ac:dyDescent="0.25">
      <c r="A20" t="s">
        <v>25</v>
      </c>
      <c r="B20">
        <v>0.17</v>
      </c>
      <c r="C20">
        <v>0.93</v>
      </c>
      <c r="D20">
        <f t="shared" si="0"/>
        <v>3</v>
      </c>
      <c r="G20" s="4" t="s">
        <v>16</v>
      </c>
      <c r="H20" s="5">
        <v>3</v>
      </c>
    </row>
    <row r="21" spans="1:8" ht="15.75" thickBot="1" x14ac:dyDescent="0.3">
      <c r="A21" t="s">
        <v>26</v>
      </c>
      <c r="B21">
        <v>0.55000000000000004</v>
      </c>
      <c r="C21">
        <v>0.15</v>
      </c>
      <c r="D21">
        <f t="shared" si="0"/>
        <v>3</v>
      </c>
      <c r="G21" s="6" t="s">
        <v>27</v>
      </c>
      <c r="H21" s="7">
        <v>3</v>
      </c>
    </row>
    <row r="22" spans="1:8" x14ac:dyDescent="0.25">
      <c r="A22" t="s">
        <v>15</v>
      </c>
      <c r="B22">
        <v>0.09</v>
      </c>
      <c r="C22">
        <v>0.06</v>
      </c>
      <c r="D22">
        <f t="shared" si="0"/>
        <v>3</v>
      </c>
    </row>
    <row r="23" spans="1:8" x14ac:dyDescent="0.25">
      <c r="A23" t="s">
        <v>18</v>
      </c>
      <c r="B23">
        <v>0.22</v>
      </c>
      <c r="C23">
        <v>0.33</v>
      </c>
      <c r="D23">
        <f t="shared" si="0"/>
        <v>1</v>
      </c>
    </row>
    <row r="24" spans="1:8" x14ac:dyDescent="0.25">
      <c r="A24" t="s">
        <v>17</v>
      </c>
      <c r="B24">
        <v>0.08</v>
      </c>
      <c r="C24">
        <v>0.28999999999999998</v>
      </c>
      <c r="D24">
        <f t="shared" si="0"/>
        <v>3</v>
      </c>
    </row>
    <row r="25" spans="1:8" x14ac:dyDescent="0.25">
      <c r="A25" t="s">
        <v>14</v>
      </c>
      <c r="B25">
        <v>0.74</v>
      </c>
      <c r="C25">
        <v>0.54</v>
      </c>
      <c r="D25">
        <f t="shared" si="0"/>
        <v>3</v>
      </c>
    </row>
    <row r="26" spans="1:8" x14ac:dyDescent="0.25">
      <c r="A26" t="s">
        <v>15</v>
      </c>
      <c r="B26">
        <v>0.1</v>
      </c>
      <c r="C26">
        <v>0.17</v>
      </c>
      <c r="D26">
        <f t="shared" si="0"/>
        <v>3</v>
      </c>
    </row>
    <row r="27" spans="1:8" x14ac:dyDescent="0.25">
      <c r="A27" t="s">
        <v>13</v>
      </c>
      <c r="B27">
        <v>0.16</v>
      </c>
      <c r="C27">
        <v>0.56000000000000005</v>
      </c>
      <c r="D27">
        <f t="shared" si="0"/>
        <v>3</v>
      </c>
    </row>
    <row r="28" spans="1:8" x14ac:dyDescent="0.25">
      <c r="A28" t="s">
        <v>16</v>
      </c>
      <c r="B28">
        <v>0.91</v>
      </c>
      <c r="C28">
        <v>0.33</v>
      </c>
      <c r="D28">
        <f t="shared" si="0"/>
        <v>3</v>
      </c>
    </row>
    <row r="29" spans="1:8" x14ac:dyDescent="0.25">
      <c r="A29" t="s">
        <v>19</v>
      </c>
      <c r="B29">
        <v>0.7</v>
      </c>
      <c r="C29">
        <v>0.92</v>
      </c>
      <c r="D29">
        <f t="shared" si="0"/>
        <v>3</v>
      </c>
    </row>
    <row r="30" spans="1:8" x14ac:dyDescent="0.25">
      <c r="A30" t="s">
        <v>18</v>
      </c>
      <c r="B30">
        <v>0.93</v>
      </c>
      <c r="C30">
        <v>0.47</v>
      </c>
      <c r="D30">
        <f t="shared" si="0"/>
        <v>1</v>
      </c>
    </row>
    <row r="31" spans="1:8" x14ac:dyDescent="0.25">
      <c r="A31" t="s">
        <v>18</v>
      </c>
      <c r="B31">
        <v>0.09</v>
      </c>
      <c r="C31">
        <v>0.68</v>
      </c>
      <c r="D31">
        <f t="shared" si="0"/>
        <v>1</v>
      </c>
    </row>
    <row r="32" spans="1:8" x14ac:dyDescent="0.25">
      <c r="A32" t="s">
        <v>17</v>
      </c>
      <c r="B32">
        <v>0.49</v>
      </c>
      <c r="C32">
        <v>0.19</v>
      </c>
      <c r="D32">
        <f t="shared" si="0"/>
        <v>3</v>
      </c>
    </row>
    <row r="33" spans="1:4" x14ac:dyDescent="0.25">
      <c r="A33" t="s">
        <v>25</v>
      </c>
      <c r="B33">
        <v>0.82</v>
      </c>
      <c r="C33">
        <v>0.72</v>
      </c>
      <c r="D33">
        <f t="shared" si="0"/>
        <v>3</v>
      </c>
    </row>
    <row r="34" spans="1:4" x14ac:dyDescent="0.25">
      <c r="A34" t="s">
        <v>25</v>
      </c>
      <c r="B34">
        <v>0.56000000000000005</v>
      </c>
      <c r="C34">
        <v>0.93</v>
      </c>
      <c r="D34">
        <f t="shared" si="0"/>
        <v>3</v>
      </c>
    </row>
    <row r="35" spans="1:4" x14ac:dyDescent="0.25">
      <c r="A35" t="s">
        <v>27</v>
      </c>
      <c r="B35">
        <v>0.37</v>
      </c>
      <c r="C35">
        <v>0.92</v>
      </c>
      <c r="D35">
        <f t="shared" si="0"/>
        <v>3</v>
      </c>
    </row>
    <row r="36" spans="1:4" x14ac:dyDescent="0.25">
      <c r="A36" t="s">
        <v>17</v>
      </c>
      <c r="B36">
        <v>0.52</v>
      </c>
      <c r="C36">
        <v>0.22</v>
      </c>
      <c r="D36">
        <f t="shared" si="0"/>
        <v>3</v>
      </c>
    </row>
    <row r="37" spans="1:4" x14ac:dyDescent="0.25">
      <c r="A37" t="s">
        <v>16</v>
      </c>
      <c r="B37">
        <v>0.19</v>
      </c>
      <c r="C37">
        <v>0.44</v>
      </c>
      <c r="D37">
        <f t="shared" si="0"/>
        <v>3</v>
      </c>
    </row>
    <row r="38" spans="1:4" x14ac:dyDescent="0.25">
      <c r="A38" t="s">
        <v>16</v>
      </c>
      <c r="B38">
        <v>0.82</v>
      </c>
      <c r="C38">
        <v>0.59</v>
      </c>
      <c r="D38">
        <f t="shared" si="0"/>
        <v>3</v>
      </c>
    </row>
    <row r="39" spans="1:4" x14ac:dyDescent="0.25">
      <c r="A39" t="s">
        <v>19</v>
      </c>
      <c r="B39">
        <v>0.38</v>
      </c>
      <c r="C39">
        <v>0.91</v>
      </c>
      <c r="D39">
        <f t="shared" si="0"/>
        <v>3</v>
      </c>
    </row>
    <row r="40" spans="1:4" x14ac:dyDescent="0.25">
      <c r="A40" t="s">
        <v>28</v>
      </c>
      <c r="B40">
        <v>0.94</v>
      </c>
      <c r="C40">
        <v>0.4</v>
      </c>
      <c r="D40">
        <f t="shared" si="0"/>
        <v>3</v>
      </c>
    </row>
    <row r="41" spans="1:4" x14ac:dyDescent="0.25">
      <c r="A41" t="s">
        <v>25</v>
      </c>
      <c r="B41">
        <v>0.77</v>
      </c>
      <c r="C41">
        <v>0.91</v>
      </c>
      <c r="D41">
        <f t="shared" si="0"/>
        <v>3</v>
      </c>
    </row>
    <row r="42" spans="1:4" x14ac:dyDescent="0.25">
      <c r="A42" t="s">
        <v>23</v>
      </c>
      <c r="B42">
        <v>0.98</v>
      </c>
      <c r="C42">
        <v>0.55000000000000004</v>
      </c>
      <c r="D42">
        <f t="shared" si="0"/>
        <v>1</v>
      </c>
    </row>
    <row r="43" spans="1:4" x14ac:dyDescent="0.25">
      <c r="A43" t="s">
        <v>26</v>
      </c>
      <c r="B43">
        <v>0.84</v>
      </c>
      <c r="C43">
        <v>7.0000000000000007E-2</v>
      </c>
      <c r="D43">
        <f t="shared" si="0"/>
        <v>3</v>
      </c>
    </row>
    <row r="44" spans="1:4" x14ac:dyDescent="0.25">
      <c r="A44" t="s">
        <v>9</v>
      </c>
      <c r="B44">
        <v>0.18</v>
      </c>
      <c r="C44">
        <v>0.15</v>
      </c>
      <c r="D44">
        <f t="shared" si="0"/>
        <v>3</v>
      </c>
    </row>
    <row r="45" spans="1:4" x14ac:dyDescent="0.25">
      <c r="A45" t="s">
        <v>11</v>
      </c>
      <c r="B45">
        <v>0.21</v>
      </c>
      <c r="C45">
        <v>0.83</v>
      </c>
      <c r="D45">
        <f t="shared" si="0"/>
        <v>1</v>
      </c>
    </row>
    <row r="46" spans="1:4" x14ac:dyDescent="0.25">
      <c r="A46" t="s">
        <v>19</v>
      </c>
      <c r="B46">
        <v>0.99</v>
      </c>
      <c r="C46">
        <v>0.93</v>
      </c>
      <c r="D46">
        <f t="shared" si="0"/>
        <v>3</v>
      </c>
    </row>
    <row r="47" spans="1:4" x14ac:dyDescent="0.25">
      <c r="A47" t="s">
        <v>22</v>
      </c>
      <c r="B47">
        <v>0.87</v>
      </c>
      <c r="C47">
        <v>0.46</v>
      </c>
      <c r="D47">
        <f t="shared" si="0"/>
        <v>1</v>
      </c>
    </row>
    <row r="48" spans="1:4" x14ac:dyDescent="0.25">
      <c r="A48" t="s">
        <v>11</v>
      </c>
      <c r="B48">
        <v>0.65</v>
      </c>
      <c r="C48">
        <v>0.85</v>
      </c>
      <c r="D48">
        <f t="shared" si="0"/>
        <v>1</v>
      </c>
    </row>
    <row r="49" spans="1:4" x14ac:dyDescent="0.25">
      <c r="A49" t="s">
        <v>17</v>
      </c>
      <c r="B49">
        <v>0.93</v>
      </c>
      <c r="C49">
        <v>0.11</v>
      </c>
      <c r="D49">
        <f t="shared" si="0"/>
        <v>3</v>
      </c>
    </row>
    <row r="50" spans="1:4" x14ac:dyDescent="0.25">
      <c r="A50" t="s">
        <v>20</v>
      </c>
      <c r="B50">
        <v>0.4</v>
      </c>
      <c r="C50">
        <v>0.65</v>
      </c>
      <c r="D50">
        <f t="shared" si="0"/>
        <v>3</v>
      </c>
    </row>
    <row r="51" spans="1:4" x14ac:dyDescent="0.25">
      <c r="A51" t="s">
        <v>25</v>
      </c>
      <c r="B51">
        <v>0.43</v>
      </c>
      <c r="C51">
        <v>0.76</v>
      </c>
      <c r="D51">
        <f t="shared" si="0"/>
        <v>3</v>
      </c>
    </row>
    <row r="52" spans="1:4" x14ac:dyDescent="0.25">
      <c r="A52" t="s">
        <v>7</v>
      </c>
      <c r="B52">
        <v>0.99</v>
      </c>
      <c r="C52">
        <v>0.9</v>
      </c>
      <c r="D52">
        <f t="shared" si="0"/>
        <v>1</v>
      </c>
    </row>
    <row r="53" spans="1:4" x14ac:dyDescent="0.25">
      <c r="A53" t="s">
        <v>15</v>
      </c>
      <c r="B53">
        <v>0.99</v>
      </c>
      <c r="C53">
        <v>0.14000000000000001</v>
      </c>
      <c r="D53">
        <f t="shared" si="0"/>
        <v>3</v>
      </c>
    </row>
    <row r="54" spans="1:4" x14ac:dyDescent="0.25">
      <c r="A54" t="s">
        <v>15</v>
      </c>
      <c r="B54">
        <v>0.91</v>
      </c>
      <c r="C54">
        <v>0.2</v>
      </c>
      <c r="D54">
        <f t="shared" si="0"/>
        <v>3</v>
      </c>
    </row>
    <row r="55" spans="1:4" x14ac:dyDescent="0.25">
      <c r="A55" t="s">
        <v>20</v>
      </c>
      <c r="B55">
        <v>7.0000000000000007E-2</v>
      </c>
      <c r="C55">
        <v>0.52</v>
      </c>
      <c r="D55">
        <f t="shared" si="0"/>
        <v>3</v>
      </c>
    </row>
    <row r="56" spans="1:4" x14ac:dyDescent="0.25">
      <c r="A56" t="s">
        <v>19</v>
      </c>
      <c r="B56">
        <v>0.71</v>
      </c>
      <c r="C56">
        <v>0.74</v>
      </c>
      <c r="D56">
        <f t="shared" si="0"/>
        <v>3</v>
      </c>
    </row>
    <row r="57" spans="1:4" x14ac:dyDescent="0.25">
      <c r="A57" t="s">
        <v>22</v>
      </c>
      <c r="B57">
        <v>0.49</v>
      </c>
      <c r="C57">
        <v>0.61</v>
      </c>
      <c r="D57">
        <f t="shared" si="0"/>
        <v>1</v>
      </c>
    </row>
    <row r="58" spans="1:4" x14ac:dyDescent="0.25">
      <c r="A58" t="s">
        <v>23</v>
      </c>
      <c r="B58">
        <v>0.61</v>
      </c>
      <c r="C58">
        <v>0.36</v>
      </c>
      <c r="D58">
        <f t="shared" si="0"/>
        <v>1</v>
      </c>
    </row>
    <row r="59" spans="1:4" x14ac:dyDescent="0.25">
      <c r="A59" t="s">
        <v>26</v>
      </c>
      <c r="B59">
        <v>7.0000000000000007E-2</v>
      </c>
      <c r="C59">
        <v>0.08</v>
      </c>
      <c r="D59">
        <f t="shared" si="0"/>
        <v>3</v>
      </c>
    </row>
    <row r="60" spans="1:4" x14ac:dyDescent="0.25">
      <c r="A60" t="s">
        <v>16</v>
      </c>
      <c r="B60">
        <v>0.38</v>
      </c>
      <c r="C60">
        <v>0.38</v>
      </c>
      <c r="D60">
        <f t="shared" si="0"/>
        <v>3</v>
      </c>
    </row>
    <row r="61" spans="1:4" x14ac:dyDescent="0.25">
      <c r="A61" t="s">
        <v>9</v>
      </c>
      <c r="B61">
        <v>0.91</v>
      </c>
      <c r="C61">
        <v>0.19</v>
      </c>
      <c r="D61">
        <f t="shared" si="0"/>
        <v>3</v>
      </c>
    </row>
    <row r="62" spans="1:4" x14ac:dyDescent="0.25">
      <c r="A62" t="s">
        <v>14</v>
      </c>
      <c r="B62">
        <v>0.86</v>
      </c>
      <c r="C62">
        <v>0.37</v>
      </c>
      <c r="D62">
        <f t="shared" si="0"/>
        <v>3</v>
      </c>
    </row>
    <row r="63" spans="1:4" x14ac:dyDescent="0.25">
      <c r="A63" t="s">
        <v>20</v>
      </c>
      <c r="B63">
        <v>0.28999999999999998</v>
      </c>
      <c r="C63">
        <v>0.51</v>
      </c>
      <c r="D63">
        <f t="shared" si="0"/>
        <v>3</v>
      </c>
    </row>
    <row r="64" spans="1:4" x14ac:dyDescent="0.25">
      <c r="A64" t="s">
        <v>20</v>
      </c>
      <c r="B64">
        <v>0.03</v>
      </c>
      <c r="C64">
        <v>0.59</v>
      </c>
      <c r="D64">
        <f t="shared" si="0"/>
        <v>3</v>
      </c>
    </row>
    <row r="65" spans="1:4" x14ac:dyDescent="0.25">
      <c r="A65" t="s">
        <v>7</v>
      </c>
      <c r="B65">
        <v>0.1</v>
      </c>
      <c r="C65">
        <v>0.88</v>
      </c>
      <c r="D65">
        <f t="shared" si="0"/>
        <v>1</v>
      </c>
    </row>
    <row r="66" spans="1:4" x14ac:dyDescent="0.25">
      <c r="A66" t="s">
        <v>7</v>
      </c>
      <c r="B66">
        <v>0.18</v>
      </c>
      <c r="C66">
        <v>0.81</v>
      </c>
      <c r="D66">
        <f t="shared" si="0"/>
        <v>1</v>
      </c>
    </row>
    <row r="67" spans="1:4" x14ac:dyDescent="0.25">
      <c r="A67" t="s">
        <v>29</v>
      </c>
      <c r="B67">
        <v>0.22</v>
      </c>
      <c r="C67">
        <v>0.24</v>
      </c>
      <c r="D67">
        <f t="shared" ref="D67:D130" si="3">VLOOKUP(A67,$G$2:$H$21,2)</f>
        <v>1</v>
      </c>
    </row>
    <row r="68" spans="1:4" x14ac:dyDescent="0.25">
      <c r="A68" t="s">
        <v>23</v>
      </c>
      <c r="B68">
        <v>0.65</v>
      </c>
      <c r="C68">
        <v>0.35</v>
      </c>
      <c r="D68">
        <f t="shared" si="3"/>
        <v>1</v>
      </c>
    </row>
    <row r="69" spans="1:4" x14ac:dyDescent="0.25">
      <c r="A69" t="s">
        <v>15</v>
      </c>
      <c r="B69">
        <v>0.11</v>
      </c>
      <c r="C69">
        <v>0.12</v>
      </c>
      <c r="D69">
        <f t="shared" si="3"/>
        <v>3</v>
      </c>
    </row>
    <row r="70" spans="1:4" x14ac:dyDescent="0.25">
      <c r="A70" t="s">
        <v>28</v>
      </c>
      <c r="B70">
        <v>0.96</v>
      </c>
      <c r="C70">
        <v>0.34</v>
      </c>
      <c r="D70">
        <f t="shared" si="3"/>
        <v>3</v>
      </c>
    </row>
    <row r="71" spans="1:4" x14ac:dyDescent="0.25">
      <c r="A71" t="s">
        <v>22</v>
      </c>
      <c r="B71">
        <v>0.48</v>
      </c>
      <c r="C71">
        <v>0.52</v>
      </c>
      <c r="D71">
        <f t="shared" si="3"/>
        <v>1</v>
      </c>
    </row>
    <row r="72" spans="1:4" x14ac:dyDescent="0.25">
      <c r="A72" t="s">
        <v>30</v>
      </c>
      <c r="B72">
        <v>0.6</v>
      </c>
      <c r="C72">
        <v>0.33</v>
      </c>
      <c r="D72">
        <f t="shared" si="3"/>
        <v>3</v>
      </c>
    </row>
    <row r="73" spans="1:4" x14ac:dyDescent="0.25">
      <c r="A73" t="s">
        <v>30</v>
      </c>
      <c r="B73">
        <v>0.54</v>
      </c>
      <c r="C73">
        <v>0.59</v>
      </c>
      <c r="D73">
        <f t="shared" si="3"/>
        <v>3</v>
      </c>
    </row>
    <row r="74" spans="1:4" x14ac:dyDescent="0.25">
      <c r="A74" t="s">
        <v>11</v>
      </c>
      <c r="B74">
        <v>0.93</v>
      </c>
      <c r="C74">
        <v>0.84</v>
      </c>
      <c r="D74">
        <f t="shared" si="3"/>
        <v>1</v>
      </c>
    </row>
    <row r="75" spans="1:4" x14ac:dyDescent="0.25">
      <c r="A75" t="s">
        <v>9</v>
      </c>
      <c r="B75">
        <v>0.83</v>
      </c>
      <c r="C75">
        <v>0.2</v>
      </c>
      <c r="D75">
        <f t="shared" si="3"/>
        <v>3</v>
      </c>
    </row>
    <row r="76" spans="1:4" x14ac:dyDescent="0.25">
      <c r="A76" t="s">
        <v>19</v>
      </c>
      <c r="B76">
        <v>0.63</v>
      </c>
      <c r="C76">
        <v>0.85</v>
      </c>
      <c r="D76">
        <f t="shared" si="3"/>
        <v>3</v>
      </c>
    </row>
    <row r="77" spans="1:4" x14ac:dyDescent="0.25">
      <c r="A77" t="s">
        <v>16</v>
      </c>
      <c r="B77">
        <v>0.4</v>
      </c>
      <c r="C77">
        <v>0.55000000000000004</v>
      </c>
      <c r="D77">
        <f t="shared" si="3"/>
        <v>3</v>
      </c>
    </row>
    <row r="78" spans="1:4" x14ac:dyDescent="0.25">
      <c r="A78" t="s">
        <v>22</v>
      </c>
      <c r="B78">
        <v>0.23</v>
      </c>
      <c r="C78">
        <v>0.31</v>
      </c>
      <c r="D78">
        <f t="shared" si="3"/>
        <v>1</v>
      </c>
    </row>
    <row r="79" spans="1:4" x14ac:dyDescent="0.25">
      <c r="A79" t="s">
        <v>13</v>
      </c>
      <c r="B79">
        <v>0.61</v>
      </c>
      <c r="C79">
        <v>0.7</v>
      </c>
      <c r="D79">
        <f t="shared" si="3"/>
        <v>3</v>
      </c>
    </row>
    <row r="80" spans="1:4" x14ac:dyDescent="0.25">
      <c r="A80" t="s">
        <v>9</v>
      </c>
      <c r="B80">
        <v>0.06</v>
      </c>
      <c r="C80">
        <v>0.27</v>
      </c>
      <c r="D80">
        <f t="shared" si="3"/>
        <v>3</v>
      </c>
    </row>
    <row r="81" spans="1:4" x14ac:dyDescent="0.25">
      <c r="A81" t="s">
        <v>14</v>
      </c>
      <c r="B81">
        <v>0.59</v>
      </c>
      <c r="C81">
        <v>0.34</v>
      </c>
      <c r="D81">
        <f t="shared" si="3"/>
        <v>3</v>
      </c>
    </row>
    <row r="82" spans="1:4" x14ac:dyDescent="0.25">
      <c r="A82" t="s">
        <v>30</v>
      </c>
      <c r="B82">
        <v>0.37</v>
      </c>
      <c r="C82">
        <v>0.59</v>
      </c>
      <c r="D82">
        <f t="shared" si="3"/>
        <v>3</v>
      </c>
    </row>
    <row r="83" spans="1:4" x14ac:dyDescent="0.25">
      <c r="A83" t="s">
        <v>14</v>
      </c>
      <c r="B83">
        <v>0.68</v>
      </c>
      <c r="C83">
        <v>0.41</v>
      </c>
      <c r="D83">
        <f t="shared" si="3"/>
        <v>3</v>
      </c>
    </row>
    <row r="84" spans="1:4" x14ac:dyDescent="0.25">
      <c r="A84" t="s">
        <v>14</v>
      </c>
      <c r="B84">
        <v>0.16</v>
      </c>
      <c r="C84">
        <v>0.65</v>
      </c>
      <c r="D84">
        <f t="shared" si="3"/>
        <v>3</v>
      </c>
    </row>
    <row r="85" spans="1:4" x14ac:dyDescent="0.25">
      <c r="A85" t="s">
        <v>30</v>
      </c>
      <c r="B85">
        <v>0.62</v>
      </c>
      <c r="C85">
        <v>0.55000000000000004</v>
      </c>
      <c r="D85">
        <f t="shared" si="3"/>
        <v>3</v>
      </c>
    </row>
    <row r="86" spans="1:4" x14ac:dyDescent="0.25">
      <c r="A86" t="s">
        <v>25</v>
      </c>
      <c r="B86">
        <v>0.1</v>
      </c>
      <c r="C86">
        <v>0.87</v>
      </c>
      <c r="D86">
        <f t="shared" si="3"/>
        <v>3</v>
      </c>
    </row>
    <row r="87" spans="1:4" x14ac:dyDescent="0.25">
      <c r="A87" t="s">
        <v>29</v>
      </c>
      <c r="B87">
        <v>0.75</v>
      </c>
      <c r="C87">
        <v>0.24</v>
      </c>
      <c r="D87">
        <f t="shared" si="3"/>
        <v>1</v>
      </c>
    </row>
    <row r="88" spans="1:4" x14ac:dyDescent="0.25">
      <c r="A88" t="s">
        <v>25</v>
      </c>
      <c r="B88">
        <v>0.16</v>
      </c>
      <c r="C88">
        <v>0.87</v>
      </c>
      <c r="D88">
        <f t="shared" si="3"/>
        <v>3</v>
      </c>
    </row>
    <row r="89" spans="1:4" x14ac:dyDescent="0.25">
      <c r="A89" t="s">
        <v>25</v>
      </c>
      <c r="B89">
        <v>0.4</v>
      </c>
      <c r="C89">
        <v>0.95</v>
      </c>
      <c r="D89">
        <f t="shared" si="3"/>
        <v>3</v>
      </c>
    </row>
    <row r="90" spans="1:4" x14ac:dyDescent="0.25">
      <c r="A90" t="s">
        <v>21</v>
      </c>
      <c r="B90">
        <v>0.87</v>
      </c>
      <c r="C90">
        <v>0.61</v>
      </c>
      <c r="D90">
        <f t="shared" si="3"/>
        <v>2</v>
      </c>
    </row>
    <row r="91" spans="1:4" x14ac:dyDescent="0.25">
      <c r="A91" t="s">
        <v>26</v>
      </c>
      <c r="B91">
        <v>0.69</v>
      </c>
      <c r="C91">
        <v>0.1</v>
      </c>
      <c r="D91">
        <f t="shared" si="3"/>
        <v>3</v>
      </c>
    </row>
    <row r="92" spans="1:4" x14ac:dyDescent="0.25">
      <c r="A92" t="s">
        <v>30</v>
      </c>
      <c r="B92">
        <v>0.6</v>
      </c>
      <c r="C92">
        <v>0.57999999999999996</v>
      </c>
      <c r="D92">
        <f t="shared" si="3"/>
        <v>3</v>
      </c>
    </row>
    <row r="93" spans="1:4" x14ac:dyDescent="0.25">
      <c r="A93" t="s">
        <v>15</v>
      </c>
      <c r="B93">
        <v>0.56000000000000005</v>
      </c>
      <c r="C93">
        <v>0.13</v>
      </c>
      <c r="D93">
        <f t="shared" si="3"/>
        <v>3</v>
      </c>
    </row>
    <row r="94" spans="1:4" x14ac:dyDescent="0.25">
      <c r="A94" t="s">
        <v>23</v>
      </c>
      <c r="B94">
        <v>0.17</v>
      </c>
      <c r="C94">
        <v>0.55000000000000004</v>
      </c>
      <c r="D94">
        <f t="shared" si="3"/>
        <v>1</v>
      </c>
    </row>
    <row r="95" spans="1:4" x14ac:dyDescent="0.25">
      <c r="A95" t="s">
        <v>11</v>
      </c>
      <c r="B95">
        <v>0.66</v>
      </c>
      <c r="C95">
        <v>0.85</v>
      </c>
      <c r="D95">
        <f t="shared" si="3"/>
        <v>1</v>
      </c>
    </row>
    <row r="96" spans="1:4" x14ac:dyDescent="0.25">
      <c r="A96" t="s">
        <v>30</v>
      </c>
      <c r="B96">
        <v>0.47</v>
      </c>
      <c r="C96">
        <v>0.65</v>
      </c>
      <c r="D96">
        <f t="shared" si="3"/>
        <v>3</v>
      </c>
    </row>
    <row r="97" spans="1:4" x14ac:dyDescent="0.25">
      <c r="A97" t="s">
        <v>18</v>
      </c>
      <c r="B97">
        <v>0.42</v>
      </c>
      <c r="C97">
        <v>0.64</v>
      </c>
      <c r="D97">
        <f t="shared" si="3"/>
        <v>1</v>
      </c>
    </row>
    <row r="98" spans="1:4" x14ac:dyDescent="0.25">
      <c r="A98" t="s">
        <v>27</v>
      </c>
      <c r="B98">
        <v>0.03</v>
      </c>
      <c r="C98">
        <v>0.85</v>
      </c>
      <c r="D98">
        <f t="shared" si="3"/>
        <v>3</v>
      </c>
    </row>
    <row r="99" spans="1:4" x14ac:dyDescent="0.25">
      <c r="A99" t="s">
        <v>20</v>
      </c>
      <c r="B99">
        <v>0.91</v>
      </c>
      <c r="C99">
        <v>0.4</v>
      </c>
      <c r="D99">
        <f t="shared" si="3"/>
        <v>3</v>
      </c>
    </row>
    <row r="100" spans="1:4" x14ac:dyDescent="0.25">
      <c r="A100" t="s">
        <v>28</v>
      </c>
      <c r="B100">
        <v>0.39</v>
      </c>
      <c r="C100">
        <v>0.4</v>
      </c>
      <c r="D100">
        <f t="shared" si="3"/>
        <v>3</v>
      </c>
    </row>
    <row r="101" spans="1:4" x14ac:dyDescent="0.25">
      <c r="A101" t="s">
        <v>18</v>
      </c>
      <c r="B101">
        <v>0.15</v>
      </c>
      <c r="C101">
        <v>0.54</v>
      </c>
      <c r="D101">
        <f t="shared" si="3"/>
        <v>1</v>
      </c>
    </row>
    <row r="102" spans="1:4" x14ac:dyDescent="0.25">
      <c r="A102" t="s">
        <v>18</v>
      </c>
      <c r="B102">
        <v>0.56000000000000005</v>
      </c>
      <c r="C102">
        <v>0.31</v>
      </c>
      <c r="D102">
        <f t="shared" si="3"/>
        <v>1</v>
      </c>
    </row>
    <row r="103" spans="1:4" x14ac:dyDescent="0.25">
      <c r="A103" t="s">
        <v>15</v>
      </c>
      <c r="B103">
        <v>0.4</v>
      </c>
      <c r="C103">
        <v>0.22</v>
      </c>
      <c r="D103">
        <f t="shared" si="3"/>
        <v>3</v>
      </c>
    </row>
    <row r="104" spans="1:4" x14ac:dyDescent="0.25">
      <c r="A104" t="s">
        <v>27</v>
      </c>
      <c r="B104">
        <v>0.94</v>
      </c>
      <c r="C104">
        <v>0.74</v>
      </c>
      <c r="D104">
        <f t="shared" si="3"/>
        <v>3</v>
      </c>
    </row>
    <row r="105" spans="1:4" x14ac:dyDescent="0.25">
      <c r="A105" t="s">
        <v>9</v>
      </c>
      <c r="B105">
        <v>0.83</v>
      </c>
      <c r="C105">
        <v>0.24</v>
      </c>
      <c r="D105">
        <f t="shared" si="3"/>
        <v>3</v>
      </c>
    </row>
    <row r="106" spans="1:4" x14ac:dyDescent="0.25">
      <c r="A106" t="s">
        <v>21</v>
      </c>
      <c r="B106">
        <v>0.32</v>
      </c>
      <c r="C106">
        <v>0.7</v>
      </c>
      <c r="D106">
        <f t="shared" si="3"/>
        <v>2</v>
      </c>
    </row>
    <row r="107" spans="1:4" x14ac:dyDescent="0.25">
      <c r="A107" t="s">
        <v>19</v>
      </c>
      <c r="B107">
        <v>0.87</v>
      </c>
      <c r="C107">
        <v>0.77</v>
      </c>
      <c r="D107">
        <f t="shared" si="3"/>
        <v>3</v>
      </c>
    </row>
    <row r="108" spans="1:4" x14ac:dyDescent="0.25">
      <c r="A108" t="s">
        <v>16</v>
      </c>
      <c r="B108">
        <v>0.59</v>
      </c>
      <c r="C108">
        <v>0.56000000000000005</v>
      </c>
      <c r="D108">
        <f t="shared" si="3"/>
        <v>3</v>
      </c>
    </row>
    <row r="109" spans="1:4" x14ac:dyDescent="0.25">
      <c r="A109" t="s">
        <v>27</v>
      </c>
      <c r="B109">
        <v>0.48</v>
      </c>
      <c r="C109">
        <v>0.84</v>
      </c>
      <c r="D109">
        <f t="shared" si="3"/>
        <v>3</v>
      </c>
    </row>
    <row r="110" spans="1:4" x14ac:dyDescent="0.25">
      <c r="A110" t="s">
        <v>26</v>
      </c>
      <c r="B110">
        <v>0.48</v>
      </c>
      <c r="C110">
        <v>0.09</v>
      </c>
      <c r="D110">
        <f t="shared" si="3"/>
        <v>3</v>
      </c>
    </row>
    <row r="111" spans="1:4" x14ac:dyDescent="0.25">
      <c r="A111" t="s">
        <v>18</v>
      </c>
      <c r="B111">
        <v>0.52</v>
      </c>
      <c r="C111">
        <v>0.64</v>
      </c>
      <c r="D111">
        <f t="shared" si="3"/>
        <v>1</v>
      </c>
    </row>
    <row r="112" spans="1:4" x14ac:dyDescent="0.25">
      <c r="A112" t="s">
        <v>20</v>
      </c>
      <c r="B112">
        <v>0.11</v>
      </c>
      <c r="C112">
        <v>0.56000000000000005</v>
      </c>
      <c r="D112">
        <f t="shared" si="3"/>
        <v>3</v>
      </c>
    </row>
    <row r="113" spans="1:4" x14ac:dyDescent="0.25">
      <c r="A113" t="s">
        <v>22</v>
      </c>
      <c r="B113">
        <v>0.82</v>
      </c>
      <c r="C113">
        <v>0.56999999999999995</v>
      </c>
      <c r="D113">
        <f t="shared" si="3"/>
        <v>1</v>
      </c>
    </row>
    <row r="114" spans="1:4" x14ac:dyDescent="0.25">
      <c r="A114" t="s">
        <v>30</v>
      </c>
      <c r="B114">
        <v>0.61</v>
      </c>
      <c r="C114">
        <v>0.39</v>
      </c>
      <c r="D114">
        <f t="shared" si="3"/>
        <v>3</v>
      </c>
    </row>
    <row r="115" spans="1:4" x14ac:dyDescent="0.25">
      <c r="A115" t="s">
        <v>22</v>
      </c>
      <c r="B115">
        <v>0.13</v>
      </c>
      <c r="C115">
        <v>0.59</v>
      </c>
      <c r="D115">
        <f t="shared" si="3"/>
        <v>1</v>
      </c>
    </row>
    <row r="116" spans="1:4" x14ac:dyDescent="0.25">
      <c r="A116" t="s">
        <v>26</v>
      </c>
      <c r="B116">
        <v>7.0000000000000007E-2</v>
      </c>
      <c r="C116">
        <v>0.11</v>
      </c>
      <c r="D116">
        <f t="shared" si="3"/>
        <v>3</v>
      </c>
    </row>
    <row r="117" spans="1:4" x14ac:dyDescent="0.25">
      <c r="A117" t="s">
        <v>27</v>
      </c>
      <c r="B117">
        <v>0.33</v>
      </c>
      <c r="C117">
        <v>0.72</v>
      </c>
      <c r="D117">
        <f t="shared" si="3"/>
        <v>3</v>
      </c>
    </row>
    <row r="118" spans="1:4" x14ac:dyDescent="0.25">
      <c r="A118" t="s">
        <v>16</v>
      </c>
      <c r="B118">
        <v>0.38</v>
      </c>
      <c r="C118">
        <v>0.69</v>
      </c>
      <c r="D118">
        <f t="shared" si="3"/>
        <v>3</v>
      </c>
    </row>
    <row r="119" spans="1:4" x14ac:dyDescent="0.25">
      <c r="A119" t="s">
        <v>25</v>
      </c>
      <c r="B119">
        <v>0.16</v>
      </c>
      <c r="C119">
        <v>0.73</v>
      </c>
      <c r="D119">
        <f t="shared" si="3"/>
        <v>3</v>
      </c>
    </row>
    <row r="120" spans="1:4" x14ac:dyDescent="0.25">
      <c r="A120" t="s">
        <v>18</v>
      </c>
      <c r="B120">
        <v>0.79</v>
      </c>
      <c r="C120">
        <v>0.53</v>
      </c>
      <c r="D120">
        <f t="shared" si="3"/>
        <v>1</v>
      </c>
    </row>
    <row r="121" spans="1:4" x14ac:dyDescent="0.25">
      <c r="A121" t="s">
        <v>13</v>
      </c>
      <c r="B121">
        <v>0.32</v>
      </c>
      <c r="C121">
        <v>0.36</v>
      </c>
      <c r="D121">
        <f t="shared" si="3"/>
        <v>3</v>
      </c>
    </row>
    <row r="122" spans="1:4" x14ac:dyDescent="0.25">
      <c r="A122" t="s">
        <v>18</v>
      </c>
      <c r="B122">
        <v>0.32</v>
      </c>
      <c r="C122">
        <v>0.63</v>
      </c>
      <c r="D122">
        <f t="shared" si="3"/>
        <v>1</v>
      </c>
    </row>
    <row r="123" spans="1:4" x14ac:dyDescent="0.25">
      <c r="A123" t="s">
        <v>9</v>
      </c>
      <c r="B123">
        <v>0.28000000000000003</v>
      </c>
      <c r="C123">
        <v>0.05</v>
      </c>
      <c r="D123">
        <f t="shared" si="3"/>
        <v>3</v>
      </c>
    </row>
    <row r="124" spans="1:4" x14ac:dyDescent="0.25">
      <c r="A124" t="s">
        <v>26</v>
      </c>
      <c r="B124">
        <v>0.43</v>
      </c>
      <c r="C124">
        <v>7.0000000000000007E-2</v>
      </c>
      <c r="D124">
        <f t="shared" si="3"/>
        <v>3</v>
      </c>
    </row>
    <row r="125" spans="1:4" x14ac:dyDescent="0.25">
      <c r="A125" t="s">
        <v>28</v>
      </c>
      <c r="B125">
        <v>0.85</v>
      </c>
      <c r="C125">
        <v>0.62</v>
      </c>
      <c r="D125">
        <f t="shared" si="3"/>
        <v>3</v>
      </c>
    </row>
    <row r="126" spans="1:4" x14ac:dyDescent="0.25">
      <c r="A126" t="s">
        <v>14</v>
      </c>
      <c r="B126">
        <v>0.79</v>
      </c>
      <c r="C126">
        <v>0.56999999999999995</v>
      </c>
      <c r="D126">
        <f t="shared" si="3"/>
        <v>3</v>
      </c>
    </row>
    <row r="127" spans="1:4" x14ac:dyDescent="0.25">
      <c r="A127" t="s">
        <v>9</v>
      </c>
      <c r="B127">
        <v>0.84</v>
      </c>
      <c r="C127">
        <v>0.17</v>
      </c>
      <c r="D127">
        <f t="shared" si="3"/>
        <v>3</v>
      </c>
    </row>
    <row r="128" spans="1:4" x14ac:dyDescent="0.25">
      <c r="A128" t="s">
        <v>18</v>
      </c>
      <c r="B128">
        <v>0.32</v>
      </c>
      <c r="C128">
        <v>0.48</v>
      </c>
      <c r="D128">
        <f t="shared" si="3"/>
        <v>1</v>
      </c>
    </row>
    <row r="129" spans="1:4" x14ac:dyDescent="0.25">
      <c r="A129" t="s">
        <v>29</v>
      </c>
      <c r="B129">
        <v>0.52</v>
      </c>
      <c r="C129">
        <v>0.23</v>
      </c>
      <c r="D129">
        <f t="shared" si="3"/>
        <v>1</v>
      </c>
    </row>
    <row r="130" spans="1:4" x14ac:dyDescent="0.25">
      <c r="A130" t="s">
        <v>23</v>
      </c>
      <c r="B130">
        <v>0.99</v>
      </c>
      <c r="C130">
        <v>0.68</v>
      </c>
      <c r="D130">
        <f t="shared" si="3"/>
        <v>1</v>
      </c>
    </row>
    <row r="131" spans="1:4" x14ac:dyDescent="0.25">
      <c r="A131" t="s">
        <v>22</v>
      </c>
      <c r="B131">
        <v>0.62</v>
      </c>
      <c r="C131">
        <v>0.38</v>
      </c>
      <c r="D131">
        <f t="shared" ref="D131:D194" si="4">VLOOKUP(A131,$G$2:$H$21,2)</f>
        <v>1</v>
      </c>
    </row>
    <row r="132" spans="1:4" x14ac:dyDescent="0.25">
      <c r="A132" t="s">
        <v>7</v>
      </c>
      <c r="B132">
        <v>0.57999999999999996</v>
      </c>
      <c r="C132">
        <v>0.9</v>
      </c>
      <c r="D132">
        <f t="shared" si="4"/>
        <v>1</v>
      </c>
    </row>
    <row r="133" spans="1:4" x14ac:dyDescent="0.25">
      <c r="A133" t="s">
        <v>16</v>
      </c>
      <c r="B133">
        <v>0.12</v>
      </c>
      <c r="C133">
        <v>0.65</v>
      </c>
      <c r="D133">
        <f t="shared" si="4"/>
        <v>3</v>
      </c>
    </row>
    <row r="134" spans="1:4" x14ac:dyDescent="0.25">
      <c r="A134" t="s">
        <v>17</v>
      </c>
      <c r="B134">
        <v>0.78</v>
      </c>
      <c r="C134">
        <v>0.09</v>
      </c>
      <c r="D134">
        <f t="shared" si="4"/>
        <v>3</v>
      </c>
    </row>
    <row r="135" spans="1:4" x14ac:dyDescent="0.25">
      <c r="A135" t="s">
        <v>14</v>
      </c>
      <c r="B135">
        <v>0.73</v>
      </c>
      <c r="C135">
        <v>0.54</v>
      </c>
      <c r="D135">
        <f t="shared" si="4"/>
        <v>3</v>
      </c>
    </row>
    <row r="136" spans="1:4" x14ac:dyDescent="0.25">
      <c r="A136" t="s">
        <v>30</v>
      </c>
      <c r="B136">
        <v>0.73</v>
      </c>
      <c r="C136">
        <v>0.34</v>
      </c>
      <c r="D136">
        <f t="shared" si="4"/>
        <v>3</v>
      </c>
    </row>
    <row r="137" spans="1:4" x14ac:dyDescent="0.25">
      <c r="A137" t="s">
        <v>9</v>
      </c>
      <c r="B137">
        <v>0.76</v>
      </c>
      <c r="C137">
        <v>0.24</v>
      </c>
      <c r="D137">
        <f t="shared" si="4"/>
        <v>3</v>
      </c>
    </row>
    <row r="138" spans="1:4" x14ac:dyDescent="0.25">
      <c r="A138" t="s">
        <v>23</v>
      </c>
      <c r="B138">
        <v>0.89</v>
      </c>
      <c r="C138">
        <v>0.46</v>
      </c>
      <c r="D138">
        <f t="shared" si="4"/>
        <v>1</v>
      </c>
    </row>
    <row r="139" spans="1:4" x14ac:dyDescent="0.25">
      <c r="A139" t="s">
        <v>9</v>
      </c>
      <c r="B139">
        <v>0.57999999999999996</v>
      </c>
      <c r="C139">
        <v>0.19</v>
      </c>
      <c r="D139">
        <f t="shared" si="4"/>
        <v>3</v>
      </c>
    </row>
    <row r="140" spans="1:4" x14ac:dyDescent="0.25">
      <c r="A140" t="s">
        <v>21</v>
      </c>
      <c r="B140">
        <v>0.79</v>
      </c>
      <c r="C140">
        <v>0.48</v>
      </c>
      <c r="D140">
        <f t="shared" si="4"/>
        <v>2</v>
      </c>
    </row>
    <row r="141" spans="1:4" x14ac:dyDescent="0.25">
      <c r="A141" t="s">
        <v>11</v>
      </c>
      <c r="B141">
        <v>0.64</v>
      </c>
      <c r="C141">
        <v>0.73</v>
      </c>
      <c r="D141">
        <f t="shared" si="4"/>
        <v>1</v>
      </c>
    </row>
    <row r="142" spans="1:4" x14ac:dyDescent="0.25">
      <c r="A142" t="s">
        <v>28</v>
      </c>
      <c r="B142">
        <v>0.27</v>
      </c>
      <c r="C142">
        <v>0.42</v>
      </c>
      <c r="D142">
        <f t="shared" si="4"/>
        <v>3</v>
      </c>
    </row>
    <row r="143" spans="1:4" x14ac:dyDescent="0.25">
      <c r="A143" t="s">
        <v>22</v>
      </c>
      <c r="B143">
        <v>0.73</v>
      </c>
      <c r="C143">
        <v>0.47</v>
      </c>
      <c r="D143">
        <f t="shared" si="4"/>
        <v>1</v>
      </c>
    </row>
    <row r="144" spans="1:4" x14ac:dyDescent="0.25">
      <c r="A144" t="s">
        <v>21</v>
      </c>
      <c r="B144">
        <v>0.26</v>
      </c>
      <c r="C144">
        <v>0.66</v>
      </c>
      <c r="D144">
        <f t="shared" si="4"/>
        <v>2</v>
      </c>
    </row>
    <row r="145" spans="1:4" x14ac:dyDescent="0.25">
      <c r="A145" t="s">
        <v>23</v>
      </c>
      <c r="B145">
        <v>0.53</v>
      </c>
      <c r="C145">
        <v>0.44</v>
      </c>
      <c r="D145">
        <f t="shared" si="4"/>
        <v>1</v>
      </c>
    </row>
    <row r="146" spans="1:4" x14ac:dyDescent="0.25">
      <c r="A146" t="s">
        <v>28</v>
      </c>
      <c r="B146">
        <v>0.26</v>
      </c>
      <c r="C146">
        <v>0.38</v>
      </c>
      <c r="D146">
        <f t="shared" si="4"/>
        <v>3</v>
      </c>
    </row>
    <row r="147" spans="1:4" x14ac:dyDescent="0.25">
      <c r="A147" t="s">
        <v>26</v>
      </c>
      <c r="B147">
        <v>0.52</v>
      </c>
      <c r="C147">
        <v>0.27</v>
      </c>
      <c r="D147">
        <f t="shared" si="4"/>
        <v>3</v>
      </c>
    </row>
    <row r="148" spans="1:4" x14ac:dyDescent="0.25">
      <c r="A148" t="s">
        <v>29</v>
      </c>
      <c r="B148">
        <v>0.46</v>
      </c>
      <c r="C148">
        <v>0.21</v>
      </c>
      <c r="D148">
        <f t="shared" si="4"/>
        <v>1</v>
      </c>
    </row>
    <row r="149" spans="1:4" x14ac:dyDescent="0.25">
      <c r="A149" t="s">
        <v>19</v>
      </c>
      <c r="B149">
        <v>0.76</v>
      </c>
      <c r="C149">
        <v>0.75</v>
      </c>
      <c r="D149">
        <f t="shared" si="4"/>
        <v>3</v>
      </c>
    </row>
    <row r="150" spans="1:4" x14ac:dyDescent="0.25">
      <c r="A150" t="s">
        <v>14</v>
      </c>
      <c r="B150">
        <v>0.54</v>
      </c>
      <c r="C150">
        <v>0.34</v>
      </c>
      <c r="D150">
        <f t="shared" si="4"/>
        <v>3</v>
      </c>
    </row>
    <row r="151" spans="1:4" x14ac:dyDescent="0.25">
      <c r="A151" t="s">
        <v>11</v>
      </c>
      <c r="B151">
        <v>0.64</v>
      </c>
      <c r="C151">
        <v>0.92</v>
      </c>
      <c r="D151">
        <f t="shared" si="4"/>
        <v>1</v>
      </c>
    </row>
    <row r="152" spans="1:4" x14ac:dyDescent="0.25">
      <c r="A152" t="s">
        <v>19</v>
      </c>
      <c r="B152">
        <v>0.89</v>
      </c>
      <c r="C152">
        <v>0.74</v>
      </c>
      <c r="D152">
        <f t="shared" si="4"/>
        <v>3</v>
      </c>
    </row>
    <row r="153" spans="1:4" x14ac:dyDescent="0.25">
      <c r="A153" t="s">
        <v>7</v>
      </c>
      <c r="B153">
        <v>0.17</v>
      </c>
      <c r="C153">
        <v>0.81</v>
      </c>
      <c r="D153">
        <f t="shared" si="4"/>
        <v>1</v>
      </c>
    </row>
    <row r="154" spans="1:4" x14ac:dyDescent="0.25">
      <c r="A154" t="s">
        <v>17</v>
      </c>
      <c r="B154">
        <v>0.54</v>
      </c>
      <c r="C154">
        <v>0.13</v>
      </c>
      <c r="D154">
        <f t="shared" si="4"/>
        <v>3</v>
      </c>
    </row>
    <row r="155" spans="1:4" x14ac:dyDescent="0.25">
      <c r="A155" t="s">
        <v>30</v>
      </c>
      <c r="B155">
        <v>0.24</v>
      </c>
      <c r="C155">
        <v>0.44</v>
      </c>
      <c r="D155">
        <f t="shared" si="4"/>
        <v>3</v>
      </c>
    </row>
    <row r="156" spans="1:4" x14ac:dyDescent="0.25">
      <c r="A156" t="s">
        <v>18</v>
      </c>
      <c r="B156">
        <v>0.31</v>
      </c>
      <c r="C156">
        <v>0.56999999999999995</v>
      </c>
      <c r="D156">
        <f t="shared" si="4"/>
        <v>1</v>
      </c>
    </row>
    <row r="157" spans="1:4" x14ac:dyDescent="0.25">
      <c r="A157" t="s">
        <v>7</v>
      </c>
      <c r="B157">
        <v>0.41</v>
      </c>
      <c r="C157">
        <v>0.93</v>
      </c>
      <c r="D157">
        <f t="shared" si="4"/>
        <v>1</v>
      </c>
    </row>
    <row r="158" spans="1:4" x14ac:dyDescent="0.25">
      <c r="A158" t="s">
        <v>17</v>
      </c>
      <c r="B158">
        <v>0.38</v>
      </c>
      <c r="C158">
        <v>0.15</v>
      </c>
      <c r="D158">
        <f t="shared" si="4"/>
        <v>3</v>
      </c>
    </row>
    <row r="159" spans="1:4" x14ac:dyDescent="0.25">
      <c r="A159" t="s">
        <v>18</v>
      </c>
      <c r="B159">
        <v>0.84</v>
      </c>
      <c r="C159">
        <v>0.55000000000000004</v>
      </c>
      <c r="D159">
        <f t="shared" si="4"/>
        <v>1</v>
      </c>
    </row>
    <row r="160" spans="1:4" x14ac:dyDescent="0.25">
      <c r="A160" t="s">
        <v>21</v>
      </c>
      <c r="B160">
        <v>0.28000000000000003</v>
      </c>
      <c r="C160">
        <v>0.33</v>
      </c>
      <c r="D160">
        <f t="shared" si="4"/>
        <v>2</v>
      </c>
    </row>
    <row r="161" spans="1:4" x14ac:dyDescent="0.25">
      <c r="A161" t="s">
        <v>9</v>
      </c>
      <c r="B161">
        <v>0.84</v>
      </c>
      <c r="C161">
        <v>0.16</v>
      </c>
      <c r="D161">
        <f t="shared" si="4"/>
        <v>3</v>
      </c>
    </row>
    <row r="162" spans="1:4" x14ac:dyDescent="0.25">
      <c r="A162" t="s">
        <v>21</v>
      </c>
      <c r="B162">
        <v>0.06</v>
      </c>
      <c r="C162">
        <v>0.31</v>
      </c>
      <c r="D162">
        <f t="shared" si="4"/>
        <v>2</v>
      </c>
    </row>
    <row r="163" spans="1:4" x14ac:dyDescent="0.25">
      <c r="A163" t="s">
        <v>15</v>
      </c>
      <c r="B163">
        <v>0.64</v>
      </c>
      <c r="C163">
        <v>0.08</v>
      </c>
      <c r="D163">
        <f t="shared" si="4"/>
        <v>3</v>
      </c>
    </row>
    <row r="164" spans="1:4" x14ac:dyDescent="0.25">
      <c r="A164" t="s">
        <v>7</v>
      </c>
      <c r="B164">
        <v>0.04</v>
      </c>
      <c r="C164">
        <v>0.93</v>
      </c>
      <c r="D164">
        <f t="shared" si="4"/>
        <v>1</v>
      </c>
    </row>
    <row r="165" spans="1:4" x14ac:dyDescent="0.25">
      <c r="A165" t="s">
        <v>17</v>
      </c>
      <c r="B165">
        <v>0.05</v>
      </c>
      <c r="C165">
        <v>0.26</v>
      </c>
      <c r="D165">
        <f t="shared" si="4"/>
        <v>3</v>
      </c>
    </row>
    <row r="166" spans="1:4" x14ac:dyDescent="0.25">
      <c r="A166" t="s">
        <v>27</v>
      </c>
      <c r="B166">
        <v>0.88</v>
      </c>
      <c r="C166">
        <v>0.71</v>
      </c>
      <c r="D166">
        <f t="shared" si="4"/>
        <v>3</v>
      </c>
    </row>
    <row r="167" spans="1:4" x14ac:dyDescent="0.25">
      <c r="A167" t="s">
        <v>30</v>
      </c>
      <c r="B167">
        <v>0.3</v>
      </c>
      <c r="C167">
        <v>0.68</v>
      </c>
      <c r="D167">
        <f t="shared" si="4"/>
        <v>3</v>
      </c>
    </row>
    <row r="168" spans="1:4" x14ac:dyDescent="0.25">
      <c r="A168" t="s">
        <v>26</v>
      </c>
      <c r="B168">
        <v>0.09</v>
      </c>
      <c r="C168">
        <v>0.19</v>
      </c>
      <c r="D168">
        <f t="shared" si="4"/>
        <v>3</v>
      </c>
    </row>
    <row r="169" spans="1:4" x14ac:dyDescent="0.25">
      <c r="A169" t="s">
        <v>16</v>
      </c>
      <c r="B169">
        <v>0.12</v>
      </c>
      <c r="C169">
        <v>0.37</v>
      </c>
      <c r="D169">
        <f t="shared" si="4"/>
        <v>3</v>
      </c>
    </row>
    <row r="170" spans="1:4" x14ac:dyDescent="0.25">
      <c r="A170" t="s">
        <v>21</v>
      </c>
      <c r="B170">
        <v>0.91</v>
      </c>
      <c r="C170">
        <v>0.39</v>
      </c>
      <c r="D170">
        <f t="shared" si="4"/>
        <v>2</v>
      </c>
    </row>
    <row r="171" spans="1:4" x14ac:dyDescent="0.25">
      <c r="A171" t="s">
        <v>20</v>
      </c>
      <c r="B171">
        <v>0.38</v>
      </c>
      <c r="C171">
        <v>0.53</v>
      </c>
      <c r="D171">
        <f t="shared" si="4"/>
        <v>3</v>
      </c>
    </row>
    <row r="172" spans="1:4" x14ac:dyDescent="0.25">
      <c r="A172" t="s">
        <v>15</v>
      </c>
      <c r="B172">
        <v>0.04</v>
      </c>
      <c r="C172">
        <v>0.28999999999999998</v>
      </c>
      <c r="D172">
        <f t="shared" si="4"/>
        <v>3</v>
      </c>
    </row>
    <row r="173" spans="1:4" x14ac:dyDescent="0.25">
      <c r="A173" t="s">
        <v>18</v>
      </c>
      <c r="B173">
        <v>0.57999999999999996</v>
      </c>
      <c r="C173">
        <v>0.34</v>
      </c>
      <c r="D173">
        <f t="shared" si="4"/>
        <v>1</v>
      </c>
    </row>
    <row r="174" spans="1:4" x14ac:dyDescent="0.25">
      <c r="A174" t="s">
        <v>18</v>
      </c>
      <c r="B174">
        <v>0.31</v>
      </c>
      <c r="C174">
        <v>0.5</v>
      </c>
      <c r="D174">
        <f t="shared" si="4"/>
        <v>1</v>
      </c>
    </row>
    <row r="175" spans="1:4" x14ac:dyDescent="0.25">
      <c r="A175" t="s">
        <v>14</v>
      </c>
      <c r="B175">
        <v>0.03</v>
      </c>
      <c r="C175">
        <v>0.61</v>
      </c>
      <c r="D175">
        <f t="shared" si="4"/>
        <v>3</v>
      </c>
    </row>
    <row r="176" spans="1:4" x14ac:dyDescent="0.25">
      <c r="A176" t="s">
        <v>9</v>
      </c>
      <c r="B176">
        <v>0.68</v>
      </c>
      <c r="C176">
        <v>0.26</v>
      </c>
      <c r="D176">
        <f t="shared" si="4"/>
        <v>3</v>
      </c>
    </row>
    <row r="177" spans="1:4" x14ac:dyDescent="0.25">
      <c r="A177" t="s">
        <v>26</v>
      </c>
      <c r="B177">
        <v>0.79</v>
      </c>
      <c r="C177">
        <v>0.23</v>
      </c>
      <c r="D177">
        <f t="shared" si="4"/>
        <v>3</v>
      </c>
    </row>
    <row r="178" spans="1:4" x14ac:dyDescent="0.25">
      <c r="A178" t="s">
        <v>27</v>
      </c>
      <c r="B178">
        <v>0.55000000000000004</v>
      </c>
      <c r="C178">
        <v>0.87</v>
      </c>
      <c r="D178">
        <f t="shared" si="4"/>
        <v>3</v>
      </c>
    </row>
    <row r="179" spans="1:4" x14ac:dyDescent="0.25">
      <c r="A179" t="s">
        <v>7</v>
      </c>
      <c r="B179">
        <v>0.56000000000000005</v>
      </c>
      <c r="C179">
        <v>0.85</v>
      </c>
      <c r="D179">
        <f t="shared" si="4"/>
        <v>1</v>
      </c>
    </row>
    <row r="180" spans="1:4" x14ac:dyDescent="0.25">
      <c r="A180" t="s">
        <v>17</v>
      </c>
      <c r="B180">
        <v>0.85</v>
      </c>
      <c r="C180">
        <v>0.26</v>
      </c>
      <c r="D180">
        <f t="shared" si="4"/>
        <v>3</v>
      </c>
    </row>
    <row r="181" spans="1:4" x14ac:dyDescent="0.25">
      <c r="A181" t="s">
        <v>14</v>
      </c>
      <c r="B181">
        <v>0.69</v>
      </c>
      <c r="C181">
        <v>0.42</v>
      </c>
      <c r="D181">
        <f t="shared" si="4"/>
        <v>3</v>
      </c>
    </row>
    <row r="182" spans="1:4" x14ac:dyDescent="0.25">
      <c r="A182" t="s">
        <v>28</v>
      </c>
      <c r="B182">
        <v>0.74</v>
      </c>
      <c r="C182">
        <v>0.6</v>
      </c>
      <c r="D182">
        <f t="shared" si="4"/>
        <v>3</v>
      </c>
    </row>
    <row r="183" spans="1:4" x14ac:dyDescent="0.25">
      <c r="A183" t="s">
        <v>15</v>
      </c>
      <c r="B183">
        <v>0.41</v>
      </c>
      <c r="C183">
        <v>0.14000000000000001</v>
      </c>
      <c r="D183">
        <f t="shared" si="4"/>
        <v>3</v>
      </c>
    </row>
    <row r="184" spans="1:4" x14ac:dyDescent="0.25">
      <c r="A184" t="s">
        <v>15</v>
      </c>
      <c r="B184">
        <v>0.05</v>
      </c>
      <c r="C184">
        <v>0.15</v>
      </c>
      <c r="D184">
        <f t="shared" si="4"/>
        <v>3</v>
      </c>
    </row>
    <row r="185" spans="1:4" x14ac:dyDescent="0.25">
      <c r="A185" t="s">
        <v>27</v>
      </c>
      <c r="B185">
        <v>0.98</v>
      </c>
      <c r="C185">
        <v>0.79</v>
      </c>
      <c r="D185">
        <f t="shared" si="4"/>
        <v>3</v>
      </c>
    </row>
    <row r="186" spans="1:4" x14ac:dyDescent="0.25">
      <c r="A186" t="s">
        <v>7</v>
      </c>
      <c r="B186">
        <v>0.82</v>
      </c>
      <c r="C186">
        <v>0.84</v>
      </c>
      <c r="D186">
        <f t="shared" si="4"/>
        <v>1</v>
      </c>
    </row>
    <row r="187" spans="1:4" x14ac:dyDescent="0.25">
      <c r="A187" t="s">
        <v>29</v>
      </c>
      <c r="B187">
        <v>0</v>
      </c>
      <c r="C187">
        <v>0.06</v>
      </c>
      <c r="D187">
        <f t="shared" si="4"/>
        <v>1</v>
      </c>
    </row>
    <row r="188" spans="1:4" x14ac:dyDescent="0.25">
      <c r="A188" t="s">
        <v>20</v>
      </c>
      <c r="B188">
        <v>0.84</v>
      </c>
      <c r="C188">
        <v>0.62</v>
      </c>
      <c r="D188">
        <f t="shared" si="4"/>
        <v>3</v>
      </c>
    </row>
    <row r="189" spans="1:4" x14ac:dyDescent="0.25">
      <c r="A189" t="s">
        <v>16</v>
      </c>
      <c r="B189">
        <v>0.14000000000000001</v>
      </c>
      <c r="C189">
        <v>0.65</v>
      </c>
      <c r="D189">
        <f t="shared" si="4"/>
        <v>3</v>
      </c>
    </row>
    <row r="190" spans="1:4" x14ac:dyDescent="0.25">
      <c r="A190" t="s">
        <v>21</v>
      </c>
      <c r="B190">
        <v>0.39</v>
      </c>
      <c r="C190">
        <v>0.49</v>
      </c>
      <c r="D190">
        <f t="shared" si="4"/>
        <v>2</v>
      </c>
    </row>
    <row r="191" spans="1:4" x14ac:dyDescent="0.25">
      <c r="A191" t="s">
        <v>7</v>
      </c>
      <c r="B191">
        <v>0.73</v>
      </c>
      <c r="C191">
        <v>0.9</v>
      </c>
      <c r="D191">
        <f t="shared" si="4"/>
        <v>1</v>
      </c>
    </row>
    <row r="192" spans="1:4" x14ac:dyDescent="0.25">
      <c r="A192" t="s">
        <v>28</v>
      </c>
      <c r="B192">
        <v>0.09</v>
      </c>
      <c r="C192">
        <v>0.56999999999999995</v>
      </c>
      <c r="D192">
        <f t="shared" si="4"/>
        <v>3</v>
      </c>
    </row>
    <row r="193" spans="1:4" x14ac:dyDescent="0.25">
      <c r="A193" t="s">
        <v>14</v>
      </c>
      <c r="B193">
        <v>0.74</v>
      </c>
      <c r="C193">
        <v>0.66</v>
      </c>
      <c r="D193">
        <f t="shared" si="4"/>
        <v>3</v>
      </c>
    </row>
    <row r="194" spans="1:4" x14ac:dyDescent="0.25">
      <c r="A194" t="s">
        <v>7</v>
      </c>
      <c r="B194">
        <v>0.57999999999999996</v>
      </c>
      <c r="C194">
        <v>0.8</v>
      </c>
      <c r="D194">
        <f t="shared" si="4"/>
        <v>1</v>
      </c>
    </row>
    <row r="195" spans="1:4" x14ac:dyDescent="0.25">
      <c r="A195" t="s">
        <v>20</v>
      </c>
      <c r="B195">
        <v>0.55000000000000004</v>
      </c>
      <c r="C195">
        <v>0.56999999999999995</v>
      </c>
      <c r="D195">
        <f t="shared" ref="D195:D258" si="5">VLOOKUP(A195,$G$2:$H$21,2)</f>
        <v>3</v>
      </c>
    </row>
    <row r="196" spans="1:4" x14ac:dyDescent="0.25">
      <c r="A196" t="s">
        <v>13</v>
      </c>
      <c r="B196">
        <v>0.06</v>
      </c>
      <c r="C196">
        <v>0.53</v>
      </c>
      <c r="D196">
        <f t="shared" si="5"/>
        <v>3</v>
      </c>
    </row>
    <row r="197" spans="1:4" x14ac:dyDescent="0.25">
      <c r="A197" t="s">
        <v>22</v>
      </c>
      <c r="B197">
        <v>0.85</v>
      </c>
      <c r="C197">
        <v>0.41</v>
      </c>
      <c r="D197">
        <f t="shared" si="5"/>
        <v>1</v>
      </c>
    </row>
    <row r="198" spans="1:4" x14ac:dyDescent="0.25">
      <c r="A198" t="s">
        <v>20</v>
      </c>
      <c r="B198">
        <v>0.69</v>
      </c>
      <c r="C198">
        <v>0.67</v>
      </c>
      <c r="D198">
        <f t="shared" si="5"/>
        <v>3</v>
      </c>
    </row>
    <row r="199" spans="1:4" x14ac:dyDescent="0.25">
      <c r="A199" t="s">
        <v>15</v>
      </c>
      <c r="B199">
        <v>0.76</v>
      </c>
      <c r="C199">
        <v>0.1</v>
      </c>
      <c r="D199">
        <f t="shared" si="5"/>
        <v>3</v>
      </c>
    </row>
    <row r="200" spans="1:4" x14ac:dyDescent="0.25">
      <c r="A200" t="s">
        <v>20</v>
      </c>
      <c r="B200">
        <v>0.11</v>
      </c>
      <c r="C200">
        <v>0.5</v>
      </c>
      <c r="D200">
        <f t="shared" si="5"/>
        <v>3</v>
      </c>
    </row>
    <row r="201" spans="1:4" x14ac:dyDescent="0.25">
      <c r="A201" t="s">
        <v>16</v>
      </c>
      <c r="B201">
        <v>0.73</v>
      </c>
      <c r="C201">
        <v>0.57999999999999996</v>
      </c>
      <c r="D201">
        <f t="shared" si="5"/>
        <v>3</v>
      </c>
    </row>
    <row r="202" spans="1:4" x14ac:dyDescent="0.25">
      <c r="A202" t="s">
        <v>11</v>
      </c>
      <c r="B202">
        <v>0.76</v>
      </c>
      <c r="C202">
        <v>0.85</v>
      </c>
      <c r="D202">
        <f t="shared" si="5"/>
        <v>1</v>
      </c>
    </row>
    <row r="203" spans="1:4" x14ac:dyDescent="0.25">
      <c r="A203" t="s">
        <v>17</v>
      </c>
      <c r="B203">
        <v>0.25</v>
      </c>
      <c r="C203">
        <v>0.27</v>
      </c>
      <c r="D203">
        <f t="shared" si="5"/>
        <v>3</v>
      </c>
    </row>
    <row r="204" spans="1:4" x14ac:dyDescent="0.25">
      <c r="A204" t="s">
        <v>13</v>
      </c>
      <c r="B204">
        <v>0.06</v>
      </c>
      <c r="C204">
        <v>0.41</v>
      </c>
      <c r="D204">
        <f t="shared" si="5"/>
        <v>3</v>
      </c>
    </row>
    <row r="205" spans="1:4" x14ac:dyDescent="0.25">
      <c r="A205" t="s">
        <v>18</v>
      </c>
      <c r="B205">
        <v>0.75</v>
      </c>
      <c r="C205">
        <v>0.68</v>
      </c>
      <c r="D205">
        <f t="shared" si="5"/>
        <v>1</v>
      </c>
    </row>
    <row r="206" spans="1:4" x14ac:dyDescent="0.25">
      <c r="A206" t="s">
        <v>9</v>
      </c>
      <c r="B206">
        <v>0.9</v>
      </c>
      <c r="C206">
        <v>0.15</v>
      </c>
      <c r="D206">
        <f t="shared" si="5"/>
        <v>3</v>
      </c>
    </row>
    <row r="207" spans="1:4" x14ac:dyDescent="0.25">
      <c r="A207" t="s">
        <v>20</v>
      </c>
      <c r="B207">
        <v>0.3</v>
      </c>
      <c r="C207">
        <v>0.48</v>
      </c>
      <c r="D207">
        <f t="shared" si="5"/>
        <v>3</v>
      </c>
    </row>
    <row r="208" spans="1:4" x14ac:dyDescent="0.25">
      <c r="A208" t="s">
        <v>19</v>
      </c>
      <c r="B208">
        <v>0.93</v>
      </c>
      <c r="C208">
        <v>0.84</v>
      </c>
      <c r="D208">
        <f t="shared" si="5"/>
        <v>3</v>
      </c>
    </row>
    <row r="209" spans="1:4" x14ac:dyDescent="0.25">
      <c r="A209" t="s">
        <v>21</v>
      </c>
      <c r="B209">
        <v>0.19</v>
      </c>
      <c r="C209">
        <v>0.59</v>
      </c>
      <c r="D209">
        <f t="shared" si="5"/>
        <v>2</v>
      </c>
    </row>
    <row r="210" spans="1:4" x14ac:dyDescent="0.25">
      <c r="A210" t="s">
        <v>13</v>
      </c>
      <c r="B210">
        <v>0.41</v>
      </c>
      <c r="C210">
        <v>0.6</v>
      </c>
      <c r="D210">
        <f t="shared" si="5"/>
        <v>3</v>
      </c>
    </row>
    <row r="211" spans="1:4" x14ac:dyDescent="0.25">
      <c r="A211" t="s">
        <v>9</v>
      </c>
      <c r="B211">
        <v>0.36</v>
      </c>
      <c r="C211">
        <v>0.21</v>
      </c>
      <c r="D211">
        <f t="shared" si="5"/>
        <v>3</v>
      </c>
    </row>
    <row r="212" spans="1:4" x14ac:dyDescent="0.25">
      <c r="A212" t="s">
        <v>11</v>
      </c>
      <c r="B212">
        <v>0.12</v>
      </c>
      <c r="C212">
        <v>0.91</v>
      </c>
      <c r="D212">
        <f t="shared" si="5"/>
        <v>1</v>
      </c>
    </row>
    <row r="213" spans="1:4" x14ac:dyDescent="0.25">
      <c r="A213" t="s">
        <v>9</v>
      </c>
      <c r="B213">
        <v>0.55000000000000004</v>
      </c>
      <c r="C213">
        <v>0.17</v>
      </c>
      <c r="D213">
        <f t="shared" si="5"/>
        <v>3</v>
      </c>
    </row>
    <row r="214" spans="1:4" x14ac:dyDescent="0.25">
      <c r="A214" t="s">
        <v>19</v>
      </c>
      <c r="B214">
        <v>0.5</v>
      </c>
      <c r="C214">
        <v>0.83</v>
      </c>
      <c r="D214">
        <f t="shared" si="5"/>
        <v>3</v>
      </c>
    </row>
    <row r="215" spans="1:4" x14ac:dyDescent="0.25">
      <c r="A215" t="s">
        <v>19</v>
      </c>
      <c r="B215">
        <v>0.68</v>
      </c>
      <c r="C215">
        <v>0.78</v>
      </c>
      <c r="D215">
        <f t="shared" si="5"/>
        <v>3</v>
      </c>
    </row>
    <row r="216" spans="1:4" x14ac:dyDescent="0.25">
      <c r="A216" t="s">
        <v>14</v>
      </c>
      <c r="B216">
        <v>0.02</v>
      </c>
      <c r="C216">
        <v>0.38</v>
      </c>
      <c r="D216">
        <f t="shared" si="5"/>
        <v>3</v>
      </c>
    </row>
    <row r="217" spans="1:4" x14ac:dyDescent="0.25">
      <c r="A217" t="s">
        <v>23</v>
      </c>
      <c r="B217">
        <v>0.37</v>
      </c>
      <c r="C217">
        <v>0.56000000000000005</v>
      </c>
      <c r="D217">
        <f t="shared" si="5"/>
        <v>1</v>
      </c>
    </row>
    <row r="218" spans="1:4" x14ac:dyDescent="0.25">
      <c r="A218" t="s">
        <v>23</v>
      </c>
      <c r="B218">
        <v>0.98</v>
      </c>
      <c r="C218">
        <v>0.52</v>
      </c>
      <c r="D218">
        <f t="shared" si="5"/>
        <v>1</v>
      </c>
    </row>
    <row r="219" spans="1:4" x14ac:dyDescent="0.25">
      <c r="A219" t="s">
        <v>23</v>
      </c>
      <c r="B219">
        <v>0.55000000000000004</v>
      </c>
      <c r="C219">
        <v>0.36</v>
      </c>
      <c r="D219">
        <f t="shared" si="5"/>
        <v>1</v>
      </c>
    </row>
    <row r="220" spans="1:4" x14ac:dyDescent="0.25">
      <c r="A220" t="s">
        <v>15</v>
      </c>
      <c r="B220">
        <v>0.37</v>
      </c>
      <c r="C220">
        <v>0.16</v>
      </c>
      <c r="D220">
        <f t="shared" si="5"/>
        <v>3</v>
      </c>
    </row>
    <row r="221" spans="1:4" x14ac:dyDescent="0.25">
      <c r="A221" t="s">
        <v>22</v>
      </c>
      <c r="B221">
        <v>0.01</v>
      </c>
      <c r="C221">
        <v>0.55000000000000004</v>
      </c>
      <c r="D221">
        <f t="shared" si="5"/>
        <v>1</v>
      </c>
    </row>
    <row r="222" spans="1:4" x14ac:dyDescent="0.25">
      <c r="A222" t="s">
        <v>27</v>
      </c>
      <c r="B222">
        <v>0.98</v>
      </c>
      <c r="C222">
        <v>0.7</v>
      </c>
      <c r="D222">
        <f t="shared" si="5"/>
        <v>3</v>
      </c>
    </row>
    <row r="223" spans="1:4" x14ac:dyDescent="0.25">
      <c r="A223" t="s">
        <v>17</v>
      </c>
      <c r="B223">
        <v>0.64</v>
      </c>
      <c r="C223">
        <v>0.23</v>
      </c>
      <c r="D223">
        <f t="shared" si="5"/>
        <v>3</v>
      </c>
    </row>
    <row r="224" spans="1:4" x14ac:dyDescent="0.25">
      <c r="A224" t="s">
        <v>14</v>
      </c>
      <c r="B224">
        <v>0.73</v>
      </c>
      <c r="C224">
        <v>0.56999999999999995</v>
      </c>
      <c r="D224">
        <f t="shared" si="5"/>
        <v>3</v>
      </c>
    </row>
    <row r="225" spans="1:4" x14ac:dyDescent="0.25">
      <c r="A225" t="s">
        <v>17</v>
      </c>
      <c r="B225">
        <v>0.52</v>
      </c>
      <c r="C225">
        <v>0.14000000000000001</v>
      </c>
      <c r="D225">
        <f t="shared" si="5"/>
        <v>3</v>
      </c>
    </row>
    <row r="226" spans="1:4" x14ac:dyDescent="0.25">
      <c r="A226" t="s">
        <v>30</v>
      </c>
      <c r="B226">
        <v>0.71</v>
      </c>
      <c r="C226">
        <v>0.48</v>
      </c>
      <c r="D226">
        <f t="shared" si="5"/>
        <v>3</v>
      </c>
    </row>
    <row r="227" spans="1:4" x14ac:dyDescent="0.25">
      <c r="A227" t="s">
        <v>11</v>
      </c>
      <c r="B227">
        <v>0.93</v>
      </c>
      <c r="C227">
        <v>0.89</v>
      </c>
      <c r="D227">
        <f t="shared" si="5"/>
        <v>1</v>
      </c>
    </row>
    <row r="228" spans="1:4" x14ac:dyDescent="0.25">
      <c r="A228" t="s">
        <v>22</v>
      </c>
      <c r="B228">
        <v>0.11</v>
      </c>
      <c r="C228">
        <v>0.42</v>
      </c>
      <c r="D228">
        <f t="shared" si="5"/>
        <v>1</v>
      </c>
    </row>
    <row r="229" spans="1:4" x14ac:dyDescent="0.25">
      <c r="A229" t="s">
        <v>23</v>
      </c>
      <c r="B229">
        <v>0.35</v>
      </c>
      <c r="C229">
        <v>0.68</v>
      </c>
      <c r="D229">
        <f t="shared" si="5"/>
        <v>1</v>
      </c>
    </row>
    <row r="230" spans="1:4" x14ac:dyDescent="0.25">
      <c r="A230" t="s">
        <v>21</v>
      </c>
      <c r="B230">
        <v>0.44</v>
      </c>
      <c r="C230">
        <v>0.36</v>
      </c>
      <c r="D230">
        <f t="shared" si="5"/>
        <v>2</v>
      </c>
    </row>
    <row r="231" spans="1:4" x14ac:dyDescent="0.25">
      <c r="A231" t="s">
        <v>13</v>
      </c>
      <c r="B231">
        <v>0.08</v>
      </c>
      <c r="C231">
        <v>0.37</v>
      </c>
      <c r="D231">
        <f t="shared" si="5"/>
        <v>3</v>
      </c>
    </row>
    <row r="232" spans="1:4" x14ac:dyDescent="0.25">
      <c r="A232" t="s">
        <v>27</v>
      </c>
      <c r="B232">
        <v>0.22</v>
      </c>
      <c r="C232">
        <v>0.85</v>
      </c>
      <c r="D232">
        <f t="shared" si="5"/>
        <v>3</v>
      </c>
    </row>
    <row r="233" spans="1:4" x14ac:dyDescent="0.25">
      <c r="A233" t="s">
        <v>11</v>
      </c>
      <c r="B233">
        <v>0.53</v>
      </c>
      <c r="C233">
        <v>0.85</v>
      </c>
      <c r="D233">
        <f t="shared" si="5"/>
        <v>1</v>
      </c>
    </row>
    <row r="234" spans="1:4" x14ac:dyDescent="0.25">
      <c r="A234" t="s">
        <v>21</v>
      </c>
      <c r="B234">
        <v>0.79</v>
      </c>
      <c r="C234">
        <v>0.49</v>
      </c>
      <c r="D234">
        <f t="shared" si="5"/>
        <v>2</v>
      </c>
    </row>
    <row r="235" spans="1:4" x14ac:dyDescent="0.25">
      <c r="A235" t="s">
        <v>25</v>
      </c>
      <c r="B235">
        <v>0.33</v>
      </c>
      <c r="C235">
        <v>0.81</v>
      </c>
      <c r="D235">
        <f t="shared" si="5"/>
        <v>3</v>
      </c>
    </row>
    <row r="236" spans="1:4" x14ac:dyDescent="0.25">
      <c r="A236" t="s">
        <v>28</v>
      </c>
      <c r="B236">
        <v>0.39</v>
      </c>
      <c r="C236">
        <v>0.69</v>
      </c>
      <c r="D236">
        <f t="shared" si="5"/>
        <v>3</v>
      </c>
    </row>
    <row r="237" spans="1:4" x14ac:dyDescent="0.25">
      <c r="A237" t="s">
        <v>27</v>
      </c>
      <c r="B237">
        <v>0.37</v>
      </c>
      <c r="C237">
        <v>0.79</v>
      </c>
      <c r="D237">
        <f t="shared" si="5"/>
        <v>3</v>
      </c>
    </row>
    <row r="238" spans="1:4" x14ac:dyDescent="0.25">
      <c r="A238" t="s">
        <v>30</v>
      </c>
      <c r="B238">
        <v>0.55000000000000004</v>
      </c>
      <c r="C238">
        <v>0.61</v>
      </c>
      <c r="D238">
        <f t="shared" si="5"/>
        <v>3</v>
      </c>
    </row>
    <row r="239" spans="1:4" x14ac:dyDescent="0.25">
      <c r="A239" t="s">
        <v>27</v>
      </c>
      <c r="B239">
        <v>0.39</v>
      </c>
      <c r="C239">
        <v>0.76</v>
      </c>
      <c r="D239">
        <f t="shared" si="5"/>
        <v>3</v>
      </c>
    </row>
    <row r="240" spans="1:4" x14ac:dyDescent="0.25">
      <c r="A240" t="s">
        <v>7</v>
      </c>
      <c r="B240">
        <v>0.19</v>
      </c>
      <c r="C240">
        <v>0.92</v>
      </c>
      <c r="D240">
        <f t="shared" si="5"/>
        <v>1</v>
      </c>
    </row>
    <row r="241" spans="1:4" x14ac:dyDescent="0.25">
      <c r="A241" t="s">
        <v>19</v>
      </c>
      <c r="B241">
        <v>0.53</v>
      </c>
      <c r="C241">
        <v>0.89</v>
      </c>
      <c r="D241">
        <f t="shared" si="5"/>
        <v>3</v>
      </c>
    </row>
    <row r="242" spans="1:4" x14ac:dyDescent="0.25">
      <c r="A242" t="s">
        <v>17</v>
      </c>
      <c r="B242">
        <v>0.98</v>
      </c>
      <c r="C242">
        <v>0.24</v>
      </c>
      <c r="D242">
        <f t="shared" si="5"/>
        <v>3</v>
      </c>
    </row>
    <row r="243" spans="1:4" x14ac:dyDescent="0.25">
      <c r="A243" t="s">
        <v>13</v>
      </c>
      <c r="B243">
        <v>0.43</v>
      </c>
      <c r="C243">
        <v>0.51</v>
      </c>
      <c r="D243">
        <f t="shared" si="5"/>
        <v>3</v>
      </c>
    </row>
    <row r="244" spans="1:4" x14ac:dyDescent="0.25">
      <c r="A244" t="s">
        <v>16</v>
      </c>
      <c r="B244">
        <v>0.81</v>
      </c>
      <c r="C244">
        <v>0.7</v>
      </c>
      <c r="D244">
        <f t="shared" si="5"/>
        <v>3</v>
      </c>
    </row>
    <row r="245" spans="1:4" x14ac:dyDescent="0.25">
      <c r="A245" t="s">
        <v>20</v>
      </c>
      <c r="B245">
        <v>0.01</v>
      </c>
      <c r="C245">
        <v>0.55000000000000004</v>
      </c>
      <c r="D245">
        <f t="shared" si="5"/>
        <v>3</v>
      </c>
    </row>
    <row r="246" spans="1:4" x14ac:dyDescent="0.25">
      <c r="A246" t="s">
        <v>16</v>
      </c>
      <c r="B246">
        <v>0.44</v>
      </c>
      <c r="C246">
        <v>0.46</v>
      </c>
      <c r="D246">
        <f t="shared" si="5"/>
        <v>3</v>
      </c>
    </row>
    <row r="247" spans="1:4" x14ac:dyDescent="0.25">
      <c r="A247" t="s">
        <v>29</v>
      </c>
      <c r="B247">
        <v>0.72</v>
      </c>
      <c r="C247">
        <v>0.06</v>
      </c>
      <c r="D247">
        <f t="shared" si="5"/>
        <v>1</v>
      </c>
    </row>
    <row r="248" spans="1:4" x14ac:dyDescent="0.25">
      <c r="A248" t="s">
        <v>23</v>
      </c>
      <c r="B248">
        <v>0.16</v>
      </c>
      <c r="C248">
        <v>0.54</v>
      </c>
      <c r="D248">
        <f t="shared" si="5"/>
        <v>1</v>
      </c>
    </row>
    <row r="249" spans="1:4" x14ac:dyDescent="0.25">
      <c r="A249" t="s">
        <v>9</v>
      </c>
      <c r="B249">
        <v>0.8</v>
      </c>
      <c r="C249">
        <v>0.18</v>
      </c>
      <c r="D249">
        <f t="shared" si="5"/>
        <v>3</v>
      </c>
    </row>
    <row r="250" spans="1:4" x14ac:dyDescent="0.25">
      <c r="A250" t="s">
        <v>19</v>
      </c>
      <c r="B250">
        <v>0.42</v>
      </c>
      <c r="C250">
        <v>0.85</v>
      </c>
      <c r="D250">
        <f t="shared" si="5"/>
        <v>3</v>
      </c>
    </row>
    <row r="251" spans="1:4" x14ac:dyDescent="0.25">
      <c r="A251" t="s">
        <v>11</v>
      </c>
      <c r="B251">
        <v>0.03</v>
      </c>
      <c r="C251">
        <v>0.86</v>
      </c>
      <c r="D251">
        <f t="shared" si="5"/>
        <v>1</v>
      </c>
    </row>
    <row r="252" spans="1:4" x14ac:dyDescent="0.25">
      <c r="A252" t="s">
        <v>22</v>
      </c>
      <c r="B252">
        <v>0.39</v>
      </c>
      <c r="C252">
        <v>0.38</v>
      </c>
      <c r="D252">
        <f t="shared" si="5"/>
        <v>1</v>
      </c>
    </row>
    <row r="253" spans="1:4" x14ac:dyDescent="0.25">
      <c r="A253" t="s">
        <v>16</v>
      </c>
      <c r="B253">
        <v>0.8</v>
      </c>
      <c r="C253">
        <v>0.42</v>
      </c>
      <c r="D253">
        <f t="shared" si="5"/>
        <v>3</v>
      </c>
    </row>
    <row r="254" spans="1:4" x14ac:dyDescent="0.25">
      <c r="A254" t="s">
        <v>18</v>
      </c>
      <c r="B254">
        <v>0.15</v>
      </c>
      <c r="C254">
        <v>0.49</v>
      </c>
      <c r="D254">
        <f t="shared" si="5"/>
        <v>1</v>
      </c>
    </row>
    <row r="255" spans="1:4" x14ac:dyDescent="0.25">
      <c r="A255" t="s">
        <v>9</v>
      </c>
      <c r="B255">
        <v>0.46</v>
      </c>
      <c r="C255">
        <v>0.26</v>
      </c>
      <c r="D255">
        <f t="shared" si="5"/>
        <v>3</v>
      </c>
    </row>
    <row r="256" spans="1:4" x14ac:dyDescent="0.25">
      <c r="A256" t="s">
        <v>28</v>
      </c>
      <c r="B256">
        <v>0.99</v>
      </c>
      <c r="C256">
        <v>0.45</v>
      </c>
      <c r="D256">
        <f t="shared" si="5"/>
        <v>3</v>
      </c>
    </row>
    <row r="257" spans="1:4" x14ac:dyDescent="0.25">
      <c r="A257" t="s">
        <v>7</v>
      </c>
      <c r="B257">
        <v>0.76</v>
      </c>
      <c r="C257">
        <v>0.75</v>
      </c>
      <c r="D257">
        <f t="shared" si="5"/>
        <v>1</v>
      </c>
    </row>
    <row r="258" spans="1:4" x14ac:dyDescent="0.25">
      <c r="A258" t="s">
        <v>15</v>
      </c>
      <c r="B258">
        <v>0.85</v>
      </c>
      <c r="C258">
        <v>0.26</v>
      </c>
      <c r="D258">
        <f t="shared" si="5"/>
        <v>3</v>
      </c>
    </row>
    <row r="259" spans="1:4" x14ac:dyDescent="0.25">
      <c r="A259" t="s">
        <v>21</v>
      </c>
      <c r="B259">
        <v>0.34</v>
      </c>
      <c r="C259">
        <v>0.53</v>
      </c>
      <c r="D259">
        <f t="shared" ref="D259:D322" si="6">VLOOKUP(A259,$G$2:$H$21,2)</f>
        <v>2</v>
      </c>
    </row>
    <row r="260" spans="1:4" x14ac:dyDescent="0.25">
      <c r="A260" t="s">
        <v>20</v>
      </c>
      <c r="B260">
        <v>0.38</v>
      </c>
      <c r="C260">
        <v>0.41</v>
      </c>
      <c r="D260">
        <f t="shared" si="6"/>
        <v>3</v>
      </c>
    </row>
    <row r="261" spans="1:4" x14ac:dyDescent="0.25">
      <c r="A261" t="s">
        <v>20</v>
      </c>
      <c r="B261">
        <v>0.77</v>
      </c>
      <c r="C261">
        <v>0.55000000000000004</v>
      </c>
      <c r="D261">
        <f t="shared" si="6"/>
        <v>3</v>
      </c>
    </row>
    <row r="262" spans="1:4" x14ac:dyDescent="0.25">
      <c r="A262" t="s">
        <v>22</v>
      </c>
      <c r="B262">
        <v>0.23</v>
      </c>
      <c r="C262">
        <v>0.49</v>
      </c>
      <c r="D262">
        <f t="shared" si="6"/>
        <v>1</v>
      </c>
    </row>
    <row r="263" spans="1:4" x14ac:dyDescent="0.25">
      <c r="A263" t="s">
        <v>25</v>
      </c>
      <c r="B263">
        <v>0.47</v>
      </c>
      <c r="C263">
        <v>0.93</v>
      </c>
      <c r="D263">
        <f t="shared" si="6"/>
        <v>3</v>
      </c>
    </row>
    <row r="264" spans="1:4" x14ac:dyDescent="0.25">
      <c r="A264" t="s">
        <v>23</v>
      </c>
      <c r="B264">
        <v>0.84</v>
      </c>
      <c r="C264">
        <v>0.45</v>
      </c>
      <c r="D264">
        <f t="shared" si="6"/>
        <v>1</v>
      </c>
    </row>
    <row r="265" spans="1:4" x14ac:dyDescent="0.25">
      <c r="A265" t="s">
        <v>20</v>
      </c>
      <c r="B265">
        <v>0.6</v>
      </c>
      <c r="C265">
        <v>0.38</v>
      </c>
      <c r="D265">
        <f t="shared" si="6"/>
        <v>3</v>
      </c>
    </row>
    <row r="266" spans="1:4" x14ac:dyDescent="0.25">
      <c r="A266" t="s">
        <v>13</v>
      </c>
      <c r="B266">
        <v>0.44</v>
      </c>
      <c r="C266">
        <v>0.41</v>
      </c>
      <c r="D266">
        <f t="shared" si="6"/>
        <v>3</v>
      </c>
    </row>
    <row r="267" spans="1:4" x14ac:dyDescent="0.25">
      <c r="A267" t="s">
        <v>18</v>
      </c>
      <c r="B267">
        <v>0.16</v>
      </c>
      <c r="C267">
        <v>0.36</v>
      </c>
      <c r="D267">
        <f t="shared" si="6"/>
        <v>1</v>
      </c>
    </row>
    <row r="268" spans="1:4" x14ac:dyDescent="0.25">
      <c r="A268" t="s">
        <v>22</v>
      </c>
      <c r="B268">
        <v>0.76</v>
      </c>
      <c r="C268">
        <v>0.3</v>
      </c>
      <c r="D268">
        <f t="shared" si="6"/>
        <v>1</v>
      </c>
    </row>
    <row r="269" spans="1:4" x14ac:dyDescent="0.25">
      <c r="A269" t="s">
        <v>25</v>
      </c>
      <c r="B269">
        <v>0.18</v>
      </c>
      <c r="C269">
        <v>0.81</v>
      </c>
      <c r="D269">
        <f t="shared" si="6"/>
        <v>3</v>
      </c>
    </row>
    <row r="270" spans="1:4" x14ac:dyDescent="0.25">
      <c r="A270" t="s">
        <v>9</v>
      </c>
      <c r="B270">
        <v>0.55000000000000004</v>
      </c>
      <c r="C270">
        <v>0.14000000000000001</v>
      </c>
      <c r="D270">
        <f t="shared" si="6"/>
        <v>3</v>
      </c>
    </row>
    <row r="271" spans="1:4" x14ac:dyDescent="0.25">
      <c r="A271" t="s">
        <v>22</v>
      </c>
      <c r="B271">
        <v>0.8</v>
      </c>
      <c r="C271">
        <v>0.53</v>
      </c>
      <c r="D271">
        <f t="shared" si="6"/>
        <v>1</v>
      </c>
    </row>
    <row r="272" spans="1:4" x14ac:dyDescent="0.25">
      <c r="A272" t="s">
        <v>9</v>
      </c>
      <c r="B272">
        <v>0.17</v>
      </c>
      <c r="C272">
        <v>0.12</v>
      </c>
      <c r="D272">
        <f t="shared" si="6"/>
        <v>3</v>
      </c>
    </row>
    <row r="273" spans="1:4" x14ac:dyDescent="0.25">
      <c r="A273" t="s">
        <v>15</v>
      </c>
      <c r="B273">
        <v>0.23</v>
      </c>
      <c r="C273">
        <v>0.11</v>
      </c>
      <c r="D273">
        <f t="shared" si="6"/>
        <v>3</v>
      </c>
    </row>
    <row r="274" spans="1:4" x14ac:dyDescent="0.25">
      <c r="A274" t="s">
        <v>20</v>
      </c>
      <c r="B274">
        <v>0.47</v>
      </c>
      <c r="C274">
        <v>0.64</v>
      </c>
      <c r="D274">
        <f t="shared" si="6"/>
        <v>3</v>
      </c>
    </row>
    <row r="275" spans="1:4" x14ac:dyDescent="0.25">
      <c r="A275" t="s">
        <v>17</v>
      </c>
      <c r="B275">
        <v>0.6</v>
      </c>
      <c r="C275">
        <v>0.13</v>
      </c>
      <c r="D275">
        <f t="shared" si="6"/>
        <v>3</v>
      </c>
    </row>
    <row r="276" spans="1:4" x14ac:dyDescent="0.25">
      <c r="A276" t="s">
        <v>23</v>
      </c>
      <c r="B276">
        <v>0.69</v>
      </c>
      <c r="C276">
        <v>0.39</v>
      </c>
      <c r="D276">
        <f t="shared" si="6"/>
        <v>1</v>
      </c>
    </row>
    <row r="277" spans="1:4" x14ac:dyDescent="0.25">
      <c r="A277" t="s">
        <v>26</v>
      </c>
      <c r="B277">
        <v>0.28000000000000003</v>
      </c>
      <c r="C277">
        <v>0.12</v>
      </c>
      <c r="D277">
        <f t="shared" si="6"/>
        <v>3</v>
      </c>
    </row>
    <row r="278" spans="1:4" x14ac:dyDescent="0.25">
      <c r="A278" t="s">
        <v>30</v>
      </c>
      <c r="B278">
        <v>0.31</v>
      </c>
      <c r="C278">
        <v>0.32</v>
      </c>
      <c r="D278">
        <f t="shared" si="6"/>
        <v>3</v>
      </c>
    </row>
    <row r="279" spans="1:4" x14ac:dyDescent="0.25">
      <c r="A279" t="s">
        <v>23</v>
      </c>
      <c r="B279">
        <v>0.66</v>
      </c>
      <c r="C279">
        <v>0.68</v>
      </c>
      <c r="D279">
        <f t="shared" si="6"/>
        <v>1</v>
      </c>
    </row>
    <row r="280" spans="1:4" x14ac:dyDescent="0.25">
      <c r="A280" t="s">
        <v>14</v>
      </c>
      <c r="B280">
        <v>0.56000000000000005</v>
      </c>
      <c r="C280">
        <v>0.59</v>
      </c>
      <c r="D280">
        <f t="shared" si="6"/>
        <v>3</v>
      </c>
    </row>
    <row r="281" spans="1:4" x14ac:dyDescent="0.25">
      <c r="A281" t="s">
        <v>22</v>
      </c>
      <c r="B281">
        <v>0.78</v>
      </c>
      <c r="C281">
        <v>0.38</v>
      </c>
      <c r="D281">
        <f t="shared" si="6"/>
        <v>1</v>
      </c>
    </row>
    <row r="282" spans="1:4" x14ac:dyDescent="0.25">
      <c r="A282" t="s">
        <v>22</v>
      </c>
      <c r="B282">
        <v>0.56999999999999995</v>
      </c>
      <c r="C282">
        <v>0.62</v>
      </c>
      <c r="D282">
        <f t="shared" si="6"/>
        <v>1</v>
      </c>
    </row>
    <row r="283" spans="1:4" x14ac:dyDescent="0.25">
      <c r="A283" t="s">
        <v>23</v>
      </c>
      <c r="B283">
        <v>0.3</v>
      </c>
      <c r="C283">
        <v>0.41</v>
      </c>
      <c r="D283">
        <f t="shared" si="6"/>
        <v>1</v>
      </c>
    </row>
    <row r="284" spans="1:4" x14ac:dyDescent="0.25">
      <c r="A284" t="s">
        <v>16</v>
      </c>
      <c r="B284">
        <v>0.25</v>
      </c>
      <c r="C284">
        <v>0.45</v>
      </c>
      <c r="D284">
        <f t="shared" si="6"/>
        <v>3</v>
      </c>
    </row>
    <row r="285" spans="1:4" x14ac:dyDescent="0.25">
      <c r="A285" t="s">
        <v>18</v>
      </c>
      <c r="B285">
        <v>0.16</v>
      </c>
      <c r="C285">
        <v>0.43</v>
      </c>
      <c r="D285">
        <f t="shared" si="6"/>
        <v>1</v>
      </c>
    </row>
    <row r="286" spans="1:4" x14ac:dyDescent="0.25">
      <c r="A286" t="s">
        <v>16</v>
      </c>
      <c r="B286">
        <v>0.44</v>
      </c>
      <c r="C286">
        <v>0.46</v>
      </c>
      <c r="D286">
        <f t="shared" si="6"/>
        <v>3</v>
      </c>
    </row>
    <row r="287" spans="1:4" x14ac:dyDescent="0.25">
      <c r="A287" t="s">
        <v>9</v>
      </c>
      <c r="B287">
        <v>0.06</v>
      </c>
      <c r="C287">
        <v>0.15</v>
      </c>
      <c r="D287">
        <f t="shared" si="6"/>
        <v>3</v>
      </c>
    </row>
    <row r="288" spans="1:4" x14ac:dyDescent="0.25">
      <c r="A288" t="s">
        <v>18</v>
      </c>
      <c r="B288">
        <v>0.83</v>
      </c>
      <c r="C288">
        <v>0.63</v>
      </c>
      <c r="D288">
        <f t="shared" si="6"/>
        <v>1</v>
      </c>
    </row>
    <row r="289" spans="1:4" x14ac:dyDescent="0.25">
      <c r="A289" t="s">
        <v>14</v>
      </c>
      <c r="B289">
        <v>0.79</v>
      </c>
      <c r="C289">
        <v>0.53</v>
      </c>
      <c r="D289">
        <f t="shared" si="6"/>
        <v>3</v>
      </c>
    </row>
    <row r="290" spans="1:4" x14ac:dyDescent="0.25">
      <c r="A290" t="s">
        <v>23</v>
      </c>
      <c r="B290">
        <v>0.28000000000000003</v>
      </c>
      <c r="C290">
        <v>0.34</v>
      </c>
      <c r="D290">
        <f t="shared" si="6"/>
        <v>1</v>
      </c>
    </row>
    <row r="291" spans="1:4" x14ac:dyDescent="0.25">
      <c r="A291" t="s">
        <v>13</v>
      </c>
      <c r="B291">
        <v>0.06</v>
      </c>
      <c r="C291">
        <v>0.34</v>
      </c>
      <c r="D291">
        <f t="shared" si="6"/>
        <v>3</v>
      </c>
    </row>
    <row r="292" spans="1:4" x14ac:dyDescent="0.25">
      <c r="A292" t="s">
        <v>28</v>
      </c>
      <c r="B292">
        <v>0.46</v>
      </c>
      <c r="C292">
        <v>0.43</v>
      </c>
      <c r="D292">
        <f t="shared" si="6"/>
        <v>3</v>
      </c>
    </row>
    <row r="293" spans="1:4" x14ac:dyDescent="0.25">
      <c r="A293" t="s">
        <v>7</v>
      </c>
      <c r="B293">
        <v>0.41</v>
      </c>
      <c r="C293">
        <v>0.71</v>
      </c>
      <c r="D293">
        <f t="shared" si="6"/>
        <v>1</v>
      </c>
    </row>
    <row r="294" spans="1:4" x14ac:dyDescent="0.25">
      <c r="A294" t="s">
        <v>13</v>
      </c>
      <c r="B294">
        <v>0.81</v>
      </c>
      <c r="C294">
        <v>0.37</v>
      </c>
      <c r="D294">
        <f t="shared" si="6"/>
        <v>3</v>
      </c>
    </row>
    <row r="295" spans="1:4" x14ac:dyDescent="0.25">
      <c r="A295" t="s">
        <v>19</v>
      </c>
      <c r="B295">
        <v>0.78</v>
      </c>
      <c r="C295">
        <v>0.85</v>
      </c>
      <c r="D295">
        <f t="shared" si="6"/>
        <v>3</v>
      </c>
    </row>
    <row r="296" spans="1:4" x14ac:dyDescent="0.25">
      <c r="A296" t="s">
        <v>16</v>
      </c>
      <c r="B296">
        <v>0.73</v>
      </c>
      <c r="C296">
        <v>0.56999999999999995</v>
      </c>
      <c r="D296">
        <f t="shared" si="6"/>
        <v>3</v>
      </c>
    </row>
    <row r="297" spans="1:4" x14ac:dyDescent="0.25">
      <c r="A297" t="s">
        <v>11</v>
      </c>
      <c r="B297">
        <v>0.12</v>
      </c>
      <c r="C297">
        <v>0.88</v>
      </c>
      <c r="D297">
        <f t="shared" si="6"/>
        <v>1</v>
      </c>
    </row>
    <row r="298" spans="1:4" x14ac:dyDescent="0.25">
      <c r="A298" t="s">
        <v>29</v>
      </c>
      <c r="B298">
        <v>0.61</v>
      </c>
      <c r="C298">
        <v>0.11</v>
      </c>
      <c r="D298">
        <f t="shared" si="6"/>
        <v>1</v>
      </c>
    </row>
    <row r="299" spans="1:4" x14ac:dyDescent="0.25">
      <c r="A299" t="s">
        <v>23</v>
      </c>
      <c r="B299">
        <v>0.48</v>
      </c>
      <c r="C299">
        <v>0.5</v>
      </c>
      <c r="D299">
        <f t="shared" si="6"/>
        <v>1</v>
      </c>
    </row>
    <row r="300" spans="1:4" x14ac:dyDescent="0.25">
      <c r="A300" t="s">
        <v>15</v>
      </c>
      <c r="B300">
        <v>0.99</v>
      </c>
      <c r="C300">
        <v>0.25</v>
      </c>
      <c r="D300">
        <f t="shared" si="6"/>
        <v>3</v>
      </c>
    </row>
    <row r="301" spans="1:4" x14ac:dyDescent="0.25">
      <c r="A301" t="s">
        <v>17</v>
      </c>
      <c r="B301">
        <v>0.28000000000000003</v>
      </c>
      <c r="C301">
        <v>0.21</v>
      </c>
      <c r="D301">
        <f t="shared" si="6"/>
        <v>3</v>
      </c>
    </row>
    <row r="302" spans="1:4" x14ac:dyDescent="0.25">
      <c r="A302" t="s">
        <v>11</v>
      </c>
      <c r="B302">
        <v>0.65</v>
      </c>
      <c r="C302">
        <v>0.94</v>
      </c>
      <c r="D302">
        <f t="shared" si="6"/>
        <v>1</v>
      </c>
    </row>
    <row r="303" spans="1:4" x14ac:dyDescent="0.25">
      <c r="A303" t="s">
        <v>28</v>
      </c>
      <c r="B303">
        <v>0.73</v>
      </c>
      <c r="C303">
        <v>0.69</v>
      </c>
      <c r="D303">
        <f t="shared" si="6"/>
        <v>3</v>
      </c>
    </row>
    <row r="304" spans="1:4" x14ac:dyDescent="0.25">
      <c r="A304" t="s">
        <v>27</v>
      </c>
      <c r="B304">
        <v>0.57999999999999996</v>
      </c>
      <c r="C304">
        <v>0.9</v>
      </c>
      <c r="D304">
        <f t="shared" si="6"/>
        <v>3</v>
      </c>
    </row>
    <row r="305" spans="1:4" x14ac:dyDescent="0.25">
      <c r="A305" t="s">
        <v>13</v>
      </c>
      <c r="B305">
        <v>0</v>
      </c>
      <c r="C305">
        <v>0.55000000000000004</v>
      </c>
      <c r="D305">
        <f t="shared" si="6"/>
        <v>3</v>
      </c>
    </row>
    <row r="306" spans="1:4" x14ac:dyDescent="0.25">
      <c r="A306" t="s">
        <v>7</v>
      </c>
      <c r="B306">
        <v>0.87</v>
      </c>
      <c r="C306">
        <v>0.74</v>
      </c>
      <c r="D306">
        <f t="shared" si="6"/>
        <v>1</v>
      </c>
    </row>
    <row r="307" spans="1:4" x14ac:dyDescent="0.25">
      <c r="A307" t="s">
        <v>20</v>
      </c>
      <c r="B307">
        <v>0.53</v>
      </c>
      <c r="C307">
        <v>0.54</v>
      </c>
      <c r="D307">
        <f t="shared" si="6"/>
        <v>3</v>
      </c>
    </row>
    <row r="308" spans="1:4" x14ac:dyDescent="0.25">
      <c r="A308" t="s">
        <v>19</v>
      </c>
      <c r="B308">
        <v>0.2</v>
      </c>
      <c r="C308">
        <v>0.9</v>
      </c>
      <c r="D308">
        <f t="shared" si="6"/>
        <v>3</v>
      </c>
    </row>
    <row r="309" spans="1:4" x14ac:dyDescent="0.25">
      <c r="A309" t="s">
        <v>23</v>
      </c>
      <c r="B309">
        <v>0.47</v>
      </c>
      <c r="C309">
        <v>0.7</v>
      </c>
      <c r="D309">
        <f t="shared" si="6"/>
        <v>1</v>
      </c>
    </row>
    <row r="310" spans="1:4" x14ac:dyDescent="0.25">
      <c r="A310" t="s">
        <v>16</v>
      </c>
      <c r="B310">
        <v>0.61</v>
      </c>
      <c r="C310">
        <v>0.35</v>
      </c>
      <c r="D310">
        <f t="shared" si="6"/>
        <v>3</v>
      </c>
    </row>
    <row r="311" spans="1:4" x14ac:dyDescent="0.25">
      <c r="A311" t="s">
        <v>25</v>
      </c>
      <c r="B311">
        <v>7.0000000000000007E-2</v>
      </c>
      <c r="C311">
        <v>0.93</v>
      </c>
      <c r="D311">
        <f t="shared" si="6"/>
        <v>3</v>
      </c>
    </row>
    <row r="312" spans="1:4" x14ac:dyDescent="0.25">
      <c r="A312" t="s">
        <v>30</v>
      </c>
      <c r="B312">
        <v>0.6</v>
      </c>
      <c r="C312">
        <v>0.51</v>
      </c>
      <c r="D312">
        <f t="shared" si="6"/>
        <v>3</v>
      </c>
    </row>
    <row r="313" spans="1:4" x14ac:dyDescent="0.25">
      <c r="A313" t="s">
        <v>26</v>
      </c>
      <c r="B313">
        <v>0.48</v>
      </c>
      <c r="C313">
        <v>0.26</v>
      </c>
      <c r="D313">
        <f t="shared" si="6"/>
        <v>3</v>
      </c>
    </row>
    <row r="314" spans="1:4" x14ac:dyDescent="0.25">
      <c r="A314" t="s">
        <v>13</v>
      </c>
      <c r="B314">
        <v>0.04</v>
      </c>
      <c r="C314">
        <v>0.52</v>
      </c>
      <c r="D314">
        <f t="shared" si="6"/>
        <v>3</v>
      </c>
    </row>
    <row r="315" spans="1:4" x14ac:dyDescent="0.25">
      <c r="A315" t="s">
        <v>18</v>
      </c>
      <c r="B315">
        <v>0.99</v>
      </c>
      <c r="C315">
        <v>0.68</v>
      </c>
      <c r="D315">
        <f t="shared" si="6"/>
        <v>1</v>
      </c>
    </row>
    <row r="316" spans="1:4" x14ac:dyDescent="0.25">
      <c r="A316" t="s">
        <v>14</v>
      </c>
      <c r="B316">
        <v>0.34</v>
      </c>
      <c r="C316">
        <v>0.34</v>
      </c>
      <c r="D316">
        <f t="shared" si="6"/>
        <v>3</v>
      </c>
    </row>
    <row r="317" spans="1:4" x14ac:dyDescent="0.25">
      <c r="A317" t="s">
        <v>18</v>
      </c>
      <c r="B317">
        <v>0.48</v>
      </c>
      <c r="C317">
        <v>0.33</v>
      </c>
      <c r="D317">
        <f t="shared" si="6"/>
        <v>1</v>
      </c>
    </row>
    <row r="318" spans="1:4" x14ac:dyDescent="0.25">
      <c r="A318" t="s">
        <v>17</v>
      </c>
      <c r="B318">
        <v>0.18</v>
      </c>
      <c r="C318">
        <v>0.13</v>
      </c>
      <c r="D318">
        <f t="shared" si="6"/>
        <v>3</v>
      </c>
    </row>
    <row r="319" spans="1:4" x14ac:dyDescent="0.25">
      <c r="A319" t="s">
        <v>28</v>
      </c>
      <c r="B319">
        <v>0.4</v>
      </c>
      <c r="C319">
        <v>0.7</v>
      </c>
      <c r="D319">
        <f t="shared" si="6"/>
        <v>3</v>
      </c>
    </row>
    <row r="320" spans="1:4" x14ac:dyDescent="0.25">
      <c r="A320" t="s">
        <v>15</v>
      </c>
      <c r="B320">
        <v>0.67</v>
      </c>
      <c r="C320">
        <v>0.15</v>
      </c>
      <c r="D320">
        <f t="shared" si="6"/>
        <v>3</v>
      </c>
    </row>
    <row r="321" spans="1:4" x14ac:dyDescent="0.25">
      <c r="A321" t="s">
        <v>19</v>
      </c>
      <c r="B321">
        <v>0.78</v>
      </c>
      <c r="C321">
        <v>0.77</v>
      </c>
      <c r="D321">
        <f t="shared" si="6"/>
        <v>3</v>
      </c>
    </row>
    <row r="322" spans="1:4" x14ac:dyDescent="0.25">
      <c r="A322" t="s">
        <v>9</v>
      </c>
      <c r="B322">
        <v>0.28999999999999998</v>
      </c>
      <c r="C322">
        <v>0.17</v>
      </c>
      <c r="D322">
        <f t="shared" si="6"/>
        <v>3</v>
      </c>
    </row>
    <row r="323" spans="1:4" x14ac:dyDescent="0.25">
      <c r="A323" t="s">
        <v>20</v>
      </c>
      <c r="B323">
        <v>0.52</v>
      </c>
      <c r="C323">
        <v>0.38</v>
      </c>
      <c r="D323">
        <f t="shared" ref="D323:D386" si="7">VLOOKUP(A323,$G$2:$H$21,2)</f>
        <v>3</v>
      </c>
    </row>
    <row r="324" spans="1:4" x14ac:dyDescent="0.25">
      <c r="A324" t="s">
        <v>11</v>
      </c>
      <c r="B324">
        <v>0.18</v>
      </c>
      <c r="C324">
        <v>0.8</v>
      </c>
      <c r="D324">
        <f t="shared" si="7"/>
        <v>1</v>
      </c>
    </row>
    <row r="325" spans="1:4" x14ac:dyDescent="0.25">
      <c r="A325" t="s">
        <v>27</v>
      </c>
      <c r="B325">
        <v>0.36</v>
      </c>
      <c r="C325">
        <v>0.8</v>
      </c>
      <c r="D325">
        <f t="shared" si="7"/>
        <v>3</v>
      </c>
    </row>
    <row r="326" spans="1:4" x14ac:dyDescent="0.25">
      <c r="A326" t="s">
        <v>19</v>
      </c>
      <c r="B326">
        <v>0.02</v>
      </c>
      <c r="C326">
        <v>0.75</v>
      </c>
      <c r="D326">
        <f t="shared" si="7"/>
        <v>3</v>
      </c>
    </row>
    <row r="327" spans="1:4" x14ac:dyDescent="0.25">
      <c r="A327" t="s">
        <v>13</v>
      </c>
      <c r="B327">
        <v>0.91</v>
      </c>
      <c r="C327">
        <v>0.5</v>
      </c>
      <c r="D327">
        <f t="shared" si="7"/>
        <v>3</v>
      </c>
    </row>
    <row r="328" spans="1:4" x14ac:dyDescent="0.25">
      <c r="A328" t="s">
        <v>9</v>
      </c>
      <c r="B328">
        <v>0.05</v>
      </c>
      <c r="C328">
        <v>0.28999999999999998</v>
      </c>
      <c r="D328">
        <f t="shared" si="7"/>
        <v>3</v>
      </c>
    </row>
    <row r="329" spans="1:4" x14ac:dyDescent="0.25">
      <c r="A329" t="s">
        <v>26</v>
      </c>
      <c r="B329">
        <v>0.92</v>
      </c>
      <c r="C329">
        <v>0.26</v>
      </c>
      <c r="D329">
        <f t="shared" si="7"/>
        <v>3</v>
      </c>
    </row>
    <row r="330" spans="1:4" x14ac:dyDescent="0.25">
      <c r="A330" t="s">
        <v>23</v>
      </c>
      <c r="B330">
        <v>0.08</v>
      </c>
      <c r="C330">
        <v>0.49</v>
      </c>
      <c r="D330">
        <f t="shared" si="7"/>
        <v>1</v>
      </c>
    </row>
    <row r="331" spans="1:4" x14ac:dyDescent="0.25">
      <c r="A331" t="s">
        <v>16</v>
      </c>
      <c r="B331">
        <v>0.23</v>
      </c>
      <c r="C331">
        <v>0.42</v>
      </c>
      <c r="D331">
        <f t="shared" si="7"/>
        <v>3</v>
      </c>
    </row>
    <row r="332" spans="1:4" x14ac:dyDescent="0.25">
      <c r="A332" t="s">
        <v>9</v>
      </c>
      <c r="B332">
        <v>0.8</v>
      </c>
      <c r="C332">
        <v>0.2</v>
      </c>
      <c r="D332">
        <f t="shared" si="7"/>
        <v>3</v>
      </c>
    </row>
    <row r="333" spans="1:4" x14ac:dyDescent="0.25">
      <c r="A333" t="s">
        <v>11</v>
      </c>
      <c r="B333">
        <v>0.68</v>
      </c>
      <c r="C333">
        <v>0.8</v>
      </c>
      <c r="D333">
        <f t="shared" si="7"/>
        <v>1</v>
      </c>
    </row>
    <row r="334" spans="1:4" x14ac:dyDescent="0.25">
      <c r="A334" t="s">
        <v>9</v>
      </c>
      <c r="B334">
        <v>0.3</v>
      </c>
      <c r="C334">
        <v>0.2</v>
      </c>
      <c r="D334">
        <f t="shared" si="7"/>
        <v>3</v>
      </c>
    </row>
    <row r="335" spans="1:4" x14ac:dyDescent="0.25">
      <c r="A335" t="s">
        <v>16</v>
      </c>
      <c r="B335">
        <v>0.14000000000000001</v>
      </c>
      <c r="C335">
        <v>0.52</v>
      </c>
      <c r="D335">
        <f t="shared" si="7"/>
        <v>3</v>
      </c>
    </row>
    <row r="336" spans="1:4" x14ac:dyDescent="0.25">
      <c r="A336" t="s">
        <v>17</v>
      </c>
      <c r="B336">
        <v>0.25</v>
      </c>
      <c r="C336">
        <v>0.22</v>
      </c>
      <c r="D336">
        <f t="shared" si="7"/>
        <v>3</v>
      </c>
    </row>
    <row r="337" spans="1:4" x14ac:dyDescent="0.25">
      <c r="A337" t="s">
        <v>22</v>
      </c>
      <c r="B337">
        <v>0.51</v>
      </c>
      <c r="C337">
        <v>0.54</v>
      </c>
      <c r="D337">
        <f t="shared" si="7"/>
        <v>1</v>
      </c>
    </row>
    <row r="338" spans="1:4" x14ac:dyDescent="0.25">
      <c r="A338" t="s">
        <v>7</v>
      </c>
      <c r="B338">
        <v>0.74</v>
      </c>
      <c r="C338">
        <v>0.73</v>
      </c>
      <c r="D338">
        <f t="shared" si="7"/>
        <v>1</v>
      </c>
    </row>
    <row r="339" spans="1:4" x14ac:dyDescent="0.25">
      <c r="A339" t="s">
        <v>9</v>
      </c>
      <c r="B339">
        <v>0.04</v>
      </c>
      <c r="C339">
        <v>0.11</v>
      </c>
      <c r="D339">
        <f t="shared" si="7"/>
        <v>3</v>
      </c>
    </row>
    <row r="340" spans="1:4" x14ac:dyDescent="0.25">
      <c r="A340" t="s">
        <v>19</v>
      </c>
      <c r="B340">
        <v>0.01</v>
      </c>
      <c r="C340">
        <v>0.82</v>
      </c>
      <c r="D340">
        <f t="shared" si="7"/>
        <v>3</v>
      </c>
    </row>
    <row r="341" spans="1:4" x14ac:dyDescent="0.25">
      <c r="A341" t="s">
        <v>28</v>
      </c>
      <c r="B341">
        <v>0.33</v>
      </c>
      <c r="C341">
        <v>0.35</v>
      </c>
      <c r="D341">
        <f t="shared" si="7"/>
        <v>3</v>
      </c>
    </row>
    <row r="342" spans="1:4" x14ac:dyDescent="0.25">
      <c r="A342" t="s">
        <v>11</v>
      </c>
      <c r="B342">
        <v>0.36</v>
      </c>
      <c r="C342">
        <v>0.94</v>
      </c>
      <c r="D342">
        <f t="shared" si="7"/>
        <v>1</v>
      </c>
    </row>
    <row r="343" spans="1:4" x14ac:dyDescent="0.25">
      <c r="A343" t="s">
        <v>21</v>
      </c>
      <c r="B343">
        <v>0.72</v>
      </c>
      <c r="C343">
        <v>0.43</v>
      </c>
      <c r="D343">
        <f t="shared" si="7"/>
        <v>2</v>
      </c>
    </row>
    <row r="344" spans="1:4" x14ac:dyDescent="0.25">
      <c r="A344" t="s">
        <v>21</v>
      </c>
      <c r="B344">
        <v>0.21</v>
      </c>
      <c r="C344">
        <v>0.63</v>
      </c>
      <c r="D344">
        <f t="shared" si="7"/>
        <v>2</v>
      </c>
    </row>
    <row r="345" spans="1:4" x14ac:dyDescent="0.25">
      <c r="A345" t="s">
        <v>14</v>
      </c>
      <c r="B345">
        <v>0.7</v>
      </c>
      <c r="C345">
        <v>0.48</v>
      </c>
      <c r="D345">
        <f t="shared" si="7"/>
        <v>3</v>
      </c>
    </row>
    <row r="346" spans="1:4" x14ac:dyDescent="0.25">
      <c r="A346" t="s">
        <v>15</v>
      </c>
      <c r="B346">
        <v>0.95</v>
      </c>
      <c r="C346">
        <v>0.06</v>
      </c>
      <c r="D346">
        <f t="shared" si="7"/>
        <v>3</v>
      </c>
    </row>
    <row r="347" spans="1:4" x14ac:dyDescent="0.25">
      <c r="A347" t="s">
        <v>25</v>
      </c>
      <c r="B347">
        <v>0.19</v>
      </c>
      <c r="C347">
        <v>0.93</v>
      </c>
      <c r="D347">
        <f t="shared" si="7"/>
        <v>3</v>
      </c>
    </row>
    <row r="348" spans="1:4" x14ac:dyDescent="0.25">
      <c r="A348" t="s">
        <v>25</v>
      </c>
      <c r="B348">
        <v>0.81</v>
      </c>
      <c r="C348">
        <v>0.73</v>
      </c>
      <c r="D348">
        <f t="shared" si="7"/>
        <v>3</v>
      </c>
    </row>
    <row r="349" spans="1:4" x14ac:dyDescent="0.25">
      <c r="A349" t="s">
        <v>23</v>
      </c>
      <c r="B349">
        <v>0.18</v>
      </c>
      <c r="C349">
        <v>0.65</v>
      </c>
      <c r="D349">
        <f t="shared" si="7"/>
        <v>1</v>
      </c>
    </row>
    <row r="350" spans="1:4" x14ac:dyDescent="0.25">
      <c r="A350" t="s">
        <v>27</v>
      </c>
      <c r="B350">
        <v>0.3</v>
      </c>
      <c r="C350">
        <v>0.93</v>
      </c>
      <c r="D350">
        <f t="shared" si="7"/>
        <v>3</v>
      </c>
    </row>
    <row r="351" spans="1:4" x14ac:dyDescent="0.25">
      <c r="A351" t="s">
        <v>19</v>
      </c>
      <c r="B351">
        <v>0.55000000000000004</v>
      </c>
      <c r="C351">
        <v>0.75</v>
      </c>
      <c r="D351">
        <f t="shared" si="7"/>
        <v>3</v>
      </c>
    </row>
    <row r="352" spans="1:4" x14ac:dyDescent="0.25">
      <c r="A352" t="s">
        <v>20</v>
      </c>
      <c r="B352">
        <v>0.26</v>
      </c>
      <c r="C352">
        <v>0.39</v>
      </c>
      <c r="D352">
        <f t="shared" si="7"/>
        <v>3</v>
      </c>
    </row>
    <row r="353" spans="1:4" x14ac:dyDescent="0.25">
      <c r="A353" t="s">
        <v>7</v>
      </c>
      <c r="B353">
        <v>0.31</v>
      </c>
      <c r="C353">
        <v>0.9</v>
      </c>
      <c r="D353">
        <f t="shared" si="7"/>
        <v>1</v>
      </c>
    </row>
    <row r="354" spans="1:4" x14ac:dyDescent="0.25">
      <c r="A354" t="s">
        <v>26</v>
      </c>
      <c r="B354">
        <v>0.39</v>
      </c>
      <c r="C354">
        <v>0.17</v>
      </c>
      <c r="D354">
        <f t="shared" si="7"/>
        <v>3</v>
      </c>
    </row>
    <row r="355" spans="1:4" x14ac:dyDescent="0.25">
      <c r="A355" t="s">
        <v>23</v>
      </c>
      <c r="B355">
        <v>0.4</v>
      </c>
      <c r="C355">
        <v>0.62</v>
      </c>
      <c r="D355">
        <f t="shared" si="7"/>
        <v>1</v>
      </c>
    </row>
    <row r="356" spans="1:4" x14ac:dyDescent="0.25">
      <c r="A356" t="s">
        <v>23</v>
      </c>
      <c r="B356">
        <v>0.33</v>
      </c>
      <c r="C356">
        <v>0.36</v>
      </c>
      <c r="D356">
        <f t="shared" si="7"/>
        <v>1</v>
      </c>
    </row>
    <row r="357" spans="1:4" x14ac:dyDescent="0.25">
      <c r="A357" t="s">
        <v>27</v>
      </c>
      <c r="B357">
        <v>0.12</v>
      </c>
      <c r="C357">
        <v>0.9</v>
      </c>
      <c r="D357">
        <f t="shared" si="7"/>
        <v>3</v>
      </c>
    </row>
    <row r="358" spans="1:4" x14ac:dyDescent="0.25">
      <c r="A358" t="s">
        <v>11</v>
      </c>
      <c r="B358">
        <v>0.17</v>
      </c>
      <c r="C358">
        <v>0.83</v>
      </c>
      <c r="D358">
        <f t="shared" si="7"/>
        <v>1</v>
      </c>
    </row>
    <row r="359" spans="1:4" x14ac:dyDescent="0.25">
      <c r="A359" t="s">
        <v>28</v>
      </c>
      <c r="B359">
        <v>0.93</v>
      </c>
      <c r="C359">
        <v>0.4</v>
      </c>
      <c r="D359">
        <f t="shared" si="7"/>
        <v>3</v>
      </c>
    </row>
    <row r="360" spans="1:4" x14ac:dyDescent="0.25">
      <c r="A360" t="s">
        <v>13</v>
      </c>
      <c r="B360">
        <v>0.73</v>
      </c>
      <c r="C360">
        <v>0.6</v>
      </c>
      <c r="D360">
        <f t="shared" si="7"/>
        <v>3</v>
      </c>
    </row>
    <row r="361" spans="1:4" x14ac:dyDescent="0.25">
      <c r="A361" t="s">
        <v>30</v>
      </c>
      <c r="B361">
        <v>0.77</v>
      </c>
      <c r="C361">
        <v>0.5</v>
      </c>
      <c r="D361">
        <f t="shared" si="7"/>
        <v>3</v>
      </c>
    </row>
    <row r="362" spans="1:4" x14ac:dyDescent="0.25">
      <c r="A362" t="s">
        <v>11</v>
      </c>
      <c r="B362">
        <v>0.32</v>
      </c>
      <c r="C362">
        <v>0.71</v>
      </c>
      <c r="D362">
        <f t="shared" si="7"/>
        <v>1</v>
      </c>
    </row>
    <row r="363" spans="1:4" x14ac:dyDescent="0.25">
      <c r="A363" t="s">
        <v>20</v>
      </c>
      <c r="B363">
        <v>0.75</v>
      </c>
      <c r="C363">
        <v>0.64</v>
      </c>
      <c r="D363">
        <f t="shared" si="7"/>
        <v>3</v>
      </c>
    </row>
    <row r="364" spans="1:4" x14ac:dyDescent="0.25">
      <c r="A364" t="s">
        <v>21</v>
      </c>
      <c r="B364">
        <v>0.44</v>
      </c>
      <c r="C364">
        <v>0.4</v>
      </c>
      <c r="D364">
        <f t="shared" si="7"/>
        <v>2</v>
      </c>
    </row>
    <row r="365" spans="1:4" x14ac:dyDescent="0.25">
      <c r="A365" t="s">
        <v>21</v>
      </c>
      <c r="B365">
        <v>0.97</v>
      </c>
      <c r="C365">
        <v>0.65</v>
      </c>
      <c r="D365">
        <f t="shared" si="7"/>
        <v>2</v>
      </c>
    </row>
    <row r="366" spans="1:4" x14ac:dyDescent="0.25">
      <c r="A366" t="s">
        <v>18</v>
      </c>
      <c r="B366">
        <v>0.49</v>
      </c>
      <c r="C366">
        <v>0.54</v>
      </c>
      <c r="D366">
        <f t="shared" si="7"/>
        <v>1</v>
      </c>
    </row>
    <row r="367" spans="1:4" x14ac:dyDescent="0.25">
      <c r="A367" t="s">
        <v>16</v>
      </c>
      <c r="B367">
        <v>0.08</v>
      </c>
      <c r="C367">
        <v>0.67</v>
      </c>
      <c r="D367">
        <f t="shared" si="7"/>
        <v>3</v>
      </c>
    </row>
    <row r="368" spans="1:4" x14ac:dyDescent="0.25">
      <c r="A368" t="s">
        <v>7</v>
      </c>
      <c r="B368">
        <v>0.48</v>
      </c>
      <c r="C368">
        <v>0.8</v>
      </c>
      <c r="D368">
        <f t="shared" si="7"/>
        <v>1</v>
      </c>
    </row>
    <row r="369" spans="1:4" x14ac:dyDescent="0.25">
      <c r="A369" t="s">
        <v>23</v>
      </c>
      <c r="B369">
        <v>0.85</v>
      </c>
      <c r="C369">
        <v>0.68</v>
      </c>
      <c r="D369">
        <f t="shared" si="7"/>
        <v>1</v>
      </c>
    </row>
    <row r="370" spans="1:4" x14ac:dyDescent="0.25">
      <c r="A370" t="s">
        <v>17</v>
      </c>
      <c r="B370">
        <v>0.63</v>
      </c>
      <c r="C370">
        <v>0.08</v>
      </c>
      <c r="D370">
        <f t="shared" si="7"/>
        <v>3</v>
      </c>
    </row>
    <row r="371" spans="1:4" x14ac:dyDescent="0.25">
      <c r="A371" t="s">
        <v>9</v>
      </c>
      <c r="B371">
        <v>0.2</v>
      </c>
      <c r="C371">
        <v>0.23</v>
      </c>
      <c r="D371">
        <f t="shared" si="7"/>
        <v>3</v>
      </c>
    </row>
    <row r="372" spans="1:4" x14ac:dyDescent="0.25">
      <c r="A372" t="s">
        <v>14</v>
      </c>
      <c r="B372">
        <v>0.87</v>
      </c>
      <c r="C372">
        <v>0.68</v>
      </c>
      <c r="D372">
        <f t="shared" si="7"/>
        <v>3</v>
      </c>
    </row>
    <row r="373" spans="1:4" x14ac:dyDescent="0.25">
      <c r="A373" t="s">
        <v>15</v>
      </c>
      <c r="B373">
        <v>0.17</v>
      </c>
      <c r="C373">
        <v>0.15</v>
      </c>
      <c r="D373">
        <f t="shared" si="7"/>
        <v>3</v>
      </c>
    </row>
    <row r="374" spans="1:4" x14ac:dyDescent="0.25">
      <c r="A374" t="s">
        <v>9</v>
      </c>
      <c r="B374">
        <v>0.13</v>
      </c>
      <c r="C374">
        <v>0.18</v>
      </c>
      <c r="D374">
        <f t="shared" si="7"/>
        <v>3</v>
      </c>
    </row>
    <row r="375" spans="1:4" x14ac:dyDescent="0.25">
      <c r="A375" t="s">
        <v>16</v>
      </c>
      <c r="B375">
        <v>0.48</v>
      </c>
      <c r="C375">
        <v>0.57999999999999996</v>
      </c>
      <c r="D375">
        <f t="shared" si="7"/>
        <v>3</v>
      </c>
    </row>
    <row r="376" spans="1:4" x14ac:dyDescent="0.25">
      <c r="A376" t="s">
        <v>18</v>
      </c>
      <c r="B376">
        <v>0.31</v>
      </c>
      <c r="C376">
        <v>0.5</v>
      </c>
      <c r="D376">
        <f t="shared" si="7"/>
        <v>1</v>
      </c>
    </row>
    <row r="377" spans="1:4" x14ac:dyDescent="0.25">
      <c r="A377" t="s">
        <v>9</v>
      </c>
      <c r="B377">
        <v>0.34</v>
      </c>
      <c r="C377">
        <v>0.17</v>
      </c>
      <c r="D377">
        <f t="shared" si="7"/>
        <v>3</v>
      </c>
    </row>
    <row r="378" spans="1:4" x14ac:dyDescent="0.25">
      <c r="A378" t="s">
        <v>25</v>
      </c>
      <c r="B378">
        <v>0.02</v>
      </c>
      <c r="C378">
        <v>0.73</v>
      </c>
      <c r="D378">
        <f t="shared" si="7"/>
        <v>3</v>
      </c>
    </row>
    <row r="379" spans="1:4" x14ac:dyDescent="0.25">
      <c r="A379" t="s">
        <v>14</v>
      </c>
      <c r="B379">
        <v>0.39</v>
      </c>
      <c r="C379">
        <v>0.66</v>
      </c>
      <c r="D379">
        <f t="shared" si="7"/>
        <v>3</v>
      </c>
    </row>
    <row r="380" spans="1:4" x14ac:dyDescent="0.25">
      <c r="A380" t="s">
        <v>7</v>
      </c>
      <c r="B380">
        <v>0.28000000000000003</v>
      </c>
      <c r="C380">
        <v>0.95</v>
      </c>
      <c r="D380">
        <f t="shared" si="7"/>
        <v>1</v>
      </c>
    </row>
    <row r="381" spans="1:4" x14ac:dyDescent="0.25">
      <c r="A381" t="s">
        <v>17</v>
      </c>
      <c r="B381">
        <v>0.94</v>
      </c>
      <c r="C381">
        <v>0.19</v>
      </c>
      <c r="D381">
        <f t="shared" si="7"/>
        <v>3</v>
      </c>
    </row>
    <row r="382" spans="1:4" x14ac:dyDescent="0.25">
      <c r="A382" t="s">
        <v>23</v>
      </c>
      <c r="B382">
        <v>0.69</v>
      </c>
      <c r="C382">
        <v>0.7</v>
      </c>
      <c r="D382">
        <f t="shared" si="7"/>
        <v>1</v>
      </c>
    </row>
    <row r="383" spans="1:4" x14ac:dyDescent="0.25">
      <c r="A383" t="s">
        <v>15</v>
      </c>
      <c r="B383">
        <v>0.69</v>
      </c>
      <c r="C383">
        <v>0.3</v>
      </c>
      <c r="D383">
        <f t="shared" si="7"/>
        <v>3</v>
      </c>
    </row>
    <row r="384" spans="1:4" x14ac:dyDescent="0.25">
      <c r="A384" t="s">
        <v>15</v>
      </c>
      <c r="B384">
        <v>0.34</v>
      </c>
      <c r="C384">
        <v>0.11</v>
      </c>
      <c r="D384">
        <f t="shared" si="7"/>
        <v>3</v>
      </c>
    </row>
    <row r="385" spans="1:4" x14ac:dyDescent="0.25">
      <c r="A385" t="s">
        <v>30</v>
      </c>
      <c r="B385">
        <v>0.56999999999999995</v>
      </c>
      <c r="C385">
        <v>0.53</v>
      </c>
      <c r="D385">
        <f t="shared" si="7"/>
        <v>3</v>
      </c>
    </row>
    <row r="386" spans="1:4" x14ac:dyDescent="0.25">
      <c r="A386" t="s">
        <v>14</v>
      </c>
      <c r="B386">
        <v>0.97</v>
      </c>
      <c r="C386">
        <v>0.43</v>
      </c>
      <c r="D386">
        <f t="shared" si="7"/>
        <v>3</v>
      </c>
    </row>
    <row r="387" spans="1:4" x14ac:dyDescent="0.25">
      <c r="A387" t="s">
        <v>16</v>
      </c>
      <c r="B387">
        <v>0.19</v>
      </c>
      <c r="C387">
        <v>0.69</v>
      </c>
      <c r="D387">
        <f t="shared" ref="D387:D450" si="8">VLOOKUP(A387,$G$2:$H$21,2)</f>
        <v>3</v>
      </c>
    </row>
    <row r="388" spans="1:4" x14ac:dyDescent="0.25">
      <c r="A388" t="s">
        <v>16</v>
      </c>
      <c r="B388">
        <v>0.6</v>
      </c>
      <c r="C388">
        <v>0.38</v>
      </c>
      <c r="D388">
        <f t="shared" si="8"/>
        <v>3</v>
      </c>
    </row>
    <row r="389" spans="1:4" x14ac:dyDescent="0.25">
      <c r="A389" t="s">
        <v>13</v>
      </c>
      <c r="B389">
        <v>0.54</v>
      </c>
      <c r="C389">
        <v>0.42</v>
      </c>
      <c r="D389">
        <f t="shared" si="8"/>
        <v>3</v>
      </c>
    </row>
    <row r="390" spans="1:4" x14ac:dyDescent="0.25">
      <c r="A390" t="s">
        <v>26</v>
      </c>
      <c r="B390">
        <v>7.0000000000000007E-2</v>
      </c>
      <c r="C390">
        <v>0.12</v>
      </c>
      <c r="D390">
        <f t="shared" si="8"/>
        <v>3</v>
      </c>
    </row>
    <row r="391" spans="1:4" x14ac:dyDescent="0.25">
      <c r="A391" t="s">
        <v>19</v>
      </c>
      <c r="B391">
        <v>0.33</v>
      </c>
      <c r="C391">
        <v>0.89</v>
      </c>
      <c r="D391">
        <f t="shared" si="8"/>
        <v>3</v>
      </c>
    </row>
    <row r="392" spans="1:4" x14ac:dyDescent="0.25">
      <c r="A392" t="s">
        <v>22</v>
      </c>
      <c r="B392">
        <v>0.4</v>
      </c>
      <c r="C392">
        <v>0.53</v>
      </c>
      <c r="D392">
        <f t="shared" si="8"/>
        <v>1</v>
      </c>
    </row>
    <row r="393" spans="1:4" x14ac:dyDescent="0.25">
      <c r="A393" t="s">
        <v>19</v>
      </c>
      <c r="B393">
        <v>0.93</v>
      </c>
      <c r="C393">
        <v>0.86</v>
      </c>
      <c r="D393">
        <f t="shared" si="8"/>
        <v>3</v>
      </c>
    </row>
    <row r="394" spans="1:4" x14ac:dyDescent="0.25">
      <c r="A394" t="s">
        <v>29</v>
      </c>
      <c r="B394">
        <v>0.44</v>
      </c>
      <c r="C394">
        <v>0.17</v>
      </c>
      <c r="D394">
        <f t="shared" si="8"/>
        <v>1</v>
      </c>
    </row>
    <row r="395" spans="1:4" x14ac:dyDescent="0.25">
      <c r="A395" t="s">
        <v>28</v>
      </c>
      <c r="B395">
        <v>1</v>
      </c>
      <c r="C395">
        <v>0.34</v>
      </c>
      <c r="D395">
        <f t="shared" si="8"/>
        <v>3</v>
      </c>
    </row>
    <row r="396" spans="1:4" x14ac:dyDescent="0.25">
      <c r="A396" t="s">
        <v>15</v>
      </c>
      <c r="B396">
        <v>0.62</v>
      </c>
      <c r="C396">
        <v>0.16</v>
      </c>
      <c r="D396">
        <f t="shared" si="8"/>
        <v>3</v>
      </c>
    </row>
    <row r="397" spans="1:4" x14ac:dyDescent="0.25">
      <c r="A397" t="s">
        <v>17</v>
      </c>
      <c r="B397">
        <v>0.44</v>
      </c>
      <c r="C397">
        <v>0.25</v>
      </c>
      <c r="D397">
        <f t="shared" si="8"/>
        <v>3</v>
      </c>
    </row>
    <row r="398" spans="1:4" x14ac:dyDescent="0.25">
      <c r="A398" t="s">
        <v>21</v>
      </c>
      <c r="B398">
        <v>0.51</v>
      </c>
      <c r="C398">
        <v>0.4</v>
      </c>
      <c r="D398">
        <f t="shared" si="8"/>
        <v>2</v>
      </c>
    </row>
    <row r="399" spans="1:4" x14ac:dyDescent="0.25">
      <c r="A399" t="s">
        <v>18</v>
      </c>
      <c r="B399">
        <v>0.95</v>
      </c>
      <c r="C399">
        <v>0.46</v>
      </c>
      <c r="D399">
        <f t="shared" si="8"/>
        <v>1</v>
      </c>
    </row>
    <row r="400" spans="1:4" x14ac:dyDescent="0.25">
      <c r="A400" t="s">
        <v>29</v>
      </c>
      <c r="B400">
        <v>0.67</v>
      </c>
      <c r="C400">
        <v>0.05</v>
      </c>
      <c r="D400">
        <f t="shared" si="8"/>
        <v>1</v>
      </c>
    </row>
    <row r="401" spans="1:4" x14ac:dyDescent="0.25">
      <c r="A401" t="s">
        <v>26</v>
      </c>
      <c r="B401">
        <v>0.35</v>
      </c>
      <c r="C401">
        <v>0.22</v>
      </c>
      <c r="D401">
        <f t="shared" si="8"/>
        <v>3</v>
      </c>
    </row>
    <row r="402" spans="1:4" x14ac:dyDescent="0.25">
      <c r="A402" t="s">
        <v>22</v>
      </c>
      <c r="B402">
        <v>0.75</v>
      </c>
      <c r="C402">
        <v>0.65</v>
      </c>
      <c r="D402">
        <f t="shared" si="8"/>
        <v>1</v>
      </c>
    </row>
    <row r="403" spans="1:4" x14ac:dyDescent="0.25">
      <c r="A403" t="s">
        <v>22</v>
      </c>
      <c r="B403">
        <v>0.27</v>
      </c>
      <c r="C403">
        <v>0.59</v>
      </c>
      <c r="D403">
        <f t="shared" si="8"/>
        <v>1</v>
      </c>
    </row>
    <row r="404" spans="1:4" x14ac:dyDescent="0.25">
      <c r="A404" t="s">
        <v>22</v>
      </c>
      <c r="B404">
        <v>0.63</v>
      </c>
      <c r="C404">
        <v>0.34</v>
      </c>
      <c r="D404">
        <f t="shared" si="8"/>
        <v>1</v>
      </c>
    </row>
    <row r="405" spans="1:4" x14ac:dyDescent="0.25">
      <c r="A405" t="s">
        <v>28</v>
      </c>
      <c r="B405">
        <v>0.31</v>
      </c>
      <c r="C405">
        <v>0.31</v>
      </c>
      <c r="D405">
        <f t="shared" si="8"/>
        <v>3</v>
      </c>
    </row>
    <row r="406" spans="1:4" x14ac:dyDescent="0.25">
      <c r="A406" t="s">
        <v>25</v>
      </c>
      <c r="B406">
        <v>0.91</v>
      </c>
      <c r="C406">
        <v>0.86</v>
      </c>
      <c r="D406">
        <f t="shared" si="8"/>
        <v>3</v>
      </c>
    </row>
    <row r="407" spans="1:4" x14ac:dyDescent="0.25">
      <c r="A407" t="s">
        <v>14</v>
      </c>
      <c r="B407">
        <v>0.35</v>
      </c>
      <c r="C407">
        <v>0.4</v>
      </c>
      <c r="D407">
        <f t="shared" si="8"/>
        <v>3</v>
      </c>
    </row>
    <row r="408" spans="1:4" x14ac:dyDescent="0.25">
      <c r="A408" t="s">
        <v>30</v>
      </c>
      <c r="B408">
        <v>0.3</v>
      </c>
      <c r="C408">
        <v>0.42</v>
      </c>
      <c r="D408">
        <f t="shared" si="8"/>
        <v>3</v>
      </c>
    </row>
    <row r="409" spans="1:4" x14ac:dyDescent="0.25">
      <c r="A409" t="s">
        <v>23</v>
      </c>
      <c r="B409">
        <v>0.92</v>
      </c>
      <c r="C409">
        <v>0.44</v>
      </c>
      <c r="D409">
        <f t="shared" si="8"/>
        <v>1</v>
      </c>
    </row>
    <row r="410" spans="1:4" x14ac:dyDescent="0.25">
      <c r="A410" t="s">
        <v>15</v>
      </c>
      <c r="B410">
        <v>0.34</v>
      </c>
      <c r="C410">
        <v>0.05</v>
      </c>
      <c r="D410">
        <f t="shared" si="8"/>
        <v>3</v>
      </c>
    </row>
    <row r="411" spans="1:4" x14ac:dyDescent="0.25">
      <c r="A411" t="s">
        <v>7</v>
      </c>
      <c r="B411">
        <v>0.22</v>
      </c>
      <c r="C411">
        <v>0.84</v>
      </c>
      <c r="D411">
        <f t="shared" si="8"/>
        <v>1</v>
      </c>
    </row>
    <row r="412" spans="1:4" x14ac:dyDescent="0.25">
      <c r="A412" t="s">
        <v>29</v>
      </c>
      <c r="B412">
        <v>0.35</v>
      </c>
      <c r="C412">
        <v>0.25</v>
      </c>
      <c r="D412">
        <f t="shared" si="8"/>
        <v>1</v>
      </c>
    </row>
    <row r="413" spans="1:4" x14ac:dyDescent="0.25">
      <c r="A413" t="s">
        <v>30</v>
      </c>
      <c r="B413">
        <v>0.91</v>
      </c>
      <c r="C413">
        <v>0.3</v>
      </c>
      <c r="D413">
        <f t="shared" si="8"/>
        <v>3</v>
      </c>
    </row>
    <row r="414" spans="1:4" x14ac:dyDescent="0.25">
      <c r="A414" t="s">
        <v>22</v>
      </c>
      <c r="B414">
        <v>0.3</v>
      </c>
      <c r="C414">
        <v>0.41</v>
      </c>
      <c r="D414">
        <f t="shared" si="8"/>
        <v>1</v>
      </c>
    </row>
    <row r="415" spans="1:4" x14ac:dyDescent="0.25">
      <c r="A415" t="s">
        <v>28</v>
      </c>
      <c r="B415">
        <v>7.0000000000000007E-2</v>
      </c>
      <c r="C415">
        <v>0.35</v>
      </c>
      <c r="D415">
        <f t="shared" si="8"/>
        <v>3</v>
      </c>
    </row>
    <row r="416" spans="1:4" x14ac:dyDescent="0.25">
      <c r="A416" t="s">
        <v>28</v>
      </c>
      <c r="B416">
        <v>0.57999999999999996</v>
      </c>
      <c r="C416">
        <v>0.31</v>
      </c>
      <c r="D416">
        <f t="shared" si="8"/>
        <v>3</v>
      </c>
    </row>
    <row r="417" spans="1:4" x14ac:dyDescent="0.25">
      <c r="A417" t="s">
        <v>9</v>
      </c>
      <c r="B417">
        <v>0.03</v>
      </c>
      <c r="C417">
        <v>0.12</v>
      </c>
      <c r="D417">
        <f t="shared" si="8"/>
        <v>3</v>
      </c>
    </row>
    <row r="418" spans="1:4" x14ac:dyDescent="0.25">
      <c r="A418" t="s">
        <v>13</v>
      </c>
      <c r="B418">
        <v>0.69</v>
      </c>
      <c r="C418">
        <v>0.55000000000000004</v>
      </c>
      <c r="D418">
        <f t="shared" si="8"/>
        <v>3</v>
      </c>
    </row>
    <row r="419" spans="1:4" x14ac:dyDescent="0.25">
      <c r="A419" t="s">
        <v>27</v>
      </c>
      <c r="B419">
        <v>0.35</v>
      </c>
      <c r="C419">
        <v>0.72</v>
      </c>
      <c r="D419">
        <f t="shared" si="8"/>
        <v>3</v>
      </c>
    </row>
    <row r="420" spans="1:4" x14ac:dyDescent="0.25">
      <c r="A420" t="s">
        <v>9</v>
      </c>
      <c r="B420">
        <v>0.44</v>
      </c>
      <c r="C420">
        <v>0.12</v>
      </c>
      <c r="D420">
        <f t="shared" si="8"/>
        <v>3</v>
      </c>
    </row>
    <row r="421" spans="1:4" x14ac:dyDescent="0.25">
      <c r="A421" t="s">
        <v>20</v>
      </c>
      <c r="B421">
        <v>0.49</v>
      </c>
      <c r="C421">
        <v>0.55000000000000004</v>
      </c>
      <c r="D421">
        <f t="shared" si="8"/>
        <v>3</v>
      </c>
    </row>
    <row r="422" spans="1:4" x14ac:dyDescent="0.25">
      <c r="A422" t="s">
        <v>20</v>
      </c>
      <c r="B422">
        <v>0.93</v>
      </c>
      <c r="C422">
        <v>0.45</v>
      </c>
      <c r="D422">
        <f t="shared" si="8"/>
        <v>3</v>
      </c>
    </row>
    <row r="423" spans="1:4" x14ac:dyDescent="0.25">
      <c r="A423" t="s">
        <v>30</v>
      </c>
      <c r="B423">
        <v>0.97</v>
      </c>
      <c r="C423">
        <v>0.47</v>
      </c>
      <c r="D423">
        <f t="shared" si="8"/>
        <v>3</v>
      </c>
    </row>
    <row r="424" spans="1:4" x14ac:dyDescent="0.25">
      <c r="A424" t="s">
        <v>11</v>
      </c>
      <c r="B424">
        <v>0.21</v>
      </c>
      <c r="C424">
        <v>0.79</v>
      </c>
      <c r="D424">
        <f t="shared" si="8"/>
        <v>1</v>
      </c>
    </row>
    <row r="425" spans="1:4" x14ac:dyDescent="0.25">
      <c r="A425" t="s">
        <v>14</v>
      </c>
      <c r="B425">
        <v>0.12</v>
      </c>
      <c r="C425">
        <v>0.66</v>
      </c>
      <c r="D425">
        <f t="shared" si="8"/>
        <v>3</v>
      </c>
    </row>
    <row r="426" spans="1:4" x14ac:dyDescent="0.25">
      <c r="A426" t="s">
        <v>20</v>
      </c>
      <c r="B426">
        <v>0.22</v>
      </c>
      <c r="C426">
        <v>0.39</v>
      </c>
      <c r="D426">
        <f t="shared" si="8"/>
        <v>3</v>
      </c>
    </row>
    <row r="427" spans="1:4" x14ac:dyDescent="0.25">
      <c r="A427" t="s">
        <v>21</v>
      </c>
      <c r="B427">
        <v>0.54</v>
      </c>
      <c r="C427">
        <v>0.4</v>
      </c>
      <c r="D427">
        <f t="shared" si="8"/>
        <v>2</v>
      </c>
    </row>
    <row r="428" spans="1:4" x14ac:dyDescent="0.25">
      <c r="A428" t="s">
        <v>22</v>
      </c>
      <c r="B428">
        <v>0.77</v>
      </c>
      <c r="C428">
        <v>0.43</v>
      </c>
      <c r="D428">
        <f t="shared" si="8"/>
        <v>1</v>
      </c>
    </row>
    <row r="429" spans="1:4" x14ac:dyDescent="0.25">
      <c r="A429" t="s">
        <v>15</v>
      </c>
      <c r="B429">
        <v>0.12</v>
      </c>
      <c r="C429">
        <v>0.28000000000000003</v>
      </c>
      <c r="D429">
        <f t="shared" si="8"/>
        <v>3</v>
      </c>
    </row>
    <row r="430" spans="1:4" x14ac:dyDescent="0.25">
      <c r="A430" t="s">
        <v>22</v>
      </c>
      <c r="B430">
        <v>0.26</v>
      </c>
      <c r="C430">
        <v>0.35</v>
      </c>
      <c r="D430">
        <f t="shared" si="8"/>
        <v>1</v>
      </c>
    </row>
    <row r="431" spans="1:4" x14ac:dyDescent="0.25">
      <c r="A431" t="s">
        <v>22</v>
      </c>
      <c r="B431">
        <v>0.87</v>
      </c>
      <c r="C431">
        <v>0.35</v>
      </c>
      <c r="D431">
        <f t="shared" si="8"/>
        <v>1</v>
      </c>
    </row>
    <row r="432" spans="1:4" x14ac:dyDescent="0.25">
      <c r="A432" t="s">
        <v>22</v>
      </c>
      <c r="B432">
        <v>0.39</v>
      </c>
      <c r="C432">
        <v>0.5</v>
      </c>
      <c r="D432">
        <f t="shared" si="8"/>
        <v>1</v>
      </c>
    </row>
    <row r="433" spans="1:4" x14ac:dyDescent="0.25">
      <c r="A433" t="s">
        <v>7</v>
      </c>
      <c r="B433">
        <v>0.33</v>
      </c>
      <c r="C433">
        <v>0.76</v>
      </c>
      <c r="D433">
        <f t="shared" si="8"/>
        <v>1</v>
      </c>
    </row>
    <row r="434" spans="1:4" x14ac:dyDescent="0.25">
      <c r="A434" t="s">
        <v>30</v>
      </c>
      <c r="B434">
        <v>0.97</v>
      </c>
      <c r="C434">
        <v>0.4</v>
      </c>
      <c r="D434">
        <f t="shared" si="8"/>
        <v>3</v>
      </c>
    </row>
    <row r="435" spans="1:4" x14ac:dyDescent="0.25">
      <c r="A435" t="s">
        <v>23</v>
      </c>
      <c r="B435">
        <v>0.74</v>
      </c>
      <c r="C435">
        <v>0.64</v>
      </c>
      <c r="D435">
        <f t="shared" si="8"/>
        <v>1</v>
      </c>
    </row>
    <row r="436" spans="1:4" x14ac:dyDescent="0.25">
      <c r="A436" t="s">
        <v>17</v>
      </c>
      <c r="B436">
        <v>0.94</v>
      </c>
      <c r="C436">
        <v>0.14000000000000001</v>
      </c>
      <c r="D436">
        <f t="shared" si="8"/>
        <v>3</v>
      </c>
    </row>
    <row r="437" spans="1:4" x14ac:dyDescent="0.25">
      <c r="A437" t="s">
        <v>28</v>
      </c>
      <c r="B437">
        <v>1</v>
      </c>
      <c r="C437">
        <v>0.61</v>
      </c>
      <c r="D437">
        <f t="shared" si="8"/>
        <v>3</v>
      </c>
    </row>
    <row r="438" spans="1:4" x14ac:dyDescent="0.25">
      <c r="A438" t="s">
        <v>23</v>
      </c>
      <c r="B438">
        <v>0.93</v>
      </c>
      <c r="C438">
        <v>0.62</v>
      </c>
      <c r="D438">
        <f t="shared" si="8"/>
        <v>1</v>
      </c>
    </row>
    <row r="439" spans="1:4" x14ac:dyDescent="0.25">
      <c r="A439" t="s">
        <v>9</v>
      </c>
      <c r="B439">
        <v>0.17</v>
      </c>
      <c r="C439">
        <v>0.18</v>
      </c>
      <c r="D439">
        <f t="shared" si="8"/>
        <v>3</v>
      </c>
    </row>
    <row r="440" spans="1:4" x14ac:dyDescent="0.25">
      <c r="A440" t="s">
        <v>14</v>
      </c>
      <c r="B440">
        <v>0.2</v>
      </c>
      <c r="C440">
        <v>0.56000000000000005</v>
      </c>
      <c r="D440">
        <f t="shared" si="8"/>
        <v>3</v>
      </c>
    </row>
    <row r="441" spans="1:4" x14ac:dyDescent="0.25">
      <c r="A441" t="s">
        <v>17</v>
      </c>
      <c r="B441">
        <v>0.51</v>
      </c>
      <c r="C441">
        <v>0.08</v>
      </c>
      <c r="D441">
        <f t="shared" si="8"/>
        <v>3</v>
      </c>
    </row>
    <row r="442" spans="1:4" x14ac:dyDescent="0.25">
      <c r="A442" t="s">
        <v>20</v>
      </c>
      <c r="B442">
        <v>0.64</v>
      </c>
      <c r="C442">
        <v>0.67</v>
      </c>
      <c r="D442">
        <f t="shared" si="8"/>
        <v>3</v>
      </c>
    </row>
    <row r="443" spans="1:4" x14ac:dyDescent="0.25">
      <c r="A443" t="s">
        <v>17</v>
      </c>
      <c r="B443">
        <v>0.79</v>
      </c>
      <c r="C443">
        <v>0.27</v>
      </c>
      <c r="D443">
        <f t="shared" si="8"/>
        <v>3</v>
      </c>
    </row>
    <row r="444" spans="1:4" x14ac:dyDescent="0.25">
      <c r="A444" t="s">
        <v>23</v>
      </c>
      <c r="B444">
        <v>0.81</v>
      </c>
      <c r="C444">
        <v>0.32</v>
      </c>
      <c r="D444">
        <f t="shared" si="8"/>
        <v>1</v>
      </c>
    </row>
    <row r="445" spans="1:4" x14ac:dyDescent="0.25">
      <c r="A445" t="s">
        <v>25</v>
      </c>
      <c r="B445">
        <v>0.35</v>
      </c>
      <c r="C445">
        <v>0.8</v>
      </c>
      <c r="D445">
        <f t="shared" si="8"/>
        <v>3</v>
      </c>
    </row>
    <row r="446" spans="1:4" x14ac:dyDescent="0.25">
      <c r="A446" t="s">
        <v>7</v>
      </c>
      <c r="B446">
        <v>0.89</v>
      </c>
      <c r="C446">
        <v>0.78</v>
      </c>
      <c r="D446">
        <f t="shared" si="8"/>
        <v>1</v>
      </c>
    </row>
    <row r="447" spans="1:4" x14ac:dyDescent="0.25">
      <c r="A447" t="s">
        <v>21</v>
      </c>
      <c r="B447">
        <v>0.9</v>
      </c>
      <c r="C447">
        <v>0.65</v>
      </c>
      <c r="D447">
        <f t="shared" si="8"/>
        <v>2</v>
      </c>
    </row>
    <row r="448" spans="1:4" x14ac:dyDescent="0.25">
      <c r="A448" t="s">
        <v>29</v>
      </c>
      <c r="B448">
        <v>0.85</v>
      </c>
      <c r="C448">
        <v>0.25</v>
      </c>
      <c r="D448">
        <f t="shared" si="8"/>
        <v>1</v>
      </c>
    </row>
    <row r="449" spans="1:4" x14ac:dyDescent="0.25">
      <c r="A449" t="s">
        <v>28</v>
      </c>
      <c r="B449">
        <v>0.72</v>
      </c>
      <c r="C449">
        <v>0.57999999999999996</v>
      </c>
      <c r="D449">
        <f t="shared" si="8"/>
        <v>3</v>
      </c>
    </row>
    <row r="450" spans="1:4" x14ac:dyDescent="0.25">
      <c r="A450" t="s">
        <v>16</v>
      </c>
      <c r="B450">
        <v>0.01</v>
      </c>
      <c r="C450">
        <v>0.54</v>
      </c>
      <c r="D450">
        <f t="shared" si="8"/>
        <v>3</v>
      </c>
    </row>
    <row r="451" spans="1:4" x14ac:dyDescent="0.25">
      <c r="A451" t="s">
        <v>20</v>
      </c>
      <c r="B451">
        <v>0.71</v>
      </c>
      <c r="C451">
        <v>0.33</v>
      </c>
      <c r="D451">
        <f t="shared" ref="D451:D514" si="9">VLOOKUP(A451,$G$2:$H$21,2)</f>
        <v>3</v>
      </c>
    </row>
    <row r="452" spans="1:4" x14ac:dyDescent="0.25">
      <c r="A452" t="s">
        <v>9</v>
      </c>
      <c r="B452">
        <v>0.09</v>
      </c>
      <c r="C452">
        <v>0.15</v>
      </c>
      <c r="D452">
        <f t="shared" si="9"/>
        <v>3</v>
      </c>
    </row>
    <row r="453" spans="1:4" x14ac:dyDescent="0.25">
      <c r="A453" t="s">
        <v>29</v>
      </c>
      <c r="B453">
        <v>0.27</v>
      </c>
      <c r="C453">
        <v>0.09</v>
      </c>
      <c r="D453">
        <f t="shared" si="9"/>
        <v>1</v>
      </c>
    </row>
    <row r="454" spans="1:4" x14ac:dyDescent="0.25">
      <c r="A454" t="s">
        <v>9</v>
      </c>
      <c r="B454">
        <v>0.54</v>
      </c>
      <c r="C454">
        <v>0.11</v>
      </c>
      <c r="D454">
        <f t="shared" si="9"/>
        <v>3</v>
      </c>
    </row>
    <row r="455" spans="1:4" x14ac:dyDescent="0.25">
      <c r="A455" t="s">
        <v>28</v>
      </c>
      <c r="B455">
        <v>0.57999999999999996</v>
      </c>
      <c r="C455">
        <v>0.32</v>
      </c>
      <c r="D455">
        <f t="shared" si="9"/>
        <v>3</v>
      </c>
    </row>
    <row r="456" spans="1:4" x14ac:dyDescent="0.25">
      <c r="A456" t="s">
        <v>29</v>
      </c>
      <c r="B456">
        <v>0.65</v>
      </c>
      <c r="C456">
        <v>0.21</v>
      </c>
      <c r="D456">
        <f t="shared" si="9"/>
        <v>1</v>
      </c>
    </row>
    <row r="457" spans="1:4" x14ac:dyDescent="0.25">
      <c r="A457" t="s">
        <v>20</v>
      </c>
      <c r="B457">
        <v>0.66</v>
      </c>
      <c r="C457">
        <v>0.31</v>
      </c>
      <c r="D457">
        <f t="shared" si="9"/>
        <v>3</v>
      </c>
    </row>
    <row r="458" spans="1:4" x14ac:dyDescent="0.25">
      <c r="A458" t="s">
        <v>15</v>
      </c>
      <c r="B458">
        <v>0.8</v>
      </c>
      <c r="C458">
        <v>0.27</v>
      </c>
      <c r="D458">
        <f t="shared" si="9"/>
        <v>3</v>
      </c>
    </row>
    <row r="459" spans="1:4" x14ac:dyDescent="0.25">
      <c r="A459" t="s">
        <v>14</v>
      </c>
      <c r="B459">
        <v>0.49</v>
      </c>
      <c r="C459">
        <v>0.55000000000000004</v>
      </c>
      <c r="D459">
        <f t="shared" si="9"/>
        <v>3</v>
      </c>
    </row>
    <row r="460" spans="1:4" x14ac:dyDescent="0.25">
      <c r="A460" t="s">
        <v>22</v>
      </c>
      <c r="B460">
        <v>0.62</v>
      </c>
      <c r="C460">
        <v>0.42</v>
      </c>
      <c r="D460">
        <f t="shared" si="9"/>
        <v>1</v>
      </c>
    </row>
    <row r="461" spans="1:4" x14ac:dyDescent="0.25">
      <c r="A461" t="s">
        <v>29</v>
      </c>
      <c r="B461">
        <v>0.69</v>
      </c>
      <c r="C461">
        <v>0.28999999999999998</v>
      </c>
      <c r="D461">
        <f t="shared" si="9"/>
        <v>1</v>
      </c>
    </row>
    <row r="462" spans="1:4" x14ac:dyDescent="0.25">
      <c r="A462" t="s">
        <v>13</v>
      </c>
      <c r="B462">
        <v>0.65</v>
      </c>
      <c r="C462">
        <v>0.55000000000000004</v>
      </c>
      <c r="D462">
        <f t="shared" si="9"/>
        <v>3</v>
      </c>
    </row>
    <row r="463" spans="1:4" x14ac:dyDescent="0.25">
      <c r="A463" t="s">
        <v>16</v>
      </c>
      <c r="B463">
        <v>0.28000000000000003</v>
      </c>
      <c r="C463">
        <v>0.57999999999999996</v>
      </c>
      <c r="D463">
        <f t="shared" si="9"/>
        <v>3</v>
      </c>
    </row>
    <row r="464" spans="1:4" x14ac:dyDescent="0.25">
      <c r="A464" t="s">
        <v>16</v>
      </c>
      <c r="B464">
        <v>0.04</v>
      </c>
      <c r="C464">
        <v>0.41</v>
      </c>
      <c r="D464">
        <f t="shared" si="9"/>
        <v>3</v>
      </c>
    </row>
    <row r="465" spans="1:4" x14ac:dyDescent="0.25">
      <c r="A465" t="s">
        <v>22</v>
      </c>
      <c r="B465">
        <v>0.21</v>
      </c>
      <c r="C465">
        <v>0.59</v>
      </c>
      <c r="D465">
        <f t="shared" si="9"/>
        <v>1</v>
      </c>
    </row>
    <row r="466" spans="1:4" x14ac:dyDescent="0.25">
      <c r="A466" t="s">
        <v>29</v>
      </c>
      <c r="B466">
        <v>0.93</v>
      </c>
      <c r="C466">
        <v>7.0000000000000007E-2</v>
      </c>
      <c r="D466">
        <f t="shared" si="9"/>
        <v>1</v>
      </c>
    </row>
    <row r="467" spans="1:4" x14ac:dyDescent="0.25">
      <c r="A467" t="s">
        <v>16</v>
      </c>
      <c r="B467">
        <v>0.56000000000000005</v>
      </c>
      <c r="C467">
        <v>0.36</v>
      </c>
      <c r="D467">
        <f t="shared" si="9"/>
        <v>3</v>
      </c>
    </row>
    <row r="468" spans="1:4" x14ac:dyDescent="0.25">
      <c r="A468" t="s">
        <v>27</v>
      </c>
      <c r="B468">
        <v>0.24</v>
      </c>
      <c r="C468">
        <v>0.75</v>
      </c>
      <c r="D468">
        <f t="shared" si="9"/>
        <v>3</v>
      </c>
    </row>
    <row r="469" spans="1:4" x14ac:dyDescent="0.25">
      <c r="A469" t="s">
        <v>26</v>
      </c>
      <c r="B469">
        <v>0.08</v>
      </c>
      <c r="C469">
        <v>0.28000000000000003</v>
      </c>
      <c r="D469">
        <f t="shared" si="9"/>
        <v>3</v>
      </c>
    </row>
    <row r="470" spans="1:4" x14ac:dyDescent="0.25">
      <c r="A470" t="s">
        <v>23</v>
      </c>
      <c r="B470">
        <v>0.19</v>
      </c>
      <c r="C470">
        <v>0.48</v>
      </c>
      <c r="D470">
        <f t="shared" si="9"/>
        <v>1</v>
      </c>
    </row>
    <row r="471" spans="1:4" x14ac:dyDescent="0.25">
      <c r="A471" t="s">
        <v>21</v>
      </c>
      <c r="B471">
        <v>0.37</v>
      </c>
      <c r="C471">
        <v>0.51</v>
      </c>
      <c r="D471">
        <f t="shared" si="9"/>
        <v>2</v>
      </c>
    </row>
    <row r="472" spans="1:4" x14ac:dyDescent="0.25">
      <c r="A472" t="s">
        <v>11</v>
      </c>
      <c r="B472">
        <v>0.2</v>
      </c>
      <c r="C472">
        <v>0.83</v>
      </c>
      <c r="D472">
        <f t="shared" si="9"/>
        <v>1</v>
      </c>
    </row>
    <row r="473" spans="1:4" x14ac:dyDescent="0.25">
      <c r="A473" t="s">
        <v>15</v>
      </c>
      <c r="B473">
        <v>0.41</v>
      </c>
      <c r="C473">
        <v>0.22</v>
      </c>
      <c r="D473">
        <f t="shared" si="9"/>
        <v>3</v>
      </c>
    </row>
    <row r="474" spans="1:4" x14ac:dyDescent="0.25">
      <c r="A474" t="s">
        <v>14</v>
      </c>
      <c r="B474">
        <v>0.27</v>
      </c>
      <c r="C474">
        <v>0.66</v>
      </c>
      <c r="D474">
        <f t="shared" si="9"/>
        <v>3</v>
      </c>
    </row>
    <row r="475" spans="1:4" x14ac:dyDescent="0.25">
      <c r="A475" t="s">
        <v>14</v>
      </c>
      <c r="B475">
        <v>0.13</v>
      </c>
      <c r="C475">
        <v>0.53</v>
      </c>
      <c r="D475">
        <f t="shared" si="9"/>
        <v>3</v>
      </c>
    </row>
    <row r="476" spans="1:4" x14ac:dyDescent="0.25">
      <c r="A476" t="s">
        <v>20</v>
      </c>
      <c r="B476">
        <v>0.25</v>
      </c>
      <c r="C476">
        <v>0.35</v>
      </c>
      <c r="D476">
        <f t="shared" si="9"/>
        <v>3</v>
      </c>
    </row>
    <row r="477" spans="1:4" x14ac:dyDescent="0.25">
      <c r="A477" t="s">
        <v>9</v>
      </c>
      <c r="B477">
        <v>0.37</v>
      </c>
      <c r="C477">
        <v>0.19</v>
      </c>
      <c r="D477">
        <f t="shared" si="9"/>
        <v>3</v>
      </c>
    </row>
    <row r="478" spans="1:4" x14ac:dyDescent="0.25">
      <c r="A478" t="s">
        <v>13</v>
      </c>
      <c r="B478">
        <v>0.56999999999999995</v>
      </c>
      <c r="C478">
        <v>0.45</v>
      </c>
      <c r="D478">
        <f t="shared" si="9"/>
        <v>3</v>
      </c>
    </row>
    <row r="479" spans="1:4" x14ac:dyDescent="0.25">
      <c r="A479" t="s">
        <v>27</v>
      </c>
      <c r="B479">
        <v>0.86</v>
      </c>
      <c r="C479">
        <v>0.72</v>
      </c>
      <c r="D479">
        <f t="shared" si="9"/>
        <v>3</v>
      </c>
    </row>
    <row r="480" spans="1:4" x14ac:dyDescent="0.25">
      <c r="A480" t="s">
        <v>18</v>
      </c>
      <c r="B480">
        <v>0.96</v>
      </c>
      <c r="C480">
        <v>0.48</v>
      </c>
      <c r="D480">
        <f t="shared" si="9"/>
        <v>1</v>
      </c>
    </row>
    <row r="481" spans="1:4" x14ac:dyDescent="0.25">
      <c r="A481" t="s">
        <v>25</v>
      </c>
      <c r="B481">
        <v>0.56999999999999995</v>
      </c>
      <c r="C481">
        <v>0.82</v>
      </c>
      <c r="D481">
        <f t="shared" si="9"/>
        <v>3</v>
      </c>
    </row>
    <row r="482" spans="1:4" x14ac:dyDescent="0.25">
      <c r="A482" t="s">
        <v>9</v>
      </c>
      <c r="B482">
        <v>0.18</v>
      </c>
      <c r="C482">
        <v>0.17</v>
      </c>
      <c r="D482">
        <f t="shared" si="9"/>
        <v>3</v>
      </c>
    </row>
    <row r="483" spans="1:4" x14ac:dyDescent="0.25">
      <c r="A483" t="s">
        <v>28</v>
      </c>
      <c r="B483">
        <v>0.51</v>
      </c>
      <c r="C483">
        <v>0.32</v>
      </c>
      <c r="D483">
        <f t="shared" si="9"/>
        <v>3</v>
      </c>
    </row>
    <row r="484" spans="1:4" x14ac:dyDescent="0.25">
      <c r="A484" t="s">
        <v>11</v>
      </c>
      <c r="B484">
        <v>0.87</v>
      </c>
      <c r="C484">
        <v>0.9</v>
      </c>
      <c r="D484">
        <f t="shared" si="9"/>
        <v>1</v>
      </c>
    </row>
    <row r="485" spans="1:4" x14ac:dyDescent="0.25">
      <c r="A485" t="s">
        <v>25</v>
      </c>
      <c r="B485">
        <v>0.53</v>
      </c>
      <c r="C485">
        <v>0.73</v>
      </c>
      <c r="D485">
        <f t="shared" si="9"/>
        <v>3</v>
      </c>
    </row>
    <row r="486" spans="1:4" x14ac:dyDescent="0.25">
      <c r="A486" t="s">
        <v>17</v>
      </c>
      <c r="B486">
        <v>0.8</v>
      </c>
      <c r="C486">
        <v>0.08</v>
      </c>
      <c r="D486">
        <f t="shared" si="9"/>
        <v>3</v>
      </c>
    </row>
    <row r="487" spans="1:4" x14ac:dyDescent="0.25">
      <c r="A487" t="s">
        <v>14</v>
      </c>
      <c r="B487">
        <v>0.12</v>
      </c>
      <c r="C487">
        <v>0.42</v>
      </c>
      <c r="D487">
        <f t="shared" si="9"/>
        <v>3</v>
      </c>
    </row>
    <row r="488" spans="1:4" x14ac:dyDescent="0.25">
      <c r="A488" t="s">
        <v>7</v>
      </c>
      <c r="B488">
        <v>0.72</v>
      </c>
      <c r="C488">
        <v>0.83</v>
      </c>
      <c r="D488">
        <f t="shared" si="9"/>
        <v>1</v>
      </c>
    </row>
    <row r="489" spans="1:4" x14ac:dyDescent="0.25">
      <c r="A489" t="s">
        <v>11</v>
      </c>
      <c r="B489">
        <v>0.63</v>
      </c>
      <c r="C489">
        <v>0.93</v>
      </c>
      <c r="D489">
        <f t="shared" si="9"/>
        <v>1</v>
      </c>
    </row>
    <row r="490" spans="1:4" x14ac:dyDescent="0.25">
      <c r="A490" t="s">
        <v>28</v>
      </c>
      <c r="B490">
        <v>0.5</v>
      </c>
      <c r="C490">
        <v>0.55000000000000004</v>
      </c>
      <c r="D490">
        <f t="shared" si="9"/>
        <v>3</v>
      </c>
    </row>
    <row r="491" spans="1:4" x14ac:dyDescent="0.25">
      <c r="A491" t="s">
        <v>28</v>
      </c>
      <c r="B491">
        <v>0.94</v>
      </c>
      <c r="C491">
        <v>0.38</v>
      </c>
      <c r="D491">
        <f t="shared" si="9"/>
        <v>3</v>
      </c>
    </row>
    <row r="492" spans="1:4" x14ac:dyDescent="0.25">
      <c r="A492" t="s">
        <v>20</v>
      </c>
      <c r="B492">
        <v>0.32</v>
      </c>
      <c r="C492">
        <v>0.39</v>
      </c>
      <c r="D492">
        <f t="shared" si="9"/>
        <v>3</v>
      </c>
    </row>
    <row r="493" spans="1:4" x14ac:dyDescent="0.25">
      <c r="A493" t="s">
        <v>11</v>
      </c>
      <c r="B493">
        <v>0.93</v>
      </c>
      <c r="C493">
        <v>0.79</v>
      </c>
      <c r="D493">
        <f t="shared" si="9"/>
        <v>1</v>
      </c>
    </row>
    <row r="494" spans="1:4" x14ac:dyDescent="0.25">
      <c r="A494" t="s">
        <v>13</v>
      </c>
      <c r="B494">
        <v>0.38</v>
      </c>
      <c r="C494">
        <v>0.59</v>
      </c>
      <c r="D494">
        <f t="shared" si="9"/>
        <v>3</v>
      </c>
    </row>
    <row r="495" spans="1:4" x14ac:dyDescent="0.25">
      <c r="A495" t="s">
        <v>9</v>
      </c>
      <c r="B495">
        <v>0.59</v>
      </c>
      <c r="C495">
        <v>0.05</v>
      </c>
      <c r="D495">
        <f t="shared" si="9"/>
        <v>3</v>
      </c>
    </row>
    <row r="496" spans="1:4" x14ac:dyDescent="0.25">
      <c r="A496" t="s">
        <v>26</v>
      </c>
      <c r="B496">
        <v>0.89</v>
      </c>
      <c r="C496">
        <v>0.15</v>
      </c>
      <c r="D496">
        <f t="shared" si="9"/>
        <v>3</v>
      </c>
    </row>
    <row r="497" spans="1:4" x14ac:dyDescent="0.25">
      <c r="A497" t="s">
        <v>29</v>
      </c>
      <c r="B497">
        <v>0.41</v>
      </c>
      <c r="C497">
        <v>7.0000000000000007E-2</v>
      </c>
      <c r="D497">
        <f t="shared" si="9"/>
        <v>1</v>
      </c>
    </row>
    <row r="498" spans="1:4" x14ac:dyDescent="0.25">
      <c r="A498" t="s">
        <v>13</v>
      </c>
      <c r="B498">
        <v>0.35</v>
      </c>
      <c r="C498">
        <v>0.49</v>
      </c>
      <c r="D498">
        <f t="shared" si="9"/>
        <v>3</v>
      </c>
    </row>
    <row r="499" spans="1:4" x14ac:dyDescent="0.25">
      <c r="A499" t="s">
        <v>18</v>
      </c>
      <c r="B499">
        <v>0.46</v>
      </c>
      <c r="C499">
        <v>0.63</v>
      </c>
      <c r="D499">
        <f t="shared" si="9"/>
        <v>1</v>
      </c>
    </row>
    <row r="500" spans="1:4" x14ac:dyDescent="0.25">
      <c r="A500" t="s">
        <v>9</v>
      </c>
      <c r="B500">
        <v>0.02</v>
      </c>
      <c r="C500">
        <v>0.2</v>
      </c>
      <c r="D500">
        <f t="shared" si="9"/>
        <v>3</v>
      </c>
    </row>
    <row r="501" spans="1:4" x14ac:dyDescent="0.25">
      <c r="A501" t="s">
        <v>22</v>
      </c>
      <c r="B501">
        <v>0.4</v>
      </c>
      <c r="C501">
        <v>0.59</v>
      </c>
      <c r="D501">
        <f t="shared" si="9"/>
        <v>1</v>
      </c>
    </row>
    <row r="502" spans="1:4" x14ac:dyDescent="0.25">
      <c r="A502" t="s">
        <v>30</v>
      </c>
      <c r="B502">
        <v>0.27</v>
      </c>
      <c r="C502">
        <v>0.5</v>
      </c>
      <c r="D502">
        <f t="shared" si="9"/>
        <v>3</v>
      </c>
    </row>
    <row r="503" spans="1:4" x14ac:dyDescent="0.25">
      <c r="A503" t="s">
        <v>15</v>
      </c>
      <c r="B503">
        <v>0.27</v>
      </c>
      <c r="C503">
        <v>0.27</v>
      </c>
      <c r="D503">
        <f t="shared" si="9"/>
        <v>3</v>
      </c>
    </row>
    <row r="504" spans="1:4" x14ac:dyDescent="0.25">
      <c r="A504" t="s">
        <v>21</v>
      </c>
      <c r="B504">
        <v>0.24</v>
      </c>
      <c r="C504">
        <v>0.51</v>
      </c>
      <c r="D504">
        <f t="shared" si="9"/>
        <v>2</v>
      </c>
    </row>
    <row r="505" spans="1:4" x14ac:dyDescent="0.25">
      <c r="A505" t="s">
        <v>26</v>
      </c>
      <c r="B505">
        <v>0.43</v>
      </c>
      <c r="C505">
        <v>0.21</v>
      </c>
      <c r="D505">
        <f t="shared" si="9"/>
        <v>3</v>
      </c>
    </row>
    <row r="506" spans="1:4" x14ac:dyDescent="0.25">
      <c r="A506" t="s">
        <v>19</v>
      </c>
      <c r="B506">
        <v>0.84</v>
      </c>
      <c r="C506">
        <v>0.76</v>
      </c>
      <c r="D506">
        <f t="shared" si="9"/>
        <v>3</v>
      </c>
    </row>
    <row r="507" spans="1:4" x14ac:dyDescent="0.25">
      <c r="A507" t="s">
        <v>9</v>
      </c>
      <c r="B507">
        <v>0.72</v>
      </c>
      <c r="C507">
        <v>0.15</v>
      </c>
      <c r="D507">
        <f t="shared" si="9"/>
        <v>3</v>
      </c>
    </row>
    <row r="508" spans="1:4" x14ac:dyDescent="0.25">
      <c r="A508" t="s">
        <v>29</v>
      </c>
      <c r="B508">
        <v>0.41</v>
      </c>
      <c r="C508">
        <v>7.0000000000000007E-2</v>
      </c>
      <c r="D508">
        <f t="shared" si="9"/>
        <v>1</v>
      </c>
    </row>
    <row r="509" spans="1:4" x14ac:dyDescent="0.25">
      <c r="A509" t="s">
        <v>22</v>
      </c>
      <c r="B509">
        <v>0.74</v>
      </c>
      <c r="C509">
        <v>0.56000000000000005</v>
      </c>
      <c r="D509">
        <f t="shared" si="9"/>
        <v>1</v>
      </c>
    </row>
    <row r="510" spans="1:4" x14ac:dyDescent="0.25">
      <c r="A510" t="s">
        <v>9</v>
      </c>
      <c r="B510">
        <v>0.89</v>
      </c>
      <c r="C510">
        <v>0.26</v>
      </c>
      <c r="D510">
        <f t="shared" si="9"/>
        <v>3</v>
      </c>
    </row>
    <row r="511" spans="1:4" x14ac:dyDescent="0.25">
      <c r="A511" t="s">
        <v>29</v>
      </c>
      <c r="B511">
        <v>0.46</v>
      </c>
      <c r="C511">
        <v>0.11</v>
      </c>
      <c r="D511">
        <f t="shared" si="9"/>
        <v>1</v>
      </c>
    </row>
    <row r="512" spans="1:4" x14ac:dyDescent="0.25">
      <c r="A512" t="s">
        <v>9</v>
      </c>
      <c r="B512">
        <v>0.41</v>
      </c>
      <c r="C512">
        <v>0.24</v>
      </c>
      <c r="D512">
        <f t="shared" si="9"/>
        <v>3</v>
      </c>
    </row>
    <row r="513" spans="1:4" x14ac:dyDescent="0.25">
      <c r="A513" t="s">
        <v>29</v>
      </c>
      <c r="B513">
        <v>0.54</v>
      </c>
      <c r="C513">
        <v>0.24</v>
      </c>
      <c r="D513">
        <f t="shared" si="9"/>
        <v>1</v>
      </c>
    </row>
    <row r="514" spans="1:4" x14ac:dyDescent="0.25">
      <c r="A514" t="s">
        <v>28</v>
      </c>
      <c r="B514">
        <v>0.79</v>
      </c>
      <c r="C514">
        <v>0.37</v>
      </c>
      <c r="D514">
        <f t="shared" si="9"/>
        <v>3</v>
      </c>
    </row>
    <row r="515" spans="1:4" x14ac:dyDescent="0.25">
      <c r="A515" t="s">
        <v>19</v>
      </c>
      <c r="B515">
        <v>0.3</v>
      </c>
      <c r="C515">
        <v>0.94</v>
      </c>
      <c r="D515">
        <f t="shared" ref="D515:D578" si="10">VLOOKUP(A515,$G$2:$H$21,2)</f>
        <v>3</v>
      </c>
    </row>
    <row r="516" spans="1:4" x14ac:dyDescent="0.25">
      <c r="A516" t="s">
        <v>28</v>
      </c>
      <c r="B516">
        <v>0.87</v>
      </c>
      <c r="C516">
        <v>0.47</v>
      </c>
      <c r="D516">
        <f t="shared" si="10"/>
        <v>3</v>
      </c>
    </row>
    <row r="517" spans="1:4" x14ac:dyDescent="0.25">
      <c r="A517" t="s">
        <v>20</v>
      </c>
      <c r="B517">
        <v>0.91</v>
      </c>
      <c r="C517">
        <v>0.66</v>
      </c>
      <c r="D517">
        <f t="shared" si="10"/>
        <v>3</v>
      </c>
    </row>
    <row r="518" spans="1:4" x14ac:dyDescent="0.25">
      <c r="A518" t="s">
        <v>26</v>
      </c>
      <c r="B518">
        <v>0.08</v>
      </c>
      <c r="C518">
        <v>0.16</v>
      </c>
      <c r="D518">
        <f t="shared" si="10"/>
        <v>3</v>
      </c>
    </row>
    <row r="519" spans="1:4" x14ac:dyDescent="0.25">
      <c r="A519" t="s">
        <v>17</v>
      </c>
      <c r="B519">
        <v>0.66</v>
      </c>
      <c r="C519">
        <v>0.08</v>
      </c>
      <c r="D519">
        <f t="shared" si="10"/>
        <v>3</v>
      </c>
    </row>
    <row r="520" spans="1:4" x14ac:dyDescent="0.25">
      <c r="A520" t="s">
        <v>26</v>
      </c>
      <c r="B520">
        <v>0.64</v>
      </c>
      <c r="C520">
        <v>0.27</v>
      </c>
      <c r="D520">
        <f t="shared" si="10"/>
        <v>3</v>
      </c>
    </row>
    <row r="521" spans="1:4" x14ac:dyDescent="0.25">
      <c r="A521" t="s">
        <v>7</v>
      </c>
      <c r="B521">
        <v>0.48</v>
      </c>
      <c r="C521">
        <v>0.74</v>
      </c>
      <c r="D521">
        <f t="shared" si="10"/>
        <v>1</v>
      </c>
    </row>
    <row r="522" spans="1:4" x14ac:dyDescent="0.25">
      <c r="A522" t="s">
        <v>7</v>
      </c>
      <c r="B522">
        <v>0.61</v>
      </c>
      <c r="C522">
        <v>0.75</v>
      </c>
      <c r="D522">
        <f t="shared" si="10"/>
        <v>1</v>
      </c>
    </row>
    <row r="523" spans="1:4" x14ac:dyDescent="0.25">
      <c r="A523" t="s">
        <v>7</v>
      </c>
      <c r="B523">
        <v>0.78</v>
      </c>
      <c r="C523">
        <v>0.75</v>
      </c>
      <c r="D523">
        <f t="shared" si="10"/>
        <v>1</v>
      </c>
    </row>
    <row r="524" spans="1:4" x14ac:dyDescent="0.25">
      <c r="A524" t="s">
        <v>9</v>
      </c>
      <c r="B524">
        <v>0.56000000000000005</v>
      </c>
      <c r="C524">
        <v>0.05</v>
      </c>
      <c r="D524">
        <f t="shared" si="10"/>
        <v>3</v>
      </c>
    </row>
    <row r="525" spans="1:4" x14ac:dyDescent="0.25">
      <c r="A525" t="s">
        <v>13</v>
      </c>
      <c r="B525">
        <v>0.19</v>
      </c>
      <c r="C525">
        <v>0.36</v>
      </c>
      <c r="D525">
        <f t="shared" si="10"/>
        <v>3</v>
      </c>
    </row>
    <row r="526" spans="1:4" x14ac:dyDescent="0.25">
      <c r="A526" t="s">
        <v>29</v>
      </c>
      <c r="B526">
        <v>0.25</v>
      </c>
      <c r="C526">
        <v>0.22</v>
      </c>
      <c r="D526">
        <f t="shared" si="10"/>
        <v>1</v>
      </c>
    </row>
    <row r="527" spans="1:4" x14ac:dyDescent="0.25">
      <c r="A527" t="s">
        <v>16</v>
      </c>
      <c r="B527">
        <v>0.18</v>
      </c>
      <c r="C527">
        <v>0.52</v>
      </c>
      <c r="D527">
        <f t="shared" si="10"/>
        <v>3</v>
      </c>
    </row>
    <row r="528" spans="1:4" x14ac:dyDescent="0.25">
      <c r="A528" t="s">
        <v>23</v>
      </c>
      <c r="B528">
        <v>0.51</v>
      </c>
      <c r="C528">
        <v>0.43</v>
      </c>
      <c r="D528">
        <f t="shared" si="10"/>
        <v>1</v>
      </c>
    </row>
    <row r="529" spans="1:4" x14ac:dyDescent="0.25">
      <c r="A529" t="s">
        <v>25</v>
      </c>
      <c r="B529">
        <v>0.62</v>
      </c>
      <c r="C529">
        <v>0.75</v>
      </c>
      <c r="D529">
        <f t="shared" si="10"/>
        <v>3</v>
      </c>
    </row>
    <row r="530" spans="1:4" x14ac:dyDescent="0.25">
      <c r="A530" t="s">
        <v>18</v>
      </c>
      <c r="B530">
        <v>0.02</v>
      </c>
      <c r="C530">
        <v>0.38</v>
      </c>
      <c r="D530">
        <f t="shared" si="10"/>
        <v>1</v>
      </c>
    </row>
    <row r="531" spans="1:4" x14ac:dyDescent="0.25">
      <c r="A531" t="s">
        <v>28</v>
      </c>
      <c r="B531">
        <v>0.65</v>
      </c>
      <c r="C531">
        <v>0.51</v>
      </c>
      <c r="D531">
        <f t="shared" si="10"/>
        <v>3</v>
      </c>
    </row>
    <row r="532" spans="1:4" x14ac:dyDescent="0.25">
      <c r="A532" t="s">
        <v>18</v>
      </c>
      <c r="B532">
        <v>0.37</v>
      </c>
      <c r="C532">
        <v>0.45</v>
      </c>
      <c r="D532">
        <f t="shared" si="10"/>
        <v>1</v>
      </c>
    </row>
    <row r="533" spans="1:4" x14ac:dyDescent="0.25">
      <c r="A533" t="s">
        <v>11</v>
      </c>
      <c r="B533">
        <v>0.01</v>
      </c>
      <c r="C533">
        <v>0.81</v>
      </c>
      <c r="D533">
        <f t="shared" si="10"/>
        <v>1</v>
      </c>
    </row>
    <row r="534" spans="1:4" x14ac:dyDescent="0.25">
      <c r="A534" t="s">
        <v>15</v>
      </c>
      <c r="B534">
        <v>0.69</v>
      </c>
      <c r="C534">
        <v>0.12</v>
      </c>
      <c r="D534">
        <f t="shared" si="10"/>
        <v>3</v>
      </c>
    </row>
    <row r="535" spans="1:4" x14ac:dyDescent="0.25">
      <c r="A535" t="s">
        <v>25</v>
      </c>
      <c r="B535">
        <v>0.68</v>
      </c>
      <c r="C535">
        <v>0.92</v>
      </c>
      <c r="D535">
        <f t="shared" si="10"/>
        <v>3</v>
      </c>
    </row>
    <row r="536" spans="1:4" x14ac:dyDescent="0.25">
      <c r="A536" t="s">
        <v>18</v>
      </c>
      <c r="B536">
        <v>0.32</v>
      </c>
      <c r="C536">
        <v>0.56000000000000005</v>
      </c>
      <c r="D536">
        <f t="shared" si="10"/>
        <v>1</v>
      </c>
    </row>
    <row r="537" spans="1:4" x14ac:dyDescent="0.25">
      <c r="A537" t="s">
        <v>18</v>
      </c>
      <c r="B537">
        <v>0.46</v>
      </c>
      <c r="C537">
        <v>0.31</v>
      </c>
      <c r="D537">
        <f t="shared" si="10"/>
        <v>1</v>
      </c>
    </row>
    <row r="538" spans="1:4" x14ac:dyDescent="0.25">
      <c r="A538" t="s">
        <v>14</v>
      </c>
      <c r="B538">
        <v>0.94</v>
      </c>
      <c r="C538">
        <v>0.34</v>
      </c>
      <c r="D538">
        <f t="shared" si="10"/>
        <v>3</v>
      </c>
    </row>
    <row r="539" spans="1:4" x14ac:dyDescent="0.25">
      <c r="A539" t="s">
        <v>27</v>
      </c>
      <c r="B539">
        <v>0.63</v>
      </c>
      <c r="C539">
        <v>0.77</v>
      </c>
      <c r="D539">
        <f t="shared" si="10"/>
        <v>3</v>
      </c>
    </row>
    <row r="540" spans="1:4" x14ac:dyDescent="0.25">
      <c r="A540" t="s">
        <v>30</v>
      </c>
      <c r="B540">
        <v>0.22</v>
      </c>
      <c r="C540">
        <v>0.5</v>
      </c>
      <c r="D540">
        <f t="shared" si="10"/>
        <v>3</v>
      </c>
    </row>
    <row r="541" spans="1:4" x14ac:dyDescent="0.25">
      <c r="A541" t="s">
        <v>29</v>
      </c>
      <c r="B541">
        <v>0.44</v>
      </c>
      <c r="C541">
        <v>0.06</v>
      </c>
      <c r="D541">
        <f t="shared" si="10"/>
        <v>1</v>
      </c>
    </row>
    <row r="542" spans="1:4" x14ac:dyDescent="0.25">
      <c r="A542" t="s">
        <v>29</v>
      </c>
      <c r="B542">
        <v>0.91</v>
      </c>
      <c r="C542">
        <v>0.26</v>
      </c>
      <c r="D542">
        <f t="shared" si="10"/>
        <v>1</v>
      </c>
    </row>
    <row r="543" spans="1:4" x14ac:dyDescent="0.25">
      <c r="A543" t="s">
        <v>22</v>
      </c>
      <c r="B543">
        <v>0.97</v>
      </c>
      <c r="C543">
        <v>0.64</v>
      </c>
      <c r="D543">
        <f t="shared" si="10"/>
        <v>1</v>
      </c>
    </row>
    <row r="544" spans="1:4" x14ac:dyDescent="0.25">
      <c r="A544" t="s">
        <v>22</v>
      </c>
      <c r="B544">
        <v>0.33</v>
      </c>
      <c r="C544">
        <v>0.56999999999999995</v>
      </c>
      <c r="D544">
        <f t="shared" si="10"/>
        <v>1</v>
      </c>
    </row>
    <row r="545" spans="1:4" x14ac:dyDescent="0.25">
      <c r="A545" t="s">
        <v>14</v>
      </c>
      <c r="B545">
        <v>0.51</v>
      </c>
      <c r="C545">
        <v>0.43</v>
      </c>
      <c r="D545">
        <f t="shared" si="10"/>
        <v>3</v>
      </c>
    </row>
    <row r="546" spans="1:4" x14ac:dyDescent="0.25">
      <c r="A546" t="s">
        <v>11</v>
      </c>
      <c r="B546">
        <v>0.04</v>
      </c>
      <c r="C546">
        <v>0.89</v>
      </c>
      <c r="D546">
        <f t="shared" si="10"/>
        <v>1</v>
      </c>
    </row>
    <row r="547" spans="1:4" x14ac:dyDescent="0.25">
      <c r="A547" t="s">
        <v>25</v>
      </c>
      <c r="B547">
        <v>0.52</v>
      </c>
      <c r="C547">
        <v>0.89</v>
      </c>
      <c r="D547">
        <f t="shared" si="10"/>
        <v>3</v>
      </c>
    </row>
    <row r="548" spans="1:4" x14ac:dyDescent="0.25">
      <c r="A548" t="s">
        <v>27</v>
      </c>
      <c r="B548">
        <v>0.31</v>
      </c>
      <c r="C548">
        <v>0.72</v>
      </c>
      <c r="D548">
        <f t="shared" si="10"/>
        <v>3</v>
      </c>
    </row>
    <row r="549" spans="1:4" x14ac:dyDescent="0.25">
      <c r="A549" t="s">
        <v>20</v>
      </c>
      <c r="B549">
        <v>0.64</v>
      </c>
      <c r="C549">
        <v>0.32</v>
      </c>
      <c r="D549">
        <f t="shared" si="10"/>
        <v>3</v>
      </c>
    </row>
    <row r="550" spans="1:4" x14ac:dyDescent="0.25">
      <c r="A550" t="s">
        <v>28</v>
      </c>
      <c r="B550">
        <v>0.7</v>
      </c>
      <c r="C550">
        <v>0.56000000000000005</v>
      </c>
      <c r="D550">
        <f t="shared" si="10"/>
        <v>3</v>
      </c>
    </row>
    <row r="551" spans="1:4" x14ac:dyDescent="0.25">
      <c r="A551" t="s">
        <v>28</v>
      </c>
      <c r="B551">
        <v>0.18</v>
      </c>
      <c r="C551">
        <v>0.45</v>
      </c>
      <c r="D551">
        <f t="shared" si="10"/>
        <v>3</v>
      </c>
    </row>
    <row r="552" spans="1:4" x14ac:dyDescent="0.25">
      <c r="A552" t="s">
        <v>11</v>
      </c>
      <c r="B552">
        <v>0.6</v>
      </c>
      <c r="C552">
        <v>0.89</v>
      </c>
      <c r="D552">
        <f t="shared" si="10"/>
        <v>1</v>
      </c>
    </row>
    <row r="553" spans="1:4" x14ac:dyDescent="0.25">
      <c r="A553" t="s">
        <v>9</v>
      </c>
      <c r="B553">
        <v>0.2</v>
      </c>
      <c r="C553">
        <v>7.0000000000000007E-2</v>
      </c>
      <c r="D553">
        <f t="shared" si="10"/>
        <v>3</v>
      </c>
    </row>
    <row r="554" spans="1:4" x14ac:dyDescent="0.25">
      <c r="A554" t="s">
        <v>17</v>
      </c>
      <c r="B554">
        <v>0.32</v>
      </c>
      <c r="C554">
        <v>0.06</v>
      </c>
      <c r="D554">
        <f t="shared" si="10"/>
        <v>3</v>
      </c>
    </row>
    <row r="555" spans="1:4" x14ac:dyDescent="0.25">
      <c r="A555" t="s">
        <v>23</v>
      </c>
      <c r="B555">
        <v>0.92</v>
      </c>
      <c r="C555">
        <v>0.53</v>
      </c>
      <c r="D555">
        <f t="shared" si="10"/>
        <v>1</v>
      </c>
    </row>
    <row r="556" spans="1:4" x14ac:dyDescent="0.25">
      <c r="A556" t="s">
        <v>16</v>
      </c>
      <c r="B556">
        <v>0.45</v>
      </c>
      <c r="C556">
        <v>0.43</v>
      </c>
      <c r="D556">
        <f t="shared" si="10"/>
        <v>3</v>
      </c>
    </row>
    <row r="557" spans="1:4" x14ac:dyDescent="0.25">
      <c r="A557" t="s">
        <v>7</v>
      </c>
      <c r="B557">
        <v>0.59</v>
      </c>
      <c r="C557">
        <v>0.86</v>
      </c>
      <c r="D557">
        <f t="shared" si="10"/>
        <v>1</v>
      </c>
    </row>
    <row r="558" spans="1:4" x14ac:dyDescent="0.25">
      <c r="A558" t="s">
        <v>22</v>
      </c>
      <c r="B558">
        <v>0.41</v>
      </c>
      <c r="C558">
        <v>0.63</v>
      </c>
      <c r="D558">
        <f t="shared" si="10"/>
        <v>1</v>
      </c>
    </row>
    <row r="559" spans="1:4" x14ac:dyDescent="0.25">
      <c r="A559" t="s">
        <v>15</v>
      </c>
      <c r="B559">
        <v>0.84</v>
      </c>
      <c r="C559">
        <v>0.27</v>
      </c>
      <c r="D559">
        <f t="shared" si="10"/>
        <v>3</v>
      </c>
    </row>
    <row r="560" spans="1:4" x14ac:dyDescent="0.25">
      <c r="A560" t="s">
        <v>16</v>
      </c>
      <c r="B560">
        <v>0.88</v>
      </c>
      <c r="C560">
        <v>0.42</v>
      </c>
      <c r="D560">
        <f t="shared" si="10"/>
        <v>3</v>
      </c>
    </row>
    <row r="561" spans="1:4" x14ac:dyDescent="0.25">
      <c r="A561" t="s">
        <v>30</v>
      </c>
      <c r="B561">
        <v>0.33</v>
      </c>
      <c r="C561">
        <v>0.65</v>
      </c>
      <c r="D561">
        <f t="shared" si="10"/>
        <v>3</v>
      </c>
    </row>
    <row r="562" spans="1:4" x14ac:dyDescent="0.25">
      <c r="A562" t="s">
        <v>30</v>
      </c>
      <c r="B562">
        <v>0.38</v>
      </c>
      <c r="C562">
        <v>0.49</v>
      </c>
      <c r="D562">
        <f t="shared" si="10"/>
        <v>3</v>
      </c>
    </row>
    <row r="563" spans="1:4" x14ac:dyDescent="0.25">
      <c r="A563" t="s">
        <v>30</v>
      </c>
      <c r="B563">
        <v>0.32</v>
      </c>
      <c r="C563">
        <v>0.6</v>
      </c>
      <c r="D563">
        <f t="shared" si="10"/>
        <v>3</v>
      </c>
    </row>
    <row r="564" spans="1:4" x14ac:dyDescent="0.25">
      <c r="A564" t="s">
        <v>13</v>
      </c>
      <c r="B564">
        <v>0.61</v>
      </c>
      <c r="C564">
        <v>0.48</v>
      </c>
      <c r="D564">
        <f t="shared" si="10"/>
        <v>3</v>
      </c>
    </row>
    <row r="565" spans="1:4" x14ac:dyDescent="0.25">
      <c r="A565" t="s">
        <v>9</v>
      </c>
      <c r="B565">
        <v>0.1</v>
      </c>
      <c r="C565">
        <v>0.23</v>
      </c>
      <c r="D565">
        <f t="shared" si="10"/>
        <v>3</v>
      </c>
    </row>
    <row r="566" spans="1:4" x14ac:dyDescent="0.25">
      <c r="A566" t="s">
        <v>9</v>
      </c>
      <c r="B566">
        <v>0.21</v>
      </c>
      <c r="C566">
        <v>0.28000000000000003</v>
      </c>
      <c r="D566">
        <f t="shared" si="10"/>
        <v>3</v>
      </c>
    </row>
    <row r="567" spans="1:4" x14ac:dyDescent="0.25">
      <c r="A567" t="s">
        <v>26</v>
      </c>
      <c r="B567">
        <v>0.88</v>
      </c>
      <c r="C567">
        <v>0.11</v>
      </c>
      <c r="D567">
        <f t="shared" si="10"/>
        <v>3</v>
      </c>
    </row>
    <row r="568" spans="1:4" x14ac:dyDescent="0.25">
      <c r="A568" t="s">
        <v>15</v>
      </c>
      <c r="B568">
        <v>0.08</v>
      </c>
      <c r="C568">
        <v>0.05</v>
      </c>
      <c r="D568">
        <f t="shared" si="10"/>
        <v>3</v>
      </c>
    </row>
    <row r="569" spans="1:4" x14ac:dyDescent="0.25">
      <c r="A569" t="s">
        <v>23</v>
      </c>
      <c r="B569">
        <v>0.48</v>
      </c>
      <c r="C569">
        <v>0.64</v>
      </c>
      <c r="D569">
        <f t="shared" si="10"/>
        <v>1</v>
      </c>
    </row>
    <row r="570" spans="1:4" x14ac:dyDescent="0.25">
      <c r="A570" t="s">
        <v>28</v>
      </c>
      <c r="B570">
        <v>0.71</v>
      </c>
      <c r="C570">
        <v>0.42</v>
      </c>
      <c r="D570">
        <f t="shared" si="10"/>
        <v>3</v>
      </c>
    </row>
    <row r="571" spans="1:4" x14ac:dyDescent="0.25">
      <c r="A571" t="s">
        <v>26</v>
      </c>
      <c r="B571">
        <v>0.4</v>
      </c>
      <c r="C571">
        <v>0.15</v>
      </c>
      <c r="D571">
        <f t="shared" si="10"/>
        <v>3</v>
      </c>
    </row>
    <row r="572" spans="1:4" x14ac:dyDescent="0.25">
      <c r="A572" t="s">
        <v>22</v>
      </c>
      <c r="B572">
        <v>0.01</v>
      </c>
      <c r="C572">
        <v>0.63</v>
      </c>
      <c r="D572">
        <f t="shared" si="10"/>
        <v>1</v>
      </c>
    </row>
    <row r="573" spans="1:4" x14ac:dyDescent="0.25">
      <c r="A573" t="s">
        <v>27</v>
      </c>
      <c r="B573">
        <v>0.46</v>
      </c>
      <c r="C573">
        <v>0.92</v>
      </c>
      <c r="D573">
        <f t="shared" si="10"/>
        <v>3</v>
      </c>
    </row>
    <row r="574" spans="1:4" x14ac:dyDescent="0.25">
      <c r="A574" t="s">
        <v>26</v>
      </c>
      <c r="B574">
        <v>0.77</v>
      </c>
      <c r="C574">
        <v>0.1</v>
      </c>
      <c r="D574">
        <f t="shared" si="10"/>
        <v>3</v>
      </c>
    </row>
    <row r="575" spans="1:4" x14ac:dyDescent="0.25">
      <c r="A575" t="s">
        <v>11</v>
      </c>
      <c r="B575">
        <v>0.21</v>
      </c>
      <c r="C575">
        <v>0.73</v>
      </c>
      <c r="D575">
        <f t="shared" si="10"/>
        <v>1</v>
      </c>
    </row>
    <row r="576" spans="1:4" x14ac:dyDescent="0.25">
      <c r="A576" t="s">
        <v>22</v>
      </c>
      <c r="B576">
        <v>0.74</v>
      </c>
      <c r="C576">
        <v>0.48</v>
      </c>
      <c r="D576">
        <f t="shared" si="10"/>
        <v>1</v>
      </c>
    </row>
    <row r="577" spans="1:4" x14ac:dyDescent="0.25">
      <c r="A577" t="s">
        <v>18</v>
      </c>
      <c r="B577">
        <v>0.41</v>
      </c>
      <c r="C577">
        <v>0.35</v>
      </c>
      <c r="D577">
        <f t="shared" si="10"/>
        <v>1</v>
      </c>
    </row>
    <row r="578" spans="1:4" x14ac:dyDescent="0.25">
      <c r="A578" t="s">
        <v>22</v>
      </c>
      <c r="B578">
        <v>0.13</v>
      </c>
      <c r="C578">
        <v>0.31</v>
      </c>
      <c r="D578">
        <f t="shared" si="10"/>
        <v>1</v>
      </c>
    </row>
    <row r="579" spans="1:4" x14ac:dyDescent="0.25">
      <c r="A579" t="s">
        <v>11</v>
      </c>
      <c r="B579">
        <v>0.34</v>
      </c>
      <c r="C579">
        <v>0.77</v>
      </c>
      <c r="D579">
        <f t="shared" ref="D579:D642" si="11">VLOOKUP(A579,$G$2:$H$21,2)</f>
        <v>1</v>
      </c>
    </row>
    <row r="580" spans="1:4" x14ac:dyDescent="0.25">
      <c r="A580" t="s">
        <v>16</v>
      </c>
      <c r="B580">
        <v>0.4</v>
      </c>
      <c r="C580">
        <v>0.47</v>
      </c>
      <c r="D580">
        <f t="shared" si="11"/>
        <v>3</v>
      </c>
    </row>
    <row r="581" spans="1:4" x14ac:dyDescent="0.25">
      <c r="A581" t="s">
        <v>26</v>
      </c>
      <c r="B581">
        <v>0.9</v>
      </c>
      <c r="C581">
        <v>0.23</v>
      </c>
      <c r="D581">
        <f t="shared" si="11"/>
        <v>3</v>
      </c>
    </row>
    <row r="582" spans="1:4" x14ac:dyDescent="0.25">
      <c r="A582" t="s">
        <v>17</v>
      </c>
      <c r="B582">
        <v>0.81</v>
      </c>
      <c r="C582">
        <v>0.3</v>
      </c>
      <c r="D582">
        <f t="shared" si="11"/>
        <v>3</v>
      </c>
    </row>
    <row r="583" spans="1:4" x14ac:dyDescent="0.25">
      <c r="A583" t="s">
        <v>20</v>
      </c>
      <c r="B583">
        <v>0.28999999999999998</v>
      </c>
      <c r="C583">
        <v>0.39</v>
      </c>
      <c r="D583">
        <f t="shared" si="11"/>
        <v>3</v>
      </c>
    </row>
    <row r="584" spans="1:4" x14ac:dyDescent="0.25">
      <c r="A584" t="s">
        <v>28</v>
      </c>
      <c r="B584">
        <v>0.35</v>
      </c>
      <c r="C584">
        <v>0.53</v>
      </c>
      <c r="D584">
        <f t="shared" si="11"/>
        <v>3</v>
      </c>
    </row>
    <row r="585" spans="1:4" x14ac:dyDescent="0.25">
      <c r="A585" t="s">
        <v>17</v>
      </c>
      <c r="B585">
        <v>0.16</v>
      </c>
      <c r="C585">
        <v>0.24</v>
      </c>
      <c r="D585">
        <f t="shared" si="11"/>
        <v>3</v>
      </c>
    </row>
    <row r="586" spans="1:4" x14ac:dyDescent="0.25">
      <c r="A586" t="s">
        <v>27</v>
      </c>
      <c r="B586">
        <v>0.9</v>
      </c>
      <c r="C586">
        <v>0.84</v>
      </c>
      <c r="D586">
        <f t="shared" si="11"/>
        <v>3</v>
      </c>
    </row>
    <row r="587" spans="1:4" x14ac:dyDescent="0.25">
      <c r="A587" t="s">
        <v>11</v>
      </c>
      <c r="B587">
        <v>0.79</v>
      </c>
      <c r="C587">
        <v>0.74</v>
      </c>
      <c r="D587">
        <f t="shared" si="11"/>
        <v>1</v>
      </c>
    </row>
    <row r="588" spans="1:4" x14ac:dyDescent="0.25">
      <c r="A588" t="s">
        <v>26</v>
      </c>
      <c r="B588">
        <v>0.98</v>
      </c>
      <c r="C588">
        <v>0.21</v>
      </c>
      <c r="D588">
        <f t="shared" si="11"/>
        <v>3</v>
      </c>
    </row>
    <row r="589" spans="1:4" x14ac:dyDescent="0.25">
      <c r="A589" t="s">
        <v>7</v>
      </c>
      <c r="B589">
        <v>0.01</v>
      </c>
      <c r="C589">
        <v>0.79</v>
      </c>
      <c r="D589">
        <f t="shared" si="11"/>
        <v>1</v>
      </c>
    </row>
    <row r="590" spans="1:4" x14ac:dyDescent="0.25">
      <c r="A590" t="s">
        <v>13</v>
      </c>
      <c r="B590">
        <v>0.03</v>
      </c>
      <c r="C590">
        <v>0.69</v>
      </c>
      <c r="D590">
        <f t="shared" si="11"/>
        <v>3</v>
      </c>
    </row>
    <row r="591" spans="1:4" x14ac:dyDescent="0.25">
      <c r="A591" t="s">
        <v>28</v>
      </c>
      <c r="B591">
        <v>0.19</v>
      </c>
      <c r="C591">
        <v>0.64</v>
      </c>
      <c r="D591">
        <f t="shared" si="11"/>
        <v>3</v>
      </c>
    </row>
    <row r="592" spans="1:4" x14ac:dyDescent="0.25">
      <c r="A592" t="s">
        <v>22</v>
      </c>
      <c r="B592">
        <v>0.34</v>
      </c>
      <c r="C592">
        <v>0.5</v>
      </c>
      <c r="D592">
        <f t="shared" si="11"/>
        <v>1</v>
      </c>
    </row>
    <row r="593" spans="1:4" x14ac:dyDescent="0.25">
      <c r="A593" t="s">
        <v>27</v>
      </c>
      <c r="B593">
        <v>0.7</v>
      </c>
      <c r="C593">
        <v>0.81</v>
      </c>
      <c r="D593">
        <f t="shared" si="11"/>
        <v>3</v>
      </c>
    </row>
    <row r="594" spans="1:4" x14ac:dyDescent="0.25">
      <c r="A594" t="s">
        <v>15</v>
      </c>
      <c r="B594">
        <v>0.46</v>
      </c>
      <c r="C594">
        <v>0.17</v>
      </c>
      <c r="D594">
        <f t="shared" si="11"/>
        <v>3</v>
      </c>
    </row>
    <row r="595" spans="1:4" x14ac:dyDescent="0.25">
      <c r="A595" t="s">
        <v>13</v>
      </c>
      <c r="B595">
        <v>0.65</v>
      </c>
      <c r="C595">
        <v>0.32</v>
      </c>
      <c r="D595">
        <f t="shared" si="11"/>
        <v>3</v>
      </c>
    </row>
    <row r="596" spans="1:4" x14ac:dyDescent="0.25">
      <c r="A596" t="s">
        <v>14</v>
      </c>
      <c r="B596">
        <v>0.63</v>
      </c>
      <c r="C596">
        <v>0.56000000000000005</v>
      </c>
      <c r="D596">
        <f t="shared" si="11"/>
        <v>3</v>
      </c>
    </row>
    <row r="597" spans="1:4" x14ac:dyDescent="0.25">
      <c r="A597" t="s">
        <v>25</v>
      </c>
      <c r="B597">
        <v>0.5</v>
      </c>
      <c r="C597">
        <v>0.79</v>
      </c>
      <c r="D597">
        <f t="shared" si="11"/>
        <v>3</v>
      </c>
    </row>
    <row r="598" spans="1:4" x14ac:dyDescent="0.25">
      <c r="A598" t="s">
        <v>11</v>
      </c>
      <c r="B598">
        <v>0.97</v>
      </c>
      <c r="C598">
        <v>0.74</v>
      </c>
      <c r="D598">
        <f t="shared" si="11"/>
        <v>1</v>
      </c>
    </row>
    <row r="599" spans="1:4" x14ac:dyDescent="0.25">
      <c r="A599" t="s">
        <v>29</v>
      </c>
      <c r="B599">
        <v>0.85</v>
      </c>
      <c r="C599">
        <v>7.0000000000000007E-2</v>
      </c>
      <c r="D599">
        <f t="shared" si="11"/>
        <v>1</v>
      </c>
    </row>
    <row r="600" spans="1:4" x14ac:dyDescent="0.25">
      <c r="A600" t="s">
        <v>27</v>
      </c>
      <c r="B600">
        <v>0.38</v>
      </c>
      <c r="C600">
        <v>0.86</v>
      </c>
      <c r="D600">
        <f t="shared" si="11"/>
        <v>3</v>
      </c>
    </row>
    <row r="601" spans="1:4" x14ac:dyDescent="0.25">
      <c r="A601" t="s">
        <v>30</v>
      </c>
      <c r="B601">
        <v>0.5</v>
      </c>
      <c r="C601">
        <v>0.38</v>
      </c>
      <c r="D601">
        <f t="shared" si="11"/>
        <v>3</v>
      </c>
    </row>
    <row r="602" spans="1:4" x14ac:dyDescent="0.25">
      <c r="A602" t="s">
        <v>26</v>
      </c>
      <c r="B602">
        <v>0.31</v>
      </c>
      <c r="C602">
        <v>0.12</v>
      </c>
      <c r="D602">
        <f t="shared" si="11"/>
        <v>3</v>
      </c>
    </row>
    <row r="603" spans="1:4" x14ac:dyDescent="0.25">
      <c r="A603" t="s">
        <v>28</v>
      </c>
      <c r="B603">
        <v>0.27</v>
      </c>
      <c r="C603">
        <v>0.7</v>
      </c>
      <c r="D603">
        <f t="shared" si="11"/>
        <v>3</v>
      </c>
    </row>
    <row r="604" spans="1:4" x14ac:dyDescent="0.25">
      <c r="A604" t="s">
        <v>14</v>
      </c>
      <c r="B604">
        <v>0.09</v>
      </c>
      <c r="C604">
        <v>0.56000000000000005</v>
      </c>
      <c r="D604">
        <f t="shared" si="11"/>
        <v>3</v>
      </c>
    </row>
    <row r="605" spans="1:4" x14ac:dyDescent="0.25">
      <c r="A605" t="s">
        <v>23</v>
      </c>
      <c r="B605">
        <v>0.81</v>
      </c>
      <c r="C605">
        <v>0.49</v>
      </c>
      <c r="D605">
        <f t="shared" si="11"/>
        <v>1</v>
      </c>
    </row>
    <row r="606" spans="1:4" x14ac:dyDescent="0.25">
      <c r="A606" t="s">
        <v>14</v>
      </c>
      <c r="B606">
        <v>0.15</v>
      </c>
      <c r="C606">
        <v>0.3</v>
      </c>
      <c r="D606">
        <f t="shared" si="11"/>
        <v>3</v>
      </c>
    </row>
    <row r="607" spans="1:4" x14ac:dyDescent="0.25">
      <c r="A607" t="s">
        <v>17</v>
      </c>
      <c r="B607">
        <v>0.46</v>
      </c>
      <c r="C607">
        <v>0.16</v>
      </c>
      <c r="D607">
        <f t="shared" si="11"/>
        <v>3</v>
      </c>
    </row>
    <row r="608" spans="1:4" x14ac:dyDescent="0.25">
      <c r="A608" t="s">
        <v>19</v>
      </c>
      <c r="B608">
        <v>0.56000000000000005</v>
      </c>
      <c r="C608">
        <v>0.84</v>
      </c>
      <c r="D608">
        <f t="shared" si="11"/>
        <v>3</v>
      </c>
    </row>
    <row r="609" spans="1:4" x14ac:dyDescent="0.25">
      <c r="A609" t="s">
        <v>19</v>
      </c>
      <c r="B609">
        <v>0.8</v>
      </c>
      <c r="C609">
        <v>0.8</v>
      </c>
      <c r="D609">
        <f t="shared" si="11"/>
        <v>3</v>
      </c>
    </row>
    <row r="610" spans="1:4" x14ac:dyDescent="0.25">
      <c r="A610" t="s">
        <v>28</v>
      </c>
      <c r="B610">
        <v>0.17</v>
      </c>
      <c r="C610">
        <v>0.56000000000000005</v>
      </c>
      <c r="D610">
        <f t="shared" si="11"/>
        <v>3</v>
      </c>
    </row>
    <row r="611" spans="1:4" x14ac:dyDescent="0.25">
      <c r="A611" t="s">
        <v>28</v>
      </c>
      <c r="B611">
        <v>0.86</v>
      </c>
      <c r="C611">
        <v>0.56999999999999995</v>
      </c>
      <c r="D611">
        <f t="shared" si="11"/>
        <v>3</v>
      </c>
    </row>
    <row r="612" spans="1:4" x14ac:dyDescent="0.25">
      <c r="A612" t="s">
        <v>15</v>
      </c>
      <c r="B612">
        <v>0.51</v>
      </c>
      <c r="C612">
        <v>0.26</v>
      </c>
      <c r="D612">
        <f t="shared" si="11"/>
        <v>3</v>
      </c>
    </row>
    <row r="613" spans="1:4" x14ac:dyDescent="0.25">
      <c r="A613" t="s">
        <v>13</v>
      </c>
      <c r="B613">
        <v>0.86</v>
      </c>
      <c r="C613">
        <v>0.48</v>
      </c>
      <c r="D613">
        <f t="shared" si="11"/>
        <v>3</v>
      </c>
    </row>
    <row r="614" spans="1:4" x14ac:dyDescent="0.25">
      <c r="A614" t="s">
        <v>20</v>
      </c>
      <c r="B614">
        <v>0.96</v>
      </c>
      <c r="C614">
        <v>0.31</v>
      </c>
      <c r="D614">
        <f t="shared" si="11"/>
        <v>3</v>
      </c>
    </row>
    <row r="615" spans="1:4" x14ac:dyDescent="0.25">
      <c r="A615" t="s">
        <v>22</v>
      </c>
      <c r="B615">
        <v>0.67</v>
      </c>
      <c r="C615">
        <v>0.31</v>
      </c>
      <c r="D615">
        <f t="shared" si="11"/>
        <v>1</v>
      </c>
    </row>
    <row r="616" spans="1:4" x14ac:dyDescent="0.25">
      <c r="A616" t="s">
        <v>13</v>
      </c>
      <c r="B616">
        <v>0.54</v>
      </c>
      <c r="C616">
        <v>0.48</v>
      </c>
      <c r="D616">
        <f t="shared" si="11"/>
        <v>3</v>
      </c>
    </row>
    <row r="617" spans="1:4" x14ac:dyDescent="0.25">
      <c r="A617" t="s">
        <v>17</v>
      </c>
      <c r="B617">
        <v>0.16</v>
      </c>
      <c r="C617">
        <v>0.16</v>
      </c>
      <c r="D617">
        <f t="shared" si="11"/>
        <v>3</v>
      </c>
    </row>
    <row r="618" spans="1:4" x14ac:dyDescent="0.25">
      <c r="A618" t="s">
        <v>16</v>
      </c>
      <c r="B618">
        <v>0.5</v>
      </c>
      <c r="C618">
        <v>0.32</v>
      </c>
      <c r="D618">
        <f t="shared" si="11"/>
        <v>3</v>
      </c>
    </row>
    <row r="619" spans="1:4" x14ac:dyDescent="0.25">
      <c r="A619" t="s">
        <v>18</v>
      </c>
      <c r="B619">
        <v>0.32</v>
      </c>
      <c r="C619">
        <v>0.39</v>
      </c>
      <c r="D619">
        <f t="shared" si="11"/>
        <v>1</v>
      </c>
    </row>
    <row r="620" spans="1:4" x14ac:dyDescent="0.25">
      <c r="A620" t="s">
        <v>23</v>
      </c>
      <c r="B620">
        <v>0.93</v>
      </c>
      <c r="C620">
        <v>0.43</v>
      </c>
      <c r="D620">
        <f t="shared" si="11"/>
        <v>1</v>
      </c>
    </row>
    <row r="621" spans="1:4" x14ac:dyDescent="0.25">
      <c r="A621" t="s">
        <v>29</v>
      </c>
      <c r="B621">
        <v>0.89</v>
      </c>
      <c r="C621">
        <v>0.18</v>
      </c>
      <c r="D621">
        <f t="shared" si="11"/>
        <v>1</v>
      </c>
    </row>
    <row r="622" spans="1:4" x14ac:dyDescent="0.25">
      <c r="A622" t="s">
        <v>25</v>
      </c>
      <c r="B622">
        <v>0.36</v>
      </c>
      <c r="C622">
        <v>0.74</v>
      </c>
      <c r="D622">
        <f t="shared" si="11"/>
        <v>3</v>
      </c>
    </row>
    <row r="623" spans="1:4" x14ac:dyDescent="0.25">
      <c r="A623" t="s">
        <v>27</v>
      </c>
      <c r="B623">
        <v>0.43</v>
      </c>
      <c r="C623">
        <v>0.83</v>
      </c>
      <c r="D623">
        <f t="shared" si="11"/>
        <v>3</v>
      </c>
    </row>
    <row r="624" spans="1:4" x14ac:dyDescent="0.25">
      <c r="A624" t="s">
        <v>29</v>
      </c>
      <c r="B624">
        <v>0.23</v>
      </c>
      <c r="C624">
        <v>0.1</v>
      </c>
      <c r="D624">
        <f t="shared" si="11"/>
        <v>1</v>
      </c>
    </row>
    <row r="625" spans="1:4" x14ac:dyDescent="0.25">
      <c r="A625" t="s">
        <v>14</v>
      </c>
      <c r="B625">
        <v>0.25</v>
      </c>
      <c r="C625">
        <v>0.52</v>
      </c>
      <c r="D625">
        <f t="shared" si="11"/>
        <v>3</v>
      </c>
    </row>
    <row r="626" spans="1:4" x14ac:dyDescent="0.25">
      <c r="A626" t="s">
        <v>11</v>
      </c>
      <c r="B626">
        <v>0.56999999999999995</v>
      </c>
      <c r="C626">
        <v>0.82</v>
      </c>
      <c r="D626">
        <f t="shared" si="11"/>
        <v>1</v>
      </c>
    </row>
    <row r="627" spans="1:4" x14ac:dyDescent="0.25">
      <c r="A627" t="s">
        <v>23</v>
      </c>
      <c r="B627">
        <v>0.13</v>
      </c>
      <c r="C627">
        <v>0.61</v>
      </c>
      <c r="D627">
        <f t="shared" si="11"/>
        <v>1</v>
      </c>
    </row>
    <row r="628" spans="1:4" x14ac:dyDescent="0.25">
      <c r="A628" t="s">
        <v>27</v>
      </c>
      <c r="B628">
        <v>0.85</v>
      </c>
      <c r="C628">
        <v>0.86</v>
      </c>
      <c r="D628">
        <f t="shared" si="11"/>
        <v>3</v>
      </c>
    </row>
    <row r="629" spans="1:4" x14ac:dyDescent="0.25">
      <c r="A629" t="s">
        <v>30</v>
      </c>
      <c r="B629">
        <v>0.65</v>
      </c>
      <c r="C629">
        <v>0.46</v>
      </c>
      <c r="D629">
        <f t="shared" si="11"/>
        <v>3</v>
      </c>
    </row>
    <row r="630" spans="1:4" x14ac:dyDescent="0.25">
      <c r="A630" t="s">
        <v>21</v>
      </c>
      <c r="B630">
        <v>0.56999999999999995</v>
      </c>
      <c r="C630">
        <v>0.4</v>
      </c>
      <c r="D630">
        <f t="shared" si="11"/>
        <v>2</v>
      </c>
    </row>
    <row r="631" spans="1:4" x14ac:dyDescent="0.25">
      <c r="A631" t="s">
        <v>26</v>
      </c>
      <c r="B631">
        <v>0.48</v>
      </c>
      <c r="C631">
        <v>0.1</v>
      </c>
      <c r="D631">
        <f t="shared" si="11"/>
        <v>3</v>
      </c>
    </row>
    <row r="632" spans="1:4" x14ac:dyDescent="0.25">
      <c r="A632" t="s">
        <v>21</v>
      </c>
      <c r="B632">
        <v>0.65</v>
      </c>
      <c r="C632">
        <v>0.67</v>
      </c>
      <c r="D632">
        <f t="shared" si="11"/>
        <v>2</v>
      </c>
    </row>
    <row r="633" spans="1:4" x14ac:dyDescent="0.25">
      <c r="A633" t="s">
        <v>14</v>
      </c>
      <c r="B633">
        <v>0.03</v>
      </c>
      <c r="C633">
        <v>0.62</v>
      </c>
      <c r="D633">
        <f t="shared" si="11"/>
        <v>3</v>
      </c>
    </row>
    <row r="634" spans="1:4" x14ac:dyDescent="0.25">
      <c r="A634" t="s">
        <v>13</v>
      </c>
      <c r="B634">
        <v>0.05</v>
      </c>
      <c r="C634">
        <v>0.51</v>
      </c>
      <c r="D634">
        <f t="shared" si="11"/>
        <v>3</v>
      </c>
    </row>
    <row r="635" spans="1:4" x14ac:dyDescent="0.25">
      <c r="A635" t="s">
        <v>20</v>
      </c>
      <c r="B635">
        <v>0.2</v>
      </c>
      <c r="C635">
        <v>0.62</v>
      </c>
      <c r="D635">
        <f t="shared" si="11"/>
        <v>3</v>
      </c>
    </row>
    <row r="636" spans="1:4" x14ac:dyDescent="0.25">
      <c r="A636" t="s">
        <v>9</v>
      </c>
      <c r="B636">
        <v>0.72</v>
      </c>
      <c r="C636">
        <v>0.2</v>
      </c>
      <c r="D636">
        <f t="shared" si="11"/>
        <v>3</v>
      </c>
    </row>
    <row r="637" spans="1:4" x14ac:dyDescent="0.25">
      <c r="A637" t="s">
        <v>30</v>
      </c>
      <c r="B637">
        <v>0.37</v>
      </c>
      <c r="C637">
        <v>0.69</v>
      </c>
      <c r="D637">
        <f t="shared" si="11"/>
        <v>3</v>
      </c>
    </row>
    <row r="638" spans="1:4" x14ac:dyDescent="0.25">
      <c r="A638" t="s">
        <v>23</v>
      </c>
      <c r="B638">
        <v>0.76</v>
      </c>
      <c r="C638">
        <v>0.65</v>
      </c>
      <c r="D638">
        <f t="shared" si="11"/>
        <v>1</v>
      </c>
    </row>
    <row r="639" spans="1:4" x14ac:dyDescent="0.25">
      <c r="A639" t="s">
        <v>9</v>
      </c>
      <c r="B639">
        <v>0.53</v>
      </c>
      <c r="C639">
        <v>0.16</v>
      </c>
      <c r="D639">
        <f t="shared" si="11"/>
        <v>3</v>
      </c>
    </row>
    <row r="640" spans="1:4" x14ac:dyDescent="0.25">
      <c r="A640" t="s">
        <v>27</v>
      </c>
      <c r="B640">
        <v>0.76</v>
      </c>
      <c r="C640">
        <v>0.81</v>
      </c>
      <c r="D640">
        <f t="shared" si="11"/>
        <v>3</v>
      </c>
    </row>
    <row r="641" spans="1:4" x14ac:dyDescent="0.25">
      <c r="A641" t="s">
        <v>21</v>
      </c>
      <c r="B641">
        <v>0.1</v>
      </c>
      <c r="C641">
        <v>0.62</v>
      </c>
      <c r="D641">
        <f t="shared" si="11"/>
        <v>2</v>
      </c>
    </row>
    <row r="642" spans="1:4" x14ac:dyDescent="0.25">
      <c r="A642" t="s">
        <v>27</v>
      </c>
      <c r="B642">
        <v>0.12</v>
      </c>
      <c r="C642">
        <v>0.93</v>
      </c>
      <c r="D642">
        <f t="shared" si="11"/>
        <v>3</v>
      </c>
    </row>
    <row r="643" spans="1:4" x14ac:dyDescent="0.25">
      <c r="A643" t="s">
        <v>7</v>
      </c>
      <c r="B643">
        <v>0.53</v>
      </c>
      <c r="C643">
        <v>0.92</v>
      </c>
      <c r="D643">
        <f t="shared" ref="D643:D706" si="12">VLOOKUP(A643,$G$2:$H$21,2)</f>
        <v>1</v>
      </c>
    </row>
    <row r="644" spans="1:4" x14ac:dyDescent="0.25">
      <c r="A644" t="s">
        <v>19</v>
      </c>
      <c r="B644">
        <v>0.57999999999999996</v>
      </c>
      <c r="C644">
        <v>0.86</v>
      </c>
      <c r="D644">
        <f t="shared" si="12"/>
        <v>3</v>
      </c>
    </row>
    <row r="645" spans="1:4" x14ac:dyDescent="0.25">
      <c r="A645" t="s">
        <v>13</v>
      </c>
      <c r="B645">
        <v>0.31</v>
      </c>
      <c r="C645">
        <v>0.64</v>
      </c>
      <c r="D645">
        <f t="shared" si="12"/>
        <v>3</v>
      </c>
    </row>
    <row r="646" spans="1:4" x14ac:dyDescent="0.25">
      <c r="A646" t="s">
        <v>17</v>
      </c>
      <c r="B646">
        <v>0.18</v>
      </c>
      <c r="C646">
        <v>0.12</v>
      </c>
      <c r="D646">
        <f t="shared" si="12"/>
        <v>3</v>
      </c>
    </row>
    <row r="647" spans="1:4" x14ac:dyDescent="0.25">
      <c r="A647" t="s">
        <v>7</v>
      </c>
      <c r="B647">
        <v>0.2</v>
      </c>
      <c r="C647">
        <v>0.82</v>
      </c>
      <c r="D647">
        <f t="shared" si="12"/>
        <v>1</v>
      </c>
    </row>
    <row r="648" spans="1:4" x14ac:dyDescent="0.25">
      <c r="A648" t="s">
        <v>26</v>
      </c>
      <c r="B648">
        <v>0.7</v>
      </c>
      <c r="C648">
        <v>0.27</v>
      </c>
      <c r="D648">
        <f t="shared" si="12"/>
        <v>3</v>
      </c>
    </row>
    <row r="649" spans="1:4" x14ac:dyDescent="0.25">
      <c r="A649" t="s">
        <v>11</v>
      </c>
      <c r="B649">
        <v>0.81</v>
      </c>
      <c r="C649">
        <v>0.88</v>
      </c>
      <c r="D649">
        <f t="shared" si="12"/>
        <v>1</v>
      </c>
    </row>
    <row r="650" spans="1:4" x14ac:dyDescent="0.25">
      <c r="A650" t="s">
        <v>22</v>
      </c>
      <c r="B650">
        <v>0.47</v>
      </c>
      <c r="C650">
        <v>0.66</v>
      </c>
      <c r="D650">
        <f t="shared" si="12"/>
        <v>1</v>
      </c>
    </row>
    <row r="651" spans="1:4" x14ac:dyDescent="0.25">
      <c r="A651" t="s">
        <v>22</v>
      </c>
      <c r="B651">
        <v>0.55000000000000004</v>
      </c>
      <c r="C651">
        <v>0.43</v>
      </c>
      <c r="D651">
        <f t="shared" si="12"/>
        <v>1</v>
      </c>
    </row>
    <row r="652" spans="1:4" x14ac:dyDescent="0.25">
      <c r="A652" t="s">
        <v>17</v>
      </c>
      <c r="B652">
        <v>0.54</v>
      </c>
      <c r="C652">
        <v>0.17</v>
      </c>
      <c r="D652">
        <f t="shared" si="12"/>
        <v>3</v>
      </c>
    </row>
    <row r="653" spans="1:4" x14ac:dyDescent="0.25">
      <c r="A653" t="s">
        <v>20</v>
      </c>
      <c r="B653">
        <v>0.37</v>
      </c>
      <c r="C653">
        <v>0.63</v>
      </c>
      <c r="D653">
        <f t="shared" si="12"/>
        <v>3</v>
      </c>
    </row>
    <row r="654" spans="1:4" x14ac:dyDescent="0.25">
      <c r="A654" t="s">
        <v>11</v>
      </c>
      <c r="B654">
        <v>0.8</v>
      </c>
      <c r="C654">
        <v>0.7</v>
      </c>
      <c r="D654">
        <f t="shared" si="12"/>
        <v>1</v>
      </c>
    </row>
    <row r="655" spans="1:4" x14ac:dyDescent="0.25">
      <c r="A655" t="s">
        <v>20</v>
      </c>
      <c r="B655">
        <v>0.02</v>
      </c>
      <c r="C655">
        <v>0.62</v>
      </c>
      <c r="D655">
        <f t="shared" si="12"/>
        <v>3</v>
      </c>
    </row>
    <row r="656" spans="1:4" x14ac:dyDescent="0.25">
      <c r="A656" t="s">
        <v>16</v>
      </c>
      <c r="B656">
        <v>0.08</v>
      </c>
      <c r="C656">
        <v>0.56999999999999995</v>
      </c>
      <c r="D656">
        <f t="shared" si="12"/>
        <v>3</v>
      </c>
    </row>
    <row r="657" spans="1:4" x14ac:dyDescent="0.25">
      <c r="A657" t="s">
        <v>18</v>
      </c>
      <c r="B657">
        <v>0.13</v>
      </c>
      <c r="C657">
        <v>0.54</v>
      </c>
      <c r="D657">
        <f t="shared" si="12"/>
        <v>1</v>
      </c>
    </row>
    <row r="658" spans="1:4" x14ac:dyDescent="0.25">
      <c r="A658" t="s">
        <v>28</v>
      </c>
      <c r="B658">
        <v>0.45</v>
      </c>
      <c r="C658">
        <v>0.45</v>
      </c>
      <c r="D658">
        <f t="shared" si="12"/>
        <v>3</v>
      </c>
    </row>
    <row r="659" spans="1:4" x14ac:dyDescent="0.25">
      <c r="A659" t="s">
        <v>20</v>
      </c>
      <c r="B659">
        <v>0.27</v>
      </c>
      <c r="C659">
        <v>0.63</v>
      </c>
      <c r="D659">
        <f t="shared" si="12"/>
        <v>3</v>
      </c>
    </row>
    <row r="660" spans="1:4" x14ac:dyDescent="0.25">
      <c r="A660" t="s">
        <v>26</v>
      </c>
      <c r="B660">
        <v>0.43</v>
      </c>
      <c r="C660">
        <v>0.09</v>
      </c>
      <c r="D660">
        <f t="shared" si="12"/>
        <v>3</v>
      </c>
    </row>
    <row r="661" spans="1:4" x14ac:dyDescent="0.25">
      <c r="A661" t="s">
        <v>18</v>
      </c>
      <c r="B661">
        <v>0.98</v>
      </c>
      <c r="C661">
        <v>0.41</v>
      </c>
      <c r="D661">
        <f t="shared" si="12"/>
        <v>1</v>
      </c>
    </row>
    <row r="662" spans="1:4" x14ac:dyDescent="0.25">
      <c r="A662" t="s">
        <v>27</v>
      </c>
      <c r="B662">
        <v>0.8</v>
      </c>
      <c r="C662">
        <v>0.82</v>
      </c>
      <c r="D662">
        <f t="shared" si="12"/>
        <v>3</v>
      </c>
    </row>
    <row r="663" spans="1:4" x14ac:dyDescent="0.25">
      <c r="A663" t="s">
        <v>19</v>
      </c>
      <c r="B663">
        <v>0.06</v>
      </c>
      <c r="C663">
        <v>0.89</v>
      </c>
      <c r="D663">
        <f t="shared" si="12"/>
        <v>3</v>
      </c>
    </row>
    <row r="664" spans="1:4" x14ac:dyDescent="0.25">
      <c r="A664" t="s">
        <v>30</v>
      </c>
      <c r="B664">
        <v>0.95</v>
      </c>
      <c r="C664">
        <v>0.4</v>
      </c>
      <c r="D664">
        <f t="shared" si="12"/>
        <v>3</v>
      </c>
    </row>
    <row r="665" spans="1:4" x14ac:dyDescent="0.25">
      <c r="A665" t="s">
        <v>16</v>
      </c>
      <c r="B665">
        <v>0.91</v>
      </c>
      <c r="C665">
        <v>0.36</v>
      </c>
      <c r="D665">
        <f t="shared" si="12"/>
        <v>3</v>
      </c>
    </row>
    <row r="666" spans="1:4" x14ac:dyDescent="0.25">
      <c r="A666" t="s">
        <v>9</v>
      </c>
      <c r="B666">
        <v>0.75</v>
      </c>
      <c r="C666">
        <v>0.21</v>
      </c>
      <c r="D666">
        <f t="shared" si="12"/>
        <v>3</v>
      </c>
    </row>
    <row r="667" spans="1:4" x14ac:dyDescent="0.25">
      <c r="A667" t="s">
        <v>14</v>
      </c>
      <c r="B667">
        <v>0.52</v>
      </c>
      <c r="C667">
        <v>0.47</v>
      </c>
      <c r="D667">
        <f t="shared" si="12"/>
        <v>3</v>
      </c>
    </row>
    <row r="668" spans="1:4" x14ac:dyDescent="0.25">
      <c r="A668" t="s">
        <v>18</v>
      </c>
      <c r="B668">
        <v>0.08</v>
      </c>
      <c r="C668">
        <v>0.57999999999999996</v>
      </c>
      <c r="D668">
        <f t="shared" si="12"/>
        <v>1</v>
      </c>
    </row>
    <row r="669" spans="1:4" x14ac:dyDescent="0.25">
      <c r="A669" t="s">
        <v>22</v>
      </c>
      <c r="B669">
        <v>0.46</v>
      </c>
      <c r="C669">
        <v>0.68</v>
      </c>
      <c r="D669">
        <f t="shared" si="12"/>
        <v>1</v>
      </c>
    </row>
    <row r="670" spans="1:4" x14ac:dyDescent="0.25">
      <c r="A670" t="s">
        <v>22</v>
      </c>
      <c r="B670">
        <v>0.56000000000000005</v>
      </c>
      <c r="C670">
        <v>0.37</v>
      </c>
      <c r="D670">
        <f t="shared" si="12"/>
        <v>1</v>
      </c>
    </row>
    <row r="671" spans="1:4" x14ac:dyDescent="0.25">
      <c r="A671" t="s">
        <v>13</v>
      </c>
      <c r="B671">
        <v>0.6</v>
      </c>
      <c r="C671">
        <v>0.51</v>
      </c>
      <c r="D671">
        <f t="shared" si="12"/>
        <v>3</v>
      </c>
    </row>
    <row r="672" spans="1:4" x14ac:dyDescent="0.25">
      <c r="A672" t="s">
        <v>28</v>
      </c>
      <c r="B672">
        <v>0.82</v>
      </c>
      <c r="C672">
        <v>0.57999999999999996</v>
      </c>
      <c r="D672">
        <f t="shared" si="12"/>
        <v>3</v>
      </c>
    </row>
    <row r="673" spans="1:4" x14ac:dyDescent="0.25">
      <c r="A673" t="s">
        <v>27</v>
      </c>
      <c r="B673">
        <v>0.48</v>
      </c>
      <c r="C673">
        <v>0.94</v>
      </c>
      <c r="D673">
        <f t="shared" si="12"/>
        <v>3</v>
      </c>
    </row>
    <row r="674" spans="1:4" x14ac:dyDescent="0.25">
      <c r="A674" t="s">
        <v>17</v>
      </c>
      <c r="B674">
        <v>0.66</v>
      </c>
      <c r="C674">
        <v>0.22</v>
      </c>
      <c r="D674">
        <f t="shared" si="12"/>
        <v>3</v>
      </c>
    </row>
    <row r="675" spans="1:4" x14ac:dyDescent="0.25">
      <c r="A675" t="s">
        <v>18</v>
      </c>
      <c r="B675">
        <v>0.88</v>
      </c>
      <c r="C675">
        <v>0.67</v>
      </c>
      <c r="D675">
        <f t="shared" si="12"/>
        <v>1</v>
      </c>
    </row>
    <row r="676" spans="1:4" x14ac:dyDescent="0.25">
      <c r="A676" t="s">
        <v>16</v>
      </c>
      <c r="B676">
        <v>0.01</v>
      </c>
      <c r="C676">
        <v>0.34</v>
      </c>
      <c r="D676">
        <f t="shared" si="12"/>
        <v>3</v>
      </c>
    </row>
    <row r="677" spans="1:4" x14ac:dyDescent="0.25">
      <c r="A677" t="s">
        <v>26</v>
      </c>
      <c r="B677">
        <v>0.52</v>
      </c>
      <c r="C677">
        <v>0.19</v>
      </c>
      <c r="D677">
        <f t="shared" si="12"/>
        <v>3</v>
      </c>
    </row>
    <row r="678" spans="1:4" x14ac:dyDescent="0.25">
      <c r="A678" t="s">
        <v>25</v>
      </c>
      <c r="B678">
        <v>0.62</v>
      </c>
      <c r="C678">
        <v>0.82</v>
      </c>
      <c r="D678">
        <f t="shared" si="12"/>
        <v>3</v>
      </c>
    </row>
    <row r="679" spans="1:4" x14ac:dyDescent="0.25">
      <c r="A679" t="s">
        <v>28</v>
      </c>
      <c r="B679">
        <v>0.99</v>
      </c>
      <c r="C679">
        <v>0.33</v>
      </c>
      <c r="D679">
        <f t="shared" si="12"/>
        <v>3</v>
      </c>
    </row>
    <row r="680" spans="1:4" x14ac:dyDescent="0.25">
      <c r="A680" t="s">
        <v>18</v>
      </c>
      <c r="B680">
        <v>0.35</v>
      </c>
      <c r="C680">
        <v>0.43</v>
      </c>
      <c r="D680">
        <f t="shared" si="12"/>
        <v>1</v>
      </c>
    </row>
    <row r="681" spans="1:4" x14ac:dyDescent="0.25">
      <c r="A681" t="s">
        <v>16</v>
      </c>
      <c r="B681">
        <v>0.11</v>
      </c>
      <c r="C681">
        <v>0.57999999999999996</v>
      </c>
      <c r="D681">
        <f t="shared" si="12"/>
        <v>3</v>
      </c>
    </row>
    <row r="682" spans="1:4" x14ac:dyDescent="0.25">
      <c r="A682" t="s">
        <v>7</v>
      </c>
      <c r="B682">
        <v>0.4</v>
      </c>
      <c r="C682">
        <v>0.72</v>
      </c>
      <c r="D682">
        <f t="shared" si="12"/>
        <v>1</v>
      </c>
    </row>
    <row r="683" spans="1:4" x14ac:dyDescent="0.25">
      <c r="A683" t="s">
        <v>20</v>
      </c>
      <c r="B683">
        <v>0.42</v>
      </c>
      <c r="C683">
        <v>0.5</v>
      </c>
      <c r="D683">
        <f t="shared" si="12"/>
        <v>3</v>
      </c>
    </row>
    <row r="684" spans="1:4" x14ac:dyDescent="0.25">
      <c r="A684" t="s">
        <v>20</v>
      </c>
      <c r="B684">
        <v>0.19</v>
      </c>
      <c r="C684">
        <v>0.51</v>
      </c>
      <c r="D684">
        <f t="shared" si="12"/>
        <v>3</v>
      </c>
    </row>
    <row r="685" spans="1:4" x14ac:dyDescent="0.25">
      <c r="A685" t="s">
        <v>17</v>
      </c>
      <c r="B685">
        <v>0.45</v>
      </c>
      <c r="C685">
        <v>0.26</v>
      </c>
      <c r="D685">
        <f t="shared" si="12"/>
        <v>3</v>
      </c>
    </row>
    <row r="686" spans="1:4" x14ac:dyDescent="0.25">
      <c r="A686" t="s">
        <v>21</v>
      </c>
      <c r="B686">
        <v>0.43</v>
      </c>
      <c r="C686">
        <v>0.7</v>
      </c>
      <c r="D686">
        <f t="shared" si="12"/>
        <v>2</v>
      </c>
    </row>
    <row r="687" spans="1:4" x14ac:dyDescent="0.25">
      <c r="A687" t="s">
        <v>14</v>
      </c>
      <c r="B687">
        <v>0.19</v>
      </c>
      <c r="C687">
        <v>0.34</v>
      </c>
      <c r="D687">
        <f t="shared" si="12"/>
        <v>3</v>
      </c>
    </row>
    <row r="688" spans="1:4" x14ac:dyDescent="0.25">
      <c r="A688" t="s">
        <v>7</v>
      </c>
      <c r="B688">
        <v>0.92</v>
      </c>
      <c r="C688">
        <v>0.93</v>
      </c>
      <c r="D688">
        <f t="shared" si="12"/>
        <v>1</v>
      </c>
    </row>
    <row r="689" spans="1:4" x14ac:dyDescent="0.25">
      <c r="A689" t="s">
        <v>15</v>
      </c>
      <c r="B689">
        <v>0.78</v>
      </c>
      <c r="C689">
        <v>0.22</v>
      </c>
      <c r="D689">
        <f t="shared" si="12"/>
        <v>3</v>
      </c>
    </row>
    <row r="690" spans="1:4" x14ac:dyDescent="0.25">
      <c r="A690" t="s">
        <v>30</v>
      </c>
      <c r="B690">
        <v>0.82</v>
      </c>
      <c r="C690">
        <v>0.48</v>
      </c>
      <c r="D690">
        <f t="shared" si="12"/>
        <v>3</v>
      </c>
    </row>
    <row r="691" spans="1:4" x14ac:dyDescent="0.25">
      <c r="A691" t="s">
        <v>21</v>
      </c>
      <c r="B691">
        <v>0.74</v>
      </c>
      <c r="C691">
        <v>0.62</v>
      </c>
      <c r="D691">
        <f t="shared" si="12"/>
        <v>2</v>
      </c>
    </row>
    <row r="692" spans="1:4" x14ac:dyDescent="0.25">
      <c r="A692" t="s">
        <v>25</v>
      </c>
      <c r="B692">
        <v>0.86</v>
      </c>
      <c r="C692">
        <v>0.76</v>
      </c>
      <c r="D692">
        <f t="shared" si="12"/>
        <v>3</v>
      </c>
    </row>
    <row r="693" spans="1:4" x14ac:dyDescent="0.25">
      <c r="A693" t="s">
        <v>23</v>
      </c>
      <c r="B693">
        <v>0.97</v>
      </c>
      <c r="C693">
        <v>0.38</v>
      </c>
      <c r="D693">
        <f t="shared" si="12"/>
        <v>1</v>
      </c>
    </row>
    <row r="694" spans="1:4" x14ac:dyDescent="0.25">
      <c r="A694" t="s">
        <v>19</v>
      </c>
      <c r="B694">
        <v>0.64</v>
      </c>
      <c r="C694">
        <v>0.71</v>
      </c>
      <c r="D694">
        <f t="shared" si="12"/>
        <v>3</v>
      </c>
    </row>
    <row r="695" spans="1:4" x14ac:dyDescent="0.25">
      <c r="A695" t="s">
        <v>25</v>
      </c>
      <c r="B695">
        <v>0.77</v>
      </c>
      <c r="C695">
        <v>0.77</v>
      </c>
      <c r="D695">
        <f t="shared" si="12"/>
        <v>3</v>
      </c>
    </row>
    <row r="696" spans="1:4" x14ac:dyDescent="0.25">
      <c r="A696" t="s">
        <v>7</v>
      </c>
      <c r="B696">
        <v>0.76</v>
      </c>
      <c r="C696">
        <v>0.82</v>
      </c>
      <c r="D696">
        <f t="shared" si="12"/>
        <v>1</v>
      </c>
    </row>
    <row r="697" spans="1:4" x14ac:dyDescent="0.25">
      <c r="A697" t="s">
        <v>13</v>
      </c>
      <c r="B697">
        <v>0.04</v>
      </c>
      <c r="C697">
        <v>0.32</v>
      </c>
      <c r="D697">
        <f t="shared" si="12"/>
        <v>3</v>
      </c>
    </row>
    <row r="698" spans="1:4" x14ac:dyDescent="0.25">
      <c r="A698" t="s">
        <v>22</v>
      </c>
      <c r="B698">
        <v>0.87</v>
      </c>
      <c r="C698">
        <v>0.43</v>
      </c>
      <c r="D698">
        <f t="shared" si="12"/>
        <v>1</v>
      </c>
    </row>
    <row r="699" spans="1:4" x14ac:dyDescent="0.25">
      <c r="A699" t="s">
        <v>18</v>
      </c>
      <c r="B699">
        <v>0.26</v>
      </c>
      <c r="C699">
        <v>0.31</v>
      </c>
      <c r="D699">
        <f t="shared" si="12"/>
        <v>1</v>
      </c>
    </row>
    <row r="700" spans="1:4" x14ac:dyDescent="0.25">
      <c r="A700" t="s">
        <v>19</v>
      </c>
      <c r="B700">
        <v>0.99</v>
      </c>
      <c r="C700">
        <v>0.92</v>
      </c>
      <c r="D700">
        <f t="shared" si="12"/>
        <v>3</v>
      </c>
    </row>
    <row r="701" spans="1:4" x14ac:dyDescent="0.25">
      <c r="A701" t="s">
        <v>23</v>
      </c>
      <c r="B701">
        <v>0.73</v>
      </c>
      <c r="C701">
        <v>0.64</v>
      </c>
      <c r="D701">
        <f t="shared" si="12"/>
        <v>1</v>
      </c>
    </row>
    <row r="702" spans="1:4" x14ac:dyDescent="0.25">
      <c r="A702" t="s">
        <v>25</v>
      </c>
      <c r="B702">
        <v>0.06</v>
      </c>
      <c r="C702">
        <v>0.92</v>
      </c>
      <c r="D702">
        <f t="shared" si="12"/>
        <v>3</v>
      </c>
    </row>
    <row r="703" spans="1:4" x14ac:dyDescent="0.25">
      <c r="A703" t="s">
        <v>21</v>
      </c>
      <c r="B703">
        <v>0.43</v>
      </c>
      <c r="C703">
        <v>0.66</v>
      </c>
      <c r="D703">
        <f t="shared" si="12"/>
        <v>2</v>
      </c>
    </row>
    <row r="704" spans="1:4" x14ac:dyDescent="0.25">
      <c r="A704" t="s">
        <v>30</v>
      </c>
      <c r="B704">
        <v>0.42</v>
      </c>
      <c r="C704">
        <v>0.45</v>
      </c>
      <c r="D704">
        <f t="shared" si="12"/>
        <v>3</v>
      </c>
    </row>
    <row r="705" spans="1:4" x14ac:dyDescent="0.25">
      <c r="A705" t="s">
        <v>20</v>
      </c>
      <c r="B705">
        <v>0.73</v>
      </c>
      <c r="C705">
        <v>0.59</v>
      </c>
      <c r="D705">
        <f t="shared" si="12"/>
        <v>3</v>
      </c>
    </row>
    <row r="706" spans="1:4" x14ac:dyDescent="0.25">
      <c r="A706" t="s">
        <v>18</v>
      </c>
      <c r="B706">
        <v>0.17</v>
      </c>
      <c r="C706">
        <v>0.43</v>
      </c>
      <c r="D706">
        <f t="shared" si="12"/>
        <v>1</v>
      </c>
    </row>
    <row r="707" spans="1:4" x14ac:dyDescent="0.25">
      <c r="A707" t="s">
        <v>13</v>
      </c>
      <c r="B707">
        <v>0.6</v>
      </c>
      <c r="C707">
        <v>0.51</v>
      </c>
      <c r="D707">
        <f t="shared" ref="D707:D770" si="13">VLOOKUP(A707,$G$2:$H$21,2)</f>
        <v>3</v>
      </c>
    </row>
    <row r="708" spans="1:4" x14ac:dyDescent="0.25">
      <c r="A708" t="s">
        <v>27</v>
      </c>
      <c r="B708">
        <v>0.47</v>
      </c>
      <c r="C708">
        <v>0.92</v>
      </c>
      <c r="D708">
        <f t="shared" si="13"/>
        <v>3</v>
      </c>
    </row>
    <row r="709" spans="1:4" x14ac:dyDescent="0.25">
      <c r="A709" t="s">
        <v>19</v>
      </c>
      <c r="B709">
        <v>0.51</v>
      </c>
      <c r="C709">
        <v>0.8</v>
      </c>
      <c r="D709">
        <f t="shared" si="13"/>
        <v>3</v>
      </c>
    </row>
    <row r="710" spans="1:4" x14ac:dyDescent="0.25">
      <c r="A710" t="s">
        <v>20</v>
      </c>
      <c r="B710">
        <v>0.49</v>
      </c>
      <c r="C710">
        <v>0.59</v>
      </c>
      <c r="D710">
        <f t="shared" si="13"/>
        <v>3</v>
      </c>
    </row>
    <row r="711" spans="1:4" x14ac:dyDescent="0.25">
      <c r="A711" t="s">
        <v>9</v>
      </c>
      <c r="B711">
        <v>0.95</v>
      </c>
      <c r="C711">
        <v>0.14000000000000001</v>
      </c>
      <c r="D711">
        <f t="shared" si="13"/>
        <v>3</v>
      </c>
    </row>
    <row r="712" spans="1:4" x14ac:dyDescent="0.25">
      <c r="A712" t="s">
        <v>19</v>
      </c>
      <c r="B712">
        <v>0.49</v>
      </c>
      <c r="C712">
        <v>0.91</v>
      </c>
      <c r="D712">
        <f t="shared" si="13"/>
        <v>3</v>
      </c>
    </row>
    <row r="713" spans="1:4" x14ac:dyDescent="0.25">
      <c r="A713" t="s">
        <v>15</v>
      </c>
      <c r="B713">
        <v>0.94</v>
      </c>
      <c r="C713">
        <v>0.06</v>
      </c>
      <c r="D713">
        <f t="shared" si="13"/>
        <v>3</v>
      </c>
    </row>
    <row r="714" spans="1:4" x14ac:dyDescent="0.25">
      <c r="A714" t="s">
        <v>20</v>
      </c>
      <c r="B714">
        <v>0.75</v>
      </c>
      <c r="C714">
        <v>0.54</v>
      </c>
      <c r="D714">
        <f t="shared" si="13"/>
        <v>3</v>
      </c>
    </row>
    <row r="715" spans="1:4" x14ac:dyDescent="0.25">
      <c r="A715" t="s">
        <v>17</v>
      </c>
      <c r="B715">
        <v>0.96</v>
      </c>
      <c r="C715">
        <v>0.13</v>
      </c>
      <c r="D715">
        <f t="shared" si="13"/>
        <v>3</v>
      </c>
    </row>
    <row r="716" spans="1:4" x14ac:dyDescent="0.25">
      <c r="A716" t="s">
        <v>15</v>
      </c>
      <c r="B716">
        <v>0.64</v>
      </c>
      <c r="C716">
        <v>0.27</v>
      </c>
      <c r="D716">
        <f t="shared" si="13"/>
        <v>3</v>
      </c>
    </row>
    <row r="717" spans="1:4" x14ac:dyDescent="0.25">
      <c r="A717" t="s">
        <v>20</v>
      </c>
      <c r="B717">
        <v>0.61</v>
      </c>
      <c r="C717">
        <v>0.48</v>
      </c>
      <c r="D717">
        <f t="shared" si="13"/>
        <v>3</v>
      </c>
    </row>
    <row r="718" spans="1:4" x14ac:dyDescent="0.25">
      <c r="A718" t="s">
        <v>13</v>
      </c>
      <c r="B718">
        <v>0.44</v>
      </c>
      <c r="C718">
        <v>0.69</v>
      </c>
      <c r="D718">
        <f t="shared" si="13"/>
        <v>3</v>
      </c>
    </row>
    <row r="719" spans="1:4" x14ac:dyDescent="0.25">
      <c r="A719" t="s">
        <v>22</v>
      </c>
      <c r="B719">
        <v>0.16</v>
      </c>
      <c r="C719">
        <v>0.64</v>
      </c>
      <c r="D719">
        <f t="shared" si="13"/>
        <v>1</v>
      </c>
    </row>
    <row r="720" spans="1:4" x14ac:dyDescent="0.25">
      <c r="A720" t="s">
        <v>18</v>
      </c>
      <c r="B720">
        <v>0.34</v>
      </c>
      <c r="C720">
        <v>0.56999999999999995</v>
      </c>
      <c r="D720">
        <f t="shared" si="13"/>
        <v>1</v>
      </c>
    </row>
    <row r="721" spans="1:4" x14ac:dyDescent="0.25">
      <c r="A721" t="s">
        <v>28</v>
      </c>
      <c r="B721">
        <v>0.01</v>
      </c>
      <c r="C721">
        <v>0.56999999999999995</v>
      </c>
      <c r="D721">
        <f t="shared" si="13"/>
        <v>3</v>
      </c>
    </row>
    <row r="722" spans="1:4" x14ac:dyDescent="0.25">
      <c r="A722" t="s">
        <v>17</v>
      </c>
      <c r="B722">
        <v>0.12</v>
      </c>
      <c r="C722">
        <v>0.21</v>
      </c>
      <c r="D722">
        <f t="shared" si="13"/>
        <v>3</v>
      </c>
    </row>
    <row r="723" spans="1:4" x14ac:dyDescent="0.25">
      <c r="A723" t="s">
        <v>9</v>
      </c>
      <c r="B723">
        <v>0.85</v>
      </c>
      <c r="C723">
        <v>0.17</v>
      </c>
      <c r="D723">
        <f t="shared" si="13"/>
        <v>3</v>
      </c>
    </row>
    <row r="724" spans="1:4" x14ac:dyDescent="0.25">
      <c r="A724" t="s">
        <v>20</v>
      </c>
      <c r="B724">
        <v>0.83</v>
      </c>
      <c r="C724">
        <v>0.51</v>
      </c>
      <c r="D724">
        <f t="shared" si="13"/>
        <v>3</v>
      </c>
    </row>
    <row r="725" spans="1:4" x14ac:dyDescent="0.25">
      <c r="A725" t="s">
        <v>14</v>
      </c>
      <c r="B725">
        <v>0.54</v>
      </c>
      <c r="C725">
        <v>0.49</v>
      </c>
      <c r="D725">
        <f t="shared" si="13"/>
        <v>3</v>
      </c>
    </row>
    <row r="726" spans="1:4" x14ac:dyDescent="0.25">
      <c r="A726" t="s">
        <v>18</v>
      </c>
      <c r="B726">
        <v>0.19</v>
      </c>
      <c r="C726">
        <v>0.51</v>
      </c>
      <c r="D726">
        <f t="shared" si="13"/>
        <v>1</v>
      </c>
    </row>
    <row r="727" spans="1:4" x14ac:dyDescent="0.25">
      <c r="A727" t="s">
        <v>29</v>
      </c>
      <c r="B727">
        <v>0.43</v>
      </c>
      <c r="C727">
        <v>0.23</v>
      </c>
      <c r="D727">
        <f t="shared" si="13"/>
        <v>1</v>
      </c>
    </row>
    <row r="728" spans="1:4" x14ac:dyDescent="0.25">
      <c r="A728" t="s">
        <v>19</v>
      </c>
      <c r="B728">
        <v>0.17</v>
      </c>
      <c r="C728">
        <v>0.77</v>
      </c>
      <c r="D728">
        <f t="shared" si="13"/>
        <v>3</v>
      </c>
    </row>
    <row r="729" spans="1:4" x14ac:dyDescent="0.25">
      <c r="A729" t="s">
        <v>14</v>
      </c>
      <c r="B729">
        <v>0.59</v>
      </c>
      <c r="C729">
        <v>0.48</v>
      </c>
      <c r="D729">
        <f t="shared" si="13"/>
        <v>3</v>
      </c>
    </row>
    <row r="730" spans="1:4" x14ac:dyDescent="0.25">
      <c r="A730" t="s">
        <v>29</v>
      </c>
      <c r="B730">
        <v>0.16</v>
      </c>
      <c r="C730">
        <v>0.3</v>
      </c>
      <c r="D730">
        <f t="shared" si="13"/>
        <v>1</v>
      </c>
    </row>
    <row r="731" spans="1:4" x14ac:dyDescent="0.25">
      <c r="A731" t="s">
        <v>18</v>
      </c>
      <c r="B731">
        <v>0.68</v>
      </c>
      <c r="C731">
        <v>0.56999999999999995</v>
      </c>
      <c r="D731">
        <f t="shared" si="13"/>
        <v>1</v>
      </c>
    </row>
    <row r="732" spans="1:4" x14ac:dyDescent="0.25">
      <c r="A732" t="s">
        <v>19</v>
      </c>
      <c r="B732">
        <v>0.92</v>
      </c>
      <c r="C732">
        <v>0.86</v>
      </c>
      <c r="D732">
        <f t="shared" si="13"/>
        <v>3</v>
      </c>
    </row>
    <row r="733" spans="1:4" x14ac:dyDescent="0.25">
      <c r="A733" t="s">
        <v>9</v>
      </c>
      <c r="B733">
        <v>0.62</v>
      </c>
      <c r="C733">
        <v>0.18</v>
      </c>
      <c r="D733">
        <f t="shared" si="13"/>
        <v>3</v>
      </c>
    </row>
    <row r="734" spans="1:4" x14ac:dyDescent="0.25">
      <c r="A734" t="s">
        <v>16</v>
      </c>
      <c r="B734">
        <v>0.37</v>
      </c>
      <c r="C734">
        <v>0.59</v>
      </c>
      <c r="D734">
        <f t="shared" si="13"/>
        <v>3</v>
      </c>
    </row>
    <row r="735" spans="1:4" x14ac:dyDescent="0.25">
      <c r="A735" t="s">
        <v>27</v>
      </c>
      <c r="B735">
        <v>0.55000000000000004</v>
      </c>
      <c r="C735">
        <v>0.9</v>
      </c>
      <c r="D735">
        <f t="shared" si="13"/>
        <v>3</v>
      </c>
    </row>
    <row r="736" spans="1:4" x14ac:dyDescent="0.25">
      <c r="A736" t="s">
        <v>29</v>
      </c>
      <c r="B736">
        <v>0.61</v>
      </c>
      <c r="C736">
        <v>0.13</v>
      </c>
      <c r="D736">
        <f t="shared" si="13"/>
        <v>1</v>
      </c>
    </row>
    <row r="737" spans="1:4" x14ac:dyDescent="0.25">
      <c r="A737" t="s">
        <v>22</v>
      </c>
      <c r="B737">
        <v>0.43</v>
      </c>
      <c r="C737">
        <v>0.67</v>
      </c>
      <c r="D737">
        <f t="shared" si="13"/>
        <v>1</v>
      </c>
    </row>
    <row r="738" spans="1:4" x14ac:dyDescent="0.25">
      <c r="A738" t="s">
        <v>7</v>
      </c>
      <c r="B738">
        <v>0.63</v>
      </c>
      <c r="C738">
        <v>0.92</v>
      </c>
      <c r="D738">
        <f t="shared" si="13"/>
        <v>1</v>
      </c>
    </row>
    <row r="739" spans="1:4" x14ac:dyDescent="0.25">
      <c r="A739" t="s">
        <v>15</v>
      </c>
      <c r="B739">
        <v>0.13</v>
      </c>
      <c r="C739">
        <v>0.21</v>
      </c>
      <c r="D739">
        <f t="shared" si="13"/>
        <v>3</v>
      </c>
    </row>
    <row r="740" spans="1:4" x14ac:dyDescent="0.25">
      <c r="A740" t="s">
        <v>28</v>
      </c>
      <c r="B740">
        <v>0.31</v>
      </c>
      <c r="C740">
        <v>0.4</v>
      </c>
      <c r="D740">
        <f t="shared" si="13"/>
        <v>3</v>
      </c>
    </row>
    <row r="741" spans="1:4" x14ac:dyDescent="0.25">
      <c r="A741" t="s">
        <v>14</v>
      </c>
      <c r="B741">
        <v>0.61</v>
      </c>
      <c r="C741">
        <v>0.56000000000000005</v>
      </c>
      <c r="D741">
        <f t="shared" si="13"/>
        <v>3</v>
      </c>
    </row>
    <row r="742" spans="1:4" x14ac:dyDescent="0.25">
      <c r="A742" t="s">
        <v>14</v>
      </c>
      <c r="B742">
        <v>0.55000000000000004</v>
      </c>
      <c r="C742">
        <v>0.36</v>
      </c>
      <c r="D742">
        <f t="shared" si="13"/>
        <v>3</v>
      </c>
    </row>
    <row r="743" spans="1:4" x14ac:dyDescent="0.25">
      <c r="A743" t="s">
        <v>17</v>
      </c>
      <c r="B743">
        <v>0.3</v>
      </c>
      <c r="C743">
        <v>0.3</v>
      </c>
      <c r="D743">
        <f t="shared" si="13"/>
        <v>3</v>
      </c>
    </row>
    <row r="744" spans="1:4" x14ac:dyDescent="0.25">
      <c r="A744" t="s">
        <v>29</v>
      </c>
      <c r="B744">
        <v>0.15</v>
      </c>
      <c r="C744">
        <v>0.11</v>
      </c>
      <c r="D744">
        <f t="shared" si="13"/>
        <v>1</v>
      </c>
    </row>
    <row r="745" spans="1:4" x14ac:dyDescent="0.25">
      <c r="A745" t="s">
        <v>18</v>
      </c>
      <c r="B745">
        <v>0.57999999999999996</v>
      </c>
      <c r="C745">
        <v>0.47</v>
      </c>
      <c r="D745">
        <f t="shared" si="13"/>
        <v>1</v>
      </c>
    </row>
    <row r="746" spans="1:4" x14ac:dyDescent="0.25">
      <c r="A746" t="s">
        <v>29</v>
      </c>
      <c r="B746">
        <v>0.84</v>
      </c>
      <c r="C746">
        <v>0.1</v>
      </c>
      <c r="D746">
        <f t="shared" si="13"/>
        <v>1</v>
      </c>
    </row>
    <row r="747" spans="1:4" x14ac:dyDescent="0.25">
      <c r="A747" t="s">
        <v>21</v>
      </c>
      <c r="B747">
        <v>0.1</v>
      </c>
      <c r="C747">
        <v>0.63</v>
      </c>
      <c r="D747">
        <f t="shared" si="13"/>
        <v>2</v>
      </c>
    </row>
    <row r="748" spans="1:4" x14ac:dyDescent="0.25">
      <c r="A748" t="s">
        <v>22</v>
      </c>
      <c r="B748">
        <v>0.79</v>
      </c>
      <c r="C748">
        <v>0.33</v>
      </c>
      <c r="D748">
        <f t="shared" si="13"/>
        <v>1</v>
      </c>
    </row>
    <row r="749" spans="1:4" x14ac:dyDescent="0.25">
      <c r="A749" t="s">
        <v>16</v>
      </c>
      <c r="B749">
        <v>0.78</v>
      </c>
      <c r="C749">
        <v>0.43</v>
      </c>
      <c r="D749">
        <f t="shared" si="13"/>
        <v>3</v>
      </c>
    </row>
    <row r="750" spans="1:4" x14ac:dyDescent="0.25">
      <c r="A750" t="s">
        <v>15</v>
      </c>
      <c r="B750">
        <v>0.71</v>
      </c>
      <c r="C750">
        <v>0.06</v>
      </c>
      <c r="D750">
        <f t="shared" si="13"/>
        <v>3</v>
      </c>
    </row>
    <row r="751" spans="1:4" x14ac:dyDescent="0.25">
      <c r="A751" t="s">
        <v>18</v>
      </c>
      <c r="B751">
        <v>7.0000000000000007E-2</v>
      </c>
      <c r="C751">
        <v>0.42</v>
      </c>
      <c r="D751">
        <f t="shared" si="13"/>
        <v>1</v>
      </c>
    </row>
    <row r="752" spans="1:4" x14ac:dyDescent="0.25">
      <c r="A752" t="s">
        <v>9</v>
      </c>
      <c r="B752">
        <v>0.38</v>
      </c>
      <c r="C752">
        <v>0.06</v>
      </c>
      <c r="D752">
        <f t="shared" si="13"/>
        <v>3</v>
      </c>
    </row>
    <row r="753" spans="1:4" x14ac:dyDescent="0.25">
      <c r="A753" t="s">
        <v>30</v>
      </c>
      <c r="B753">
        <v>0.25</v>
      </c>
      <c r="C753">
        <v>0.48</v>
      </c>
      <c r="D753">
        <f t="shared" si="13"/>
        <v>3</v>
      </c>
    </row>
    <row r="754" spans="1:4" x14ac:dyDescent="0.25">
      <c r="A754" t="s">
        <v>17</v>
      </c>
      <c r="B754">
        <v>0.68</v>
      </c>
      <c r="C754">
        <v>0.09</v>
      </c>
      <c r="D754">
        <f t="shared" si="13"/>
        <v>3</v>
      </c>
    </row>
    <row r="755" spans="1:4" x14ac:dyDescent="0.25">
      <c r="A755" t="s">
        <v>29</v>
      </c>
      <c r="B755">
        <v>0.68</v>
      </c>
      <c r="C755">
        <v>0.19</v>
      </c>
      <c r="D755">
        <f t="shared" si="13"/>
        <v>1</v>
      </c>
    </row>
    <row r="756" spans="1:4" x14ac:dyDescent="0.25">
      <c r="A756" t="s">
        <v>25</v>
      </c>
      <c r="B756">
        <v>0.14000000000000001</v>
      </c>
      <c r="C756">
        <v>0.8</v>
      </c>
      <c r="D756">
        <f t="shared" si="13"/>
        <v>3</v>
      </c>
    </row>
    <row r="757" spans="1:4" x14ac:dyDescent="0.25">
      <c r="A757" t="s">
        <v>27</v>
      </c>
      <c r="B757">
        <v>0.84</v>
      </c>
      <c r="C757">
        <v>0.75</v>
      </c>
      <c r="D757">
        <f t="shared" si="13"/>
        <v>3</v>
      </c>
    </row>
    <row r="758" spans="1:4" x14ac:dyDescent="0.25">
      <c r="A758" t="s">
        <v>18</v>
      </c>
      <c r="B758">
        <v>0.56999999999999995</v>
      </c>
      <c r="C758">
        <v>0.49</v>
      </c>
      <c r="D758">
        <f t="shared" si="13"/>
        <v>1</v>
      </c>
    </row>
    <row r="759" spans="1:4" x14ac:dyDescent="0.25">
      <c r="A759" t="s">
        <v>17</v>
      </c>
      <c r="B759">
        <v>0.38</v>
      </c>
      <c r="C759">
        <v>0.16</v>
      </c>
      <c r="D759">
        <f t="shared" si="13"/>
        <v>3</v>
      </c>
    </row>
    <row r="760" spans="1:4" x14ac:dyDescent="0.25">
      <c r="A760" t="s">
        <v>26</v>
      </c>
      <c r="B760">
        <v>0.7</v>
      </c>
      <c r="C760">
        <v>0.28000000000000003</v>
      </c>
      <c r="D760">
        <f t="shared" si="13"/>
        <v>3</v>
      </c>
    </row>
    <row r="761" spans="1:4" x14ac:dyDescent="0.25">
      <c r="A761" t="s">
        <v>29</v>
      </c>
      <c r="B761">
        <v>0.25</v>
      </c>
      <c r="C761">
        <v>0.16</v>
      </c>
      <c r="D761">
        <f t="shared" si="13"/>
        <v>1</v>
      </c>
    </row>
    <row r="762" spans="1:4" x14ac:dyDescent="0.25">
      <c r="A762" t="s">
        <v>7</v>
      </c>
      <c r="B762">
        <v>0.97</v>
      </c>
      <c r="C762">
        <v>0.88</v>
      </c>
      <c r="D762">
        <f t="shared" si="13"/>
        <v>1</v>
      </c>
    </row>
    <row r="763" spans="1:4" x14ac:dyDescent="0.25">
      <c r="A763" t="s">
        <v>14</v>
      </c>
      <c r="B763">
        <v>0.56000000000000005</v>
      </c>
      <c r="C763">
        <v>0.68</v>
      </c>
      <c r="D763">
        <f t="shared" si="13"/>
        <v>3</v>
      </c>
    </row>
    <row r="764" spans="1:4" x14ac:dyDescent="0.25">
      <c r="A764" t="s">
        <v>27</v>
      </c>
      <c r="B764">
        <v>0.69</v>
      </c>
      <c r="C764">
        <v>0.79</v>
      </c>
      <c r="D764">
        <f t="shared" si="13"/>
        <v>3</v>
      </c>
    </row>
    <row r="765" spans="1:4" x14ac:dyDescent="0.25">
      <c r="A765" t="s">
        <v>13</v>
      </c>
      <c r="B765">
        <v>0.22</v>
      </c>
      <c r="C765">
        <v>0.37</v>
      </c>
      <c r="D765">
        <f t="shared" si="13"/>
        <v>3</v>
      </c>
    </row>
    <row r="766" spans="1:4" x14ac:dyDescent="0.25">
      <c r="A766" t="s">
        <v>26</v>
      </c>
      <c r="B766">
        <v>0.56000000000000005</v>
      </c>
      <c r="C766">
        <v>0.09</v>
      </c>
      <c r="D766">
        <f t="shared" si="13"/>
        <v>3</v>
      </c>
    </row>
    <row r="767" spans="1:4" x14ac:dyDescent="0.25">
      <c r="A767" t="s">
        <v>11</v>
      </c>
      <c r="B767">
        <v>0.59</v>
      </c>
      <c r="C767">
        <v>0.82</v>
      </c>
      <c r="D767">
        <f t="shared" si="13"/>
        <v>1</v>
      </c>
    </row>
    <row r="768" spans="1:4" x14ac:dyDescent="0.25">
      <c r="A768" t="s">
        <v>9</v>
      </c>
      <c r="B768">
        <v>0.96</v>
      </c>
      <c r="C768">
        <v>0.28000000000000003</v>
      </c>
      <c r="D768">
        <f t="shared" si="13"/>
        <v>3</v>
      </c>
    </row>
    <row r="769" spans="1:4" x14ac:dyDescent="0.25">
      <c r="A769" t="s">
        <v>21</v>
      </c>
      <c r="B769">
        <v>0.17</v>
      </c>
      <c r="C769">
        <v>0.46</v>
      </c>
      <c r="D769">
        <f t="shared" si="13"/>
        <v>2</v>
      </c>
    </row>
    <row r="770" spans="1:4" x14ac:dyDescent="0.25">
      <c r="A770" t="s">
        <v>28</v>
      </c>
      <c r="B770">
        <v>0.78</v>
      </c>
      <c r="C770">
        <v>0.56000000000000005</v>
      </c>
      <c r="D770">
        <f t="shared" si="13"/>
        <v>3</v>
      </c>
    </row>
    <row r="771" spans="1:4" x14ac:dyDescent="0.25">
      <c r="A771" t="s">
        <v>9</v>
      </c>
      <c r="B771">
        <v>0.95</v>
      </c>
      <c r="C771">
        <v>0.22</v>
      </c>
      <c r="D771">
        <f t="shared" ref="D771:D834" si="14">VLOOKUP(A771,$G$2:$H$21,2)</f>
        <v>3</v>
      </c>
    </row>
    <row r="772" spans="1:4" x14ac:dyDescent="0.25">
      <c r="A772" t="s">
        <v>27</v>
      </c>
      <c r="B772">
        <v>0.56999999999999995</v>
      </c>
      <c r="C772">
        <v>0.86</v>
      </c>
      <c r="D772">
        <f t="shared" si="14"/>
        <v>3</v>
      </c>
    </row>
    <row r="773" spans="1:4" x14ac:dyDescent="0.25">
      <c r="A773" t="s">
        <v>20</v>
      </c>
      <c r="B773">
        <v>0.49</v>
      </c>
      <c r="C773">
        <v>0.34</v>
      </c>
      <c r="D773">
        <f t="shared" si="14"/>
        <v>3</v>
      </c>
    </row>
    <row r="774" spans="1:4" x14ac:dyDescent="0.25">
      <c r="A774" t="s">
        <v>27</v>
      </c>
      <c r="B774">
        <v>0.82</v>
      </c>
      <c r="C774">
        <v>0.75</v>
      </c>
      <c r="D774">
        <f t="shared" si="14"/>
        <v>3</v>
      </c>
    </row>
    <row r="775" spans="1:4" x14ac:dyDescent="0.25">
      <c r="A775" t="s">
        <v>17</v>
      </c>
      <c r="B775">
        <v>0.96</v>
      </c>
      <c r="C775">
        <v>0.16</v>
      </c>
      <c r="D775">
        <f t="shared" si="14"/>
        <v>3</v>
      </c>
    </row>
    <row r="776" spans="1:4" x14ac:dyDescent="0.25">
      <c r="A776" t="s">
        <v>13</v>
      </c>
      <c r="B776">
        <v>0.84</v>
      </c>
      <c r="C776">
        <v>0.51</v>
      </c>
      <c r="D776">
        <f t="shared" si="14"/>
        <v>3</v>
      </c>
    </row>
    <row r="777" spans="1:4" x14ac:dyDescent="0.25">
      <c r="A777" t="s">
        <v>13</v>
      </c>
      <c r="B777">
        <v>0.65</v>
      </c>
      <c r="C777">
        <v>0.36</v>
      </c>
      <c r="D777">
        <f t="shared" si="14"/>
        <v>3</v>
      </c>
    </row>
    <row r="778" spans="1:4" x14ac:dyDescent="0.25">
      <c r="A778" t="s">
        <v>18</v>
      </c>
      <c r="B778">
        <v>0.97</v>
      </c>
      <c r="C778">
        <v>0.3</v>
      </c>
      <c r="D778">
        <f t="shared" si="14"/>
        <v>1</v>
      </c>
    </row>
    <row r="779" spans="1:4" x14ac:dyDescent="0.25">
      <c r="A779" t="s">
        <v>14</v>
      </c>
      <c r="B779">
        <v>0.19</v>
      </c>
      <c r="C779">
        <v>0.38</v>
      </c>
      <c r="D779">
        <f t="shared" si="14"/>
        <v>3</v>
      </c>
    </row>
    <row r="780" spans="1:4" x14ac:dyDescent="0.25">
      <c r="A780" t="s">
        <v>30</v>
      </c>
      <c r="B780">
        <v>1</v>
      </c>
      <c r="C780">
        <v>0.61</v>
      </c>
      <c r="D780">
        <f t="shared" si="14"/>
        <v>3</v>
      </c>
    </row>
    <row r="781" spans="1:4" x14ac:dyDescent="0.25">
      <c r="A781" t="s">
        <v>22</v>
      </c>
      <c r="B781">
        <v>0.35</v>
      </c>
      <c r="C781">
        <v>0.37</v>
      </c>
      <c r="D781">
        <f t="shared" si="14"/>
        <v>1</v>
      </c>
    </row>
    <row r="782" spans="1:4" x14ac:dyDescent="0.25">
      <c r="A782" t="s">
        <v>11</v>
      </c>
      <c r="B782">
        <v>0.74</v>
      </c>
      <c r="C782">
        <v>0.84</v>
      </c>
      <c r="D782">
        <f t="shared" si="14"/>
        <v>1</v>
      </c>
    </row>
    <row r="783" spans="1:4" x14ac:dyDescent="0.25">
      <c r="A783" t="s">
        <v>30</v>
      </c>
      <c r="B783">
        <v>0.61</v>
      </c>
      <c r="C783">
        <v>0.49</v>
      </c>
      <c r="D783">
        <f t="shared" si="14"/>
        <v>3</v>
      </c>
    </row>
    <row r="784" spans="1:4" x14ac:dyDescent="0.25">
      <c r="A784" t="s">
        <v>9</v>
      </c>
      <c r="B784">
        <v>0.95</v>
      </c>
      <c r="C784">
        <v>0.27</v>
      </c>
      <c r="D784">
        <f t="shared" si="14"/>
        <v>3</v>
      </c>
    </row>
    <row r="785" spans="1:4" x14ac:dyDescent="0.25">
      <c r="A785" t="s">
        <v>25</v>
      </c>
      <c r="B785">
        <v>0.95</v>
      </c>
      <c r="C785">
        <v>0.71</v>
      </c>
      <c r="D785">
        <f t="shared" si="14"/>
        <v>3</v>
      </c>
    </row>
    <row r="786" spans="1:4" x14ac:dyDescent="0.25">
      <c r="A786" t="s">
        <v>15</v>
      </c>
      <c r="B786">
        <v>0.73</v>
      </c>
      <c r="C786">
        <v>0.28999999999999998</v>
      </c>
      <c r="D786">
        <f t="shared" si="14"/>
        <v>3</v>
      </c>
    </row>
    <row r="787" spans="1:4" x14ac:dyDescent="0.25">
      <c r="A787" t="s">
        <v>9</v>
      </c>
      <c r="B787">
        <v>0.39</v>
      </c>
      <c r="C787">
        <v>0.09</v>
      </c>
      <c r="D787">
        <f t="shared" si="14"/>
        <v>3</v>
      </c>
    </row>
    <row r="788" spans="1:4" x14ac:dyDescent="0.25">
      <c r="A788" t="s">
        <v>27</v>
      </c>
      <c r="B788">
        <v>0.09</v>
      </c>
      <c r="C788">
        <v>0.9</v>
      </c>
      <c r="D788">
        <f t="shared" si="14"/>
        <v>3</v>
      </c>
    </row>
    <row r="789" spans="1:4" x14ac:dyDescent="0.25">
      <c r="A789" t="s">
        <v>25</v>
      </c>
      <c r="B789">
        <v>0.53</v>
      </c>
      <c r="C789">
        <v>0.77</v>
      </c>
      <c r="D789">
        <f t="shared" si="14"/>
        <v>3</v>
      </c>
    </row>
    <row r="790" spans="1:4" x14ac:dyDescent="0.25">
      <c r="A790" t="s">
        <v>13</v>
      </c>
      <c r="B790">
        <v>0.65</v>
      </c>
      <c r="C790">
        <v>0.62</v>
      </c>
      <c r="D790">
        <f t="shared" si="14"/>
        <v>3</v>
      </c>
    </row>
    <row r="791" spans="1:4" x14ac:dyDescent="0.25">
      <c r="A791" t="s">
        <v>16</v>
      </c>
      <c r="B791">
        <v>0.36</v>
      </c>
      <c r="C791">
        <v>0.34</v>
      </c>
      <c r="D791">
        <f t="shared" si="14"/>
        <v>3</v>
      </c>
    </row>
    <row r="792" spans="1:4" x14ac:dyDescent="0.25">
      <c r="A792" t="s">
        <v>15</v>
      </c>
      <c r="B792">
        <v>0.53</v>
      </c>
      <c r="C792">
        <v>0.16</v>
      </c>
      <c r="D792">
        <f t="shared" si="14"/>
        <v>3</v>
      </c>
    </row>
    <row r="793" spans="1:4" x14ac:dyDescent="0.25">
      <c r="A793" t="s">
        <v>30</v>
      </c>
      <c r="B793">
        <v>0.28999999999999998</v>
      </c>
      <c r="C793">
        <v>0.56999999999999995</v>
      </c>
      <c r="D793">
        <f t="shared" si="14"/>
        <v>3</v>
      </c>
    </row>
    <row r="794" spans="1:4" x14ac:dyDescent="0.25">
      <c r="A794" t="s">
        <v>16</v>
      </c>
      <c r="B794">
        <v>0.67</v>
      </c>
      <c r="C794">
        <v>0.44</v>
      </c>
      <c r="D794">
        <f t="shared" si="14"/>
        <v>3</v>
      </c>
    </row>
    <row r="795" spans="1:4" x14ac:dyDescent="0.25">
      <c r="A795" t="s">
        <v>25</v>
      </c>
      <c r="B795">
        <v>0.67</v>
      </c>
      <c r="C795">
        <v>0.78</v>
      </c>
      <c r="D795">
        <f t="shared" si="14"/>
        <v>3</v>
      </c>
    </row>
    <row r="796" spans="1:4" x14ac:dyDescent="0.25">
      <c r="A796" t="s">
        <v>27</v>
      </c>
      <c r="B796">
        <v>0.56000000000000005</v>
      </c>
      <c r="C796">
        <v>0.79</v>
      </c>
      <c r="D796">
        <f t="shared" si="14"/>
        <v>3</v>
      </c>
    </row>
    <row r="797" spans="1:4" x14ac:dyDescent="0.25">
      <c r="A797" t="s">
        <v>23</v>
      </c>
      <c r="B797">
        <v>0.92</v>
      </c>
      <c r="C797">
        <v>0.6</v>
      </c>
      <c r="D797">
        <f t="shared" si="14"/>
        <v>1</v>
      </c>
    </row>
    <row r="798" spans="1:4" x14ac:dyDescent="0.25">
      <c r="A798" t="s">
        <v>9</v>
      </c>
      <c r="B798">
        <v>0.82</v>
      </c>
      <c r="C798">
        <v>0.3</v>
      </c>
      <c r="D798">
        <f t="shared" si="14"/>
        <v>3</v>
      </c>
    </row>
    <row r="799" spans="1:4" x14ac:dyDescent="0.25">
      <c r="A799" t="s">
        <v>20</v>
      </c>
      <c r="B799">
        <v>0.06</v>
      </c>
      <c r="C799">
        <v>0.47</v>
      </c>
      <c r="D799">
        <f t="shared" si="14"/>
        <v>3</v>
      </c>
    </row>
    <row r="800" spans="1:4" x14ac:dyDescent="0.25">
      <c r="A800" t="s">
        <v>13</v>
      </c>
      <c r="B800">
        <v>0.39</v>
      </c>
      <c r="C800">
        <v>0.56000000000000005</v>
      </c>
      <c r="D800">
        <f t="shared" si="14"/>
        <v>3</v>
      </c>
    </row>
    <row r="801" spans="1:4" x14ac:dyDescent="0.25">
      <c r="A801" t="s">
        <v>29</v>
      </c>
      <c r="B801">
        <v>0.67</v>
      </c>
      <c r="C801">
        <v>0.13</v>
      </c>
      <c r="D801">
        <f t="shared" si="14"/>
        <v>1</v>
      </c>
    </row>
    <row r="802" spans="1:4" x14ac:dyDescent="0.25">
      <c r="A802" t="s">
        <v>13</v>
      </c>
      <c r="B802">
        <v>0.9</v>
      </c>
      <c r="C802">
        <v>0.41</v>
      </c>
      <c r="D802">
        <f t="shared" si="14"/>
        <v>3</v>
      </c>
    </row>
    <row r="803" spans="1:4" x14ac:dyDescent="0.25">
      <c r="A803" t="s">
        <v>16</v>
      </c>
      <c r="B803">
        <v>0.56000000000000005</v>
      </c>
      <c r="C803">
        <v>0.36</v>
      </c>
      <c r="D803">
        <f t="shared" si="14"/>
        <v>3</v>
      </c>
    </row>
    <row r="804" spans="1:4" x14ac:dyDescent="0.25">
      <c r="A804" t="s">
        <v>21</v>
      </c>
      <c r="B804">
        <v>0.95</v>
      </c>
      <c r="C804">
        <v>0.48</v>
      </c>
      <c r="D804">
        <f t="shared" si="14"/>
        <v>2</v>
      </c>
    </row>
    <row r="805" spans="1:4" x14ac:dyDescent="0.25">
      <c r="A805" t="s">
        <v>28</v>
      </c>
      <c r="B805">
        <v>0.43</v>
      </c>
      <c r="C805">
        <v>0.52</v>
      </c>
      <c r="D805">
        <f t="shared" si="14"/>
        <v>3</v>
      </c>
    </row>
    <row r="806" spans="1:4" x14ac:dyDescent="0.25">
      <c r="A806" t="s">
        <v>11</v>
      </c>
      <c r="B806">
        <v>0.94</v>
      </c>
      <c r="C806">
        <v>0.85</v>
      </c>
      <c r="D806">
        <f t="shared" si="14"/>
        <v>1</v>
      </c>
    </row>
    <row r="807" spans="1:4" x14ac:dyDescent="0.25">
      <c r="A807" t="s">
        <v>20</v>
      </c>
      <c r="B807">
        <v>0.84</v>
      </c>
      <c r="C807">
        <v>0.63</v>
      </c>
      <c r="D807">
        <f t="shared" si="14"/>
        <v>3</v>
      </c>
    </row>
    <row r="808" spans="1:4" x14ac:dyDescent="0.25">
      <c r="A808" t="s">
        <v>14</v>
      </c>
      <c r="B808">
        <v>0.38</v>
      </c>
      <c r="C808">
        <v>0.45</v>
      </c>
      <c r="D808">
        <f t="shared" si="14"/>
        <v>3</v>
      </c>
    </row>
    <row r="809" spans="1:4" x14ac:dyDescent="0.25">
      <c r="A809" t="s">
        <v>25</v>
      </c>
      <c r="B809">
        <v>0.11</v>
      </c>
      <c r="C809">
        <v>0.89</v>
      </c>
      <c r="D809">
        <f t="shared" si="14"/>
        <v>3</v>
      </c>
    </row>
    <row r="810" spans="1:4" x14ac:dyDescent="0.25">
      <c r="A810" t="s">
        <v>29</v>
      </c>
      <c r="B810">
        <v>0.93</v>
      </c>
      <c r="C810">
        <v>0.25</v>
      </c>
      <c r="D810">
        <f t="shared" si="14"/>
        <v>1</v>
      </c>
    </row>
    <row r="811" spans="1:4" x14ac:dyDescent="0.25">
      <c r="A811" t="s">
        <v>25</v>
      </c>
      <c r="B811">
        <v>0.28000000000000003</v>
      </c>
      <c r="C811">
        <v>0.71</v>
      </c>
      <c r="D811">
        <f t="shared" si="14"/>
        <v>3</v>
      </c>
    </row>
    <row r="812" spans="1:4" x14ac:dyDescent="0.25">
      <c r="A812" t="s">
        <v>25</v>
      </c>
      <c r="B812">
        <v>0.32</v>
      </c>
      <c r="C812">
        <v>0.74</v>
      </c>
      <c r="D812">
        <f t="shared" si="14"/>
        <v>3</v>
      </c>
    </row>
    <row r="813" spans="1:4" x14ac:dyDescent="0.25">
      <c r="A813" t="s">
        <v>30</v>
      </c>
      <c r="B813">
        <v>7.0000000000000007E-2</v>
      </c>
      <c r="C813">
        <v>0.47</v>
      </c>
      <c r="D813">
        <f t="shared" si="14"/>
        <v>3</v>
      </c>
    </row>
    <row r="814" spans="1:4" x14ac:dyDescent="0.25">
      <c r="A814" t="s">
        <v>9</v>
      </c>
      <c r="B814">
        <v>0.1</v>
      </c>
      <c r="C814">
        <v>0.05</v>
      </c>
      <c r="D814">
        <f t="shared" si="14"/>
        <v>3</v>
      </c>
    </row>
    <row r="815" spans="1:4" x14ac:dyDescent="0.25">
      <c r="A815" t="s">
        <v>19</v>
      </c>
      <c r="B815">
        <v>0.12</v>
      </c>
      <c r="C815">
        <v>0.94</v>
      </c>
      <c r="D815">
        <f t="shared" si="14"/>
        <v>3</v>
      </c>
    </row>
    <row r="816" spans="1:4" x14ac:dyDescent="0.25">
      <c r="A816" t="s">
        <v>29</v>
      </c>
      <c r="B816">
        <v>0.65</v>
      </c>
      <c r="C816">
        <v>0.11</v>
      </c>
      <c r="D816">
        <f t="shared" si="14"/>
        <v>1</v>
      </c>
    </row>
    <row r="817" spans="1:4" x14ac:dyDescent="0.25">
      <c r="A817" t="s">
        <v>7</v>
      </c>
      <c r="B817">
        <v>0.85</v>
      </c>
      <c r="C817">
        <v>0.91</v>
      </c>
      <c r="D817">
        <f t="shared" si="14"/>
        <v>1</v>
      </c>
    </row>
    <row r="818" spans="1:4" x14ac:dyDescent="0.25">
      <c r="A818" t="s">
        <v>23</v>
      </c>
      <c r="B818">
        <v>7.0000000000000007E-2</v>
      </c>
      <c r="C818">
        <v>0.66</v>
      </c>
      <c r="D818">
        <f t="shared" si="14"/>
        <v>1</v>
      </c>
    </row>
    <row r="819" spans="1:4" x14ac:dyDescent="0.25">
      <c r="A819" t="s">
        <v>29</v>
      </c>
      <c r="B819">
        <v>0.49</v>
      </c>
      <c r="C819">
        <v>0.16</v>
      </c>
      <c r="D819">
        <f t="shared" si="14"/>
        <v>1</v>
      </c>
    </row>
    <row r="820" spans="1:4" x14ac:dyDescent="0.25">
      <c r="A820" t="s">
        <v>22</v>
      </c>
      <c r="B820">
        <v>0</v>
      </c>
      <c r="C820">
        <v>0.44</v>
      </c>
      <c r="D820">
        <f t="shared" si="14"/>
        <v>1</v>
      </c>
    </row>
    <row r="821" spans="1:4" x14ac:dyDescent="0.25">
      <c r="A821" t="s">
        <v>27</v>
      </c>
      <c r="B821">
        <v>0.37</v>
      </c>
      <c r="C821">
        <v>0.76</v>
      </c>
      <c r="D821">
        <f t="shared" si="14"/>
        <v>3</v>
      </c>
    </row>
    <row r="822" spans="1:4" x14ac:dyDescent="0.25">
      <c r="A822" t="s">
        <v>17</v>
      </c>
      <c r="B822">
        <v>0.74</v>
      </c>
      <c r="C822">
        <v>0.16</v>
      </c>
      <c r="D822">
        <f t="shared" si="14"/>
        <v>3</v>
      </c>
    </row>
    <row r="823" spans="1:4" x14ac:dyDescent="0.25">
      <c r="A823" t="s">
        <v>11</v>
      </c>
      <c r="B823">
        <v>0.46</v>
      </c>
      <c r="C823">
        <v>0.83</v>
      </c>
      <c r="D823">
        <f t="shared" si="14"/>
        <v>1</v>
      </c>
    </row>
    <row r="824" spans="1:4" x14ac:dyDescent="0.25">
      <c r="A824" t="s">
        <v>7</v>
      </c>
      <c r="B824">
        <v>0.59</v>
      </c>
      <c r="C824">
        <v>0.92</v>
      </c>
      <c r="D824">
        <f t="shared" si="14"/>
        <v>1</v>
      </c>
    </row>
    <row r="825" spans="1:4" x14ac:dyDescent="0.25">
      <c r="A825" t="s">
        <v>15</v>
      </c>
      <c r="B825">
        <v>0.5</v>
      </c>
      <c r="C825">
        <v>0.14000000000000001</v>
      </c>
      <c r="D825">
        <f t="shared" si="14"/>
        <v>3</v>
      </c>
    </row>
    <row r="826" spans="1:4" x14ac:dyDescent="0.25">
      <c r="A826" t="s">
        <v>18</v>
      </c>
      <c r="B826">
        <v>0.76</v>
      </c>
      <c r="C826">
        <v>0.36</v>
      </c>
      <c r="D826">
        <f t="shared" si="14"/>
        <v>1</v>
      </c>
    </row>
    <row r="827" spans="1:4" x14ac:dyDescent="0.25">
      <c r="A827" t="s">
        <v>14</v>
      </c>
      <c r="B827">
        <v>0.09</v>
      </c>
      <c r="C827">
        <v>0.64</v>
      </c>
      <c r="D827">
        <f t="shared" si="14"/>
        <v>3</v>
      </c>
    </row>
    <row r="828" spans="1:4" x14ac:dyDescent="0.25">
      <c r="A828" t="s">
        <v>23</v>
      </c>
      <c r="B828">
        <v>0.79</v>
      </c>
      <c r="C828">
        <v>0.53</v>
      </c>
      <c r="D828">
        <f t="shared" si="14"/>
        <v>1</v>
      </c>
    </row>
    <row r="829" spans="1:4" x14ac:dyDescent="0.25">
      <c r="A829" t="s">
        <v>16</v>
      </c>
      <c r="B829">
        <v>0.62</v>
      </c>
      <c r="C829">
        <v>0.46</v>
      </c>
      <c r="D829">
        <f t="shared" si="14"/>
        <v>3</v>
      </c>
    </row>
    <row r="830" spans="1:4" x14ac:dyDescent="0.25">
      <c r="A830" t="s">
        <v>15</v>
      </c>
      <c r="B830">
        <v>0.57999999999999996</v>
      </c>
      <c r="C830">
        <v>0.09</v>
      </c>
      <c r="D830">
        <f t="shared" si="14"/>
        <v>3</v>
      </c>
    </row>
    <row r="831" spans="1:4" x14ac:dyDescent="0.25">
      <c r="A831" t="s">
        <v>25</v>
      </c>
      <c r="B831">
        <v>0.36</v>
      </c>
      <c r="C831">
        <v>0.91</v>
      </c>
      <c r="D831">
        <f t="shared" si="14"/>
        <v>3</v>
      </c>
    </row>
    <row r="832" spans="1:4" x14ac:dyDescent="0.25">
      <c r="A832" t="s">
        <v>9</v>
      </c>
      <c r="B832">
        <v>0.22</v>
      </c>
      <c r="C832">
        <v>0.11</v>
      </c>
      <c r="D832">
        <f t="shared" si="14"/>
        <v>3</v>
      </c>
    </row>
    <row r="833" spans="1:4" x14ac:dyDescent="0.25">
      <c r="A833" t="s">
        <v>21</v>
      </c>
      <c r="B833">
        <v>0.93</v>
      </c>
      <c r="C833">
        <v>0.43</v>
      </c>
      <c r="D833">
        <f t="shared" si="14"/>
        <v>2</v>
      </c>
    </row>
    <row r="834" spans="1:4" x14ac:dyDescent="0.25">
      <c r="A834" t="s">
        <v>21</v>
      </c>
      <c r="B834">
        <v>1</v>
      </c>
      <c r="C834">
        <v>0.54</v>
      </c>
      <c r="D834">
        <f t="shared" si="14"/>
        <v>2</v>
      </c>
    </row>
    <row r="835" spans="1:4" x14ac:dyDescent="0.25">
      <c r="A835" t="s">
        <v>22</v>
      </c>
      <c r="B835">
        <v>0.86</v>
      </c>
      <c r="C835">
        <v>0.53</v>
      </c>
      <c r="D835">
        <f t="shared" ref="D835:D898" si="15">VLOOKUP(A835,$G$2:$H$21,2)</f>
        <v>1</v>
      </c>
    </row>
    <row r="836" spans="1:4" x14ac:dyDescent="0.25">
      <c r="A836" t="s">
        <v>7</v>
      </c>
      <c r="B836">
        <v>0.71</v>
      </c>
      <c r="C836">
        <v>0.86</v>
      </c>
      <c r="D836">
        <f t="shared" si="15"/>
        <v>1</v>
      </c>
    </row>
    <row r="837" spans="1:4" x14ac:dyDescent="0.25">
      <c r="A837" t="s">
        <v>13</v>
      </c>
      <c r="B837">
        <v>0.11</v>
      </c>
      <c r="C837">
        <v>0.64</v>
      </c>
      <c r="D837">
        <f t="shared" si="15"/>
        <v>3</v>
      </c>
    </row>
    <row r="838" spans="1:4" x14ac:dyDescent="0.25">
      <c r="A838" t="s">
        <v>23</v>
      </c>
      <c r="B838">
        <v>0.25</v>
      </c>
      <c r="C838">
        <v>0.55000000000000004</v>
      </c>
      <c r="D838">
        <f t="shared" si="15"/>
        <v>1</v>
      </c>
    </row>
    <row r="839" spans="1:4" x14ac:dyDescent="0.25">
      <c r="A839" t="s">
        <v>9</v>
      </c>
      <c r="B839">
        <v>0.55000000000000004</v>
      </c>
      <c r="C839">
        <v>0.22</v>
      </c>
      <c r="D839">
        <f t="shared" si="15"/>
        <v>3</v>
      </c>
    </row>
    <row r="840" spans="1:4" x14ac:dyDescent="0.25">
      <c r="A840" t="s">
        <v>22</v>
      </c>
      <c r="B840">
        <v>0.01</v>
      </c>
      <c r="C840">
        <v>0.37</v>
      </c>
      <c r="D840">
        <f t="shared" si="15"/>
        <v>1</v>
      </c>
    </row>
    <row r="841" spans="1:4" x14ac:dyDescent="0.25">
      <c r="A841" t="s">
        <v>23</v>
      </c>
      <c r="B841">
        <v>0.11</v>
      </c>
      <c r="C841">
        <v>0.32</v>
      </c>
      <c r="D841">
        <f t="shared" si="15"/>
        <v>1</v>
      </c>
    </row>
    <row r="842" spans="1:4" x14ac:dyDescent="0.25">
      <c r="A842" t="s">
        <v>20</v>
      </c>
      <c r="B842">
        <v>0.31</v>
      </c>
      <c r="C842">
        <v>0.56000000000000005</v>
      </c>
      <c r="D842">
        <f t="shared" si="15"/>
        <v>3</v>
      </c>
    </row>
    <row r="843" spans="1:4" x14ac:dyDescent="0.25">
      <c r="A843" t="s">
        <v>18</v>
      </c>
      <c r="B843">
        <v>0.92</v>
      </c>
      <c r="C843">
        <v>0.34</v>
      </c>
      <c r="D843">
        <f t="shared" si="15"/>
        <v>1</v>
      </c>
    </row>
    <row r="844" spans="1:4" x14ac:dyDescent="0.25">
      <c r="A844" t="s">
        <v>14</v>
      </c>
      <c r="B844">
        <v>0.81</v>
      </c>
      <c r="C844">
        <v>0.69</v>
      </c>
      <c r="D844">
        <f t="shared" si="15"/>
        <v>3</v>
      </c>
    </row>
    <row r="845" spans="1:4" x14ac:dyDescent="0.25">
      <c r="A845" t="s">
        <v>26</v>
      </c>
      <c r="B845">
        <v>0.71</v>
      </c>
      <c r="C845">
        <v>0.2</v>
      </c>
      <c r="D845">
        <f t="shared" si="15"/>
        <v>3</v>
      </c>
    </row>
    <row r="846" spans="1:4" x14ac:dyDescent="0.25">
      <c r="A846" t="s">
        <v>22</v>
      </c>
      <c r="B846">
        <v>0.15</v>
      </c>
      <c r="C846">
        <v>0.41</v>
      </c>
      <c r="D846">
        <f t="shared" si="15"/>
        <v>1</v>
      </c>
    </row>
    <row r="847" spans="1:4" x14ac:dyDescent="0.25">
      <c r="A847" t="s">
        <v>17</v>
      </c>
      <c r="B847">
        <v>0.6</v>
      </c>
      <c r="C847">
        <v>0.16</v>
      </c>
      <c r="D847">
        <f t="shared" si="15"/>
        <v>3</v>
      </c>
    </row>
    <row r="848" spans="1:4" x14ac:dyDescent="0.25">
      <c r="A848" t="s">
        <v>13</v>
      </c>
      <c r="B848">
        <v>0.4</v>
      </c>
      <c r="C848">
        <v>0.7</v>
      </c>
      <c r="D848">
        <f t="shared" si="15"/>
        <v>3</v>
      </c>
    </row>
    <row r="849" spans="1:4" x14ac:dyDescent="0.25">
      <c r="A849" t="s">
        <v>13</v>
      </c>
      <c r="B849">
        <v>0.24</v>
      </c>
      <c r="C849">
        <v>0.56999999999999995</v>
      </c>
      <c r="D849">
        <f t="shared" si="15"/>
        <v>3</v>
      </c>
    </row>
    <row r="850" spans="1:4" x14ac:dyDescent="0.25">
      <c r="A850" t="s">
        <v>28</v>
      </c>
      <c r="B850">
        <v>0.69</v>
      </c>
      <c r="C850">
        <v>0.45</v>
      </c>
      <c r="D850">
        <f t="shared" si="15"/>
        <v>3</v>
      </c>
    </row>
    <row r="851" spans="1:4" x14ac:dyDescent="0.25">
      <c r="A851" t="s">
        <v>30</v>
      </c>
      <c r="B851">
        <v>0.1</v>
      </c>
      <c r="C851">
        <v>0.35</v>
      </c>
      <c r="D851">
        <f t="shared" si="15"/>
        <v>3</v>
      </c>
    </row>
    <row r="852" spans="1:4" x14ac:dyDescent="0.25">
      <c r="A852" t="s">
        <v>13</v>
      </c>
      <c r="B852">
        <v>0.16</v>
      </c>
      <c r="C852">
        <v>0.54</v>
      </c>
      <c r="D852">
        <f t="shared" si="15"/>
        <v>3</v>
      </c>
    </row>
    <row r="853" spans="1:4" x14ac:dyDescent="0.25">
      <c r="A853" t="s">
        <v>15</v>
      </c>
      <c r="B853">
        <v>0.43</v>
      </c>
      <c r="C853">
        <v>0.06</v>
      </c>
      <c r="D853">
        <f t="shared" si="15"/>
        <v>3</v>
      </c>
    </row>
    <row r="854" spans="1:4" x14ac:dyDescent="0.25">
      <c r="A854" t="s">
        <v>20</v>
      </c>
      <c r="B854">
        <v>0.02</v>
      </c>
      <c r="C854">
        <v>0.56999999999999995</v>
      </c>
      <c r="D854">
        <f t="shared" si="15"/>
        <v>3</v>
      </c>
    </row>
    <row r="855" spans="1:4" x14ac:dyDescent="0.25">
      <c r="A855" t="s">
        <v>15</v>
      </c>
      <c r="B855">
        <v>0.72</v>
      </c>
      <c r="C855">
        <v>0.08</v>
      </c>
      <c r="D855">
        <f t="shared" si="15"/>
        <v>3</v>
      </c>
    </row>
    <row r="856" spans="1:4" x14ac:dyDescent="0.25">
      <c r="A856" t="s">
        <v>19</v>
      </c>
      <c r="B856">
        <v>0.84</v>
      </c>
      <c r="C856">
        <v>0.72</v>
      </c>
      <c r="D856">
        <f t="shared" si="15"/>
        <v>3</v>
      </c>
    </row>
    <row r="857" spans="1:4" x14ac:dyDescent="0.25">
      <c r="A857" t="s">
        <v>26</v>
      </c>
      <c r="B857">
        <v>0.34</v>
      </c>
      <c r="C857">
        <v>0.19</v>
      </c>
      <c r="D857">
        <f t="shared" si="15"/>
        <v>3</v>
      </c>
    </row>
    <row r="858" spans="1:4" x14ac:dyDescent="0.25">
      <c r="A858" t="s">
        <v>30</v>
      </c>
      <c r="B858">
        <v>0.1</v>
      </c>
      <c r="C858">
        <v>0.69</v>
      </c>
      <c r="D858">
        <f t="shared" si="15"/>
        <v>3</v>
      </c>
    </row>
    <row r="859" spans="1:4" x14ac:dyDescent="0.25">
      <c r="A859" t="s">
        <v>27</v>
      </c>
      <c r="B859">
        <v>0.56000000000000005</v>
      </c>
      <c r="C859">
        <v>0.9</v>
      </c>
      <c r="D859">
        <f t="shared" si="15"/>
        <v>3</v>
      </c>
    </row>
    <row r="860" spans="1:4" x14ac:dyDescent="0.25">
      <c r="A860" t="s">
        <v>23</v>
      </c>
      <c r="B860">
        <v>0.96</v>
      </c>
      <c r="C860">
        <v>0.65</v>
      </c>
      <c r="D860">
        <f t="shared" si="15"/>
        <v>1</v>
      </c>
    </row>
    <row r="861" spans="1:4" x14ac:dyDescent="0.25">
      <c r="A861" t="s">
        <v>11</v>
      </c>
      <c r="B861">
        <v>0.44</v>
      </c>
      <c r="C861">
        <v>0.89</v>
      </c>
      <c r="D861">
        <f t="shared" si="15"/>
        <v>1</v>
      </c>
    </row>
    <row r="862" spans="1:4" x14ac:dyDescent="0.25">
      <c r="A862" t="s">
        <v>9</v>
      </c>
      <c r="B862">
        <v>0.03</v>
      </c>
      <c r="C862">
        <v>0.16</v>
      </c>
      <c r="D862">
        <f t="shared" si="15"/>
        <v>3</v>
      </c>
    </row>
    <row r="863" spans="1:4" x14ac:dyDescent="0.25">
      <c r="A863" t="s">
        <v>15</v>
      </c>
      <c r="B863">
        <v>0.35</v>
      </c>
      <c r="C863">
        <v>0.16</v>
      </c>
      <c r="D863">
        <f t="shared" si="15"/>
        <v>3</v>
      </c>
    </row>
    <row r="864" spans="1:4" x14ac:dyDescent="0.25">
      <c r="A864" t="s">
        <v>13</v>
      </c>
      <c r="B864">
        <v>0.8</v>
      </c>
      <c r="C864">
        <v>0.43</v>
      </c>
      <c r="D864">
        <f t="shared" si="15"/>
        <v>3</v>
      </c>
    </row>
    <row r="865" spans="1:4" x14ac:dyDescent="0.25">
      <c r="A865" t="s">
        <v>15</v>
      </c>
      <c r="B865">
        <v>0.21</v>
      </c>
      <c r="C865">
        <v>0.09</v>
      </c>
      <c r="D865">
        <f t="shared" si="15"/>
        <v>3</v>
      </c>
    </row>
    <row r="866" spans="1:4" x14ac:dyDescent="0.25">
      <c r="A866" t="s">
        <v>27</v>
      </c>
      <c r="B866">
        <v>0.78</v>
      </c>
      <c r="C866">
        <v>0.85</v>
      </c>
      <c r="D866">
        <f t="shared" si="15"/>
        <v>3</v>
      </c>
    </row>
    <row r="867" spans="1:4" x14ac:dyDescent="0.25">
      <c r="A867" t="s">
        <v>17</v>
      </c>
      <c r="B867">
        <v>0.35</v>
      </c>
      <c r="C867">
        <v>0.26</v>
      </c>
      <c r="D867">
        <f t="shared" si="15"/>
        <v>3</v>
      </c>
    </row>
    <row r="868" spans="1:4" x14ac:dyDescent="0.25">
      <c r="A868" t="s">
        <v>21</v>
      </c>
      <c r="B868">
        <v>0.92</v>
      </c>
      <c r="C868">
        <v>0.63</v>
      </c>
      <c r="D868">
        <f t="shared" si="15"/>
        <v>2</v>
      </c>
    </row>
    <row r="869" spans="1:4" x14ac:dyDescent="0.25">
      <c r="A869" t="s">
        <v>7</v>
      </c>
      <c r="B869">
        <v>0.97</v>
      </c>
      <c r="C869">
        <v>0.74</v>
      </c>
      <c r="D869">
        <f t="shared" si="15"/>
        <v>1</v>
      </c>
    </row>
    <row r="870" spans="1:4" x14ac:dyDescent="0.25">
      <c r="A870" t="s">
        <v>29</v>
      </c>
      <c r="B870">
        <v>0.86</v>
      </c>
      <c r="C870">
        <v>0.08</v>
      </c>
      <c r="D870">
        <f t="shared" si="15"/>
        <v>1</v>
      </c>
    </row>
    <row r="871" spans="1:4" x14ac:dyDescent="0.25">
      <c r="A871" t="s">
        <v>15</v>
      </c>
      <c r="B871">
        <v>0.26</v>
      </c>
      <c r="C871">
        <v>0.14000000000000001</v>
      </c>
      <c r="D871">
        <f t="shared" si="15"/>
        <v>3</v>
      </c>
    </row>
    <row r="872" spans="1:4" x14ac:dyDescent="0.25">
      <c r="A872" t="s">
        <v>28</v>
      </c>
      <c r="B872">
        <v>0.86</v>
      </c>
      <c r="C872">
        <v>0.34</v>
      </c>
      <c r="D872">
        <f t="shared" si="15"/>
        <v>3</v>
      </c>
    </row>
    <row r="873" spans="1:4" x14ac:dyDescent="0.25">
      <c r="A873" t="s">
        <v>11</v>
      </c>
      <c r="B873">
        <v>0.31</v>
      </c>
      <c r="C873">
        <v>0.83</v>
      </c>
      <c r="D873">
        <f t="shared" si="15"/>
        <v>1</v>
      </c>
    </row>
    <row r="874" spans="1:4" x14ac:dyDescent="0.25">
      <c r="A874" t="s">
        <v>13</v>
      </c>
      <c r="B874">
        <v>0.92</v>
      </c>
      <c r="C874">
        <v>0.67</v>
      </c>
      <c r="D874">
        <f t="shared" si="15"/>
        <v>3</v>
      </c>
    </row>
    <row r="875" spans="1:4" x14ac:dyDescent="0.25">
      <c r="A875" t="s">
        <v>25</v>
      </c>
      <c r="B875">
        <v>0.28999999999999998</v>
      </c>
      <c r="C875">
        <v>0.89</v>
      </c>
      <c r="D875">
        <f t="shared" si="15"/>
        <v>3</v>
      </c>
    </row>
    <row r="876" spans="1:4" x14ac:dyDescent="0.25">
      <c r="A876" t="s">
        <v>19</v>
      </c>
      <c r="B876">
        <v>0.1</v>
      </c>
      <c r="C876">
        <v>0.94</v>
      </c>
      <c r="D876">
        <f t="shared" si="15"/>
        <v>3</v>
      </c>
    </row>
    <row r="877" spans="1:4" x14ac:dyDescent="0.25">
      <c r="A877" t="s">
        <v>11</v>
      </c>
      <c r="B877">
        <v>0.35</v>
      </c>
      <c r="C877">
        <v>0.87</v>
      </c>
      <c r="D877">
        <f t="shared" si="15"/>
        <v>1</v>
      </c>
    </row>
    <row r="878" spans="1:4" x14ac:dyDescent="0.25">
      <c r="A878" t="s">
        <v>7</v>
      </c>
      <c r="B878">
        <v>0.57999999999999996</v>
      </c>
      <c r="C878">
        <v>0.86</v>
      </c>
      <c r="D878">
        <f t="shared" si="15"/>
        <v>1</v>
      </c>
    </row>
    <row r="879" spans="1:4" x14ac:dyDescent="0.25">
      <c r="A879" t="s">
        <v>11</v>
      </c>
      <c r="B879">
        <v>0.35</v>
      </c>
      <c r="C879">
        <v>0.94</v>
      </c>
      <c r="D879">
        <f t="shared" si="15"/>
        <v>1</v>
      </c>
    </row>
    <row r="880" spans="1:4" x14ac:dyDescent="0.25">
      <c r="A880" t="s">
        <v>26</v>
      </c>
      <c r="B880">
        <v>0.5</v>
      </c>
      <c r="C880">
        <v>0.17</v>
      </c>
      <c r="D880">
        <f t="shared" si="15"/>
        <v>3</v>
      </c>
    </row>
    <row r="881" spans="1:4" x14ac:dyDescent="0.25">
      <c r="A881" t="s">
        <v>21</v>
      </c>
      <c r="B881">
        <v>0.77</v>
      </c>
      <c r="C881">
        <v>0.64</v>
      </c>
      <c r="D881">
        <f t="shared" si="15"/>
        <v>2</v>
      </c>
    </row>
    <row r="882" spans="1:4" x14ac:dyDescent="0.25">
      <c r="A882" t="s">
        <v>21</v>
      </c>
      <c r="B882">
        <v>0.26</v>
      </c>
      <c r="C882">
        <v>0.48</v>
      </c>
      <c r="D882">
        <f t="shared" si="15"/>
        <v>2</v>
      </c>
    </row>
    <row r="883" spans="1:4" x14ac:dyDescent="0.25">
      <c r="A883" t="s">
        <v>15</v>
      </c>
      <c r="B883">
        <v>0.74</v>
      </c>
      <c r="C883">
        <v>0.12</v>
      </c>
      <c r="D883">
        <f t="shared" si="15"/>
        <v>3</v>
      </c>
    </row>
    <row r="884" spans="1:4" x14ac:dyDescent="0.25">
      <c r="A884" t="s">
        <v>18</v>
      </c>
      <c r="B884">
        <v>0.56999999999999995</v>
      </c>
      <c r="C884">
        <v>0.46</v>
      </c>
      <c r="D884">
        <f t="shared" si="15"/>
        <v>1</v>
      </c>
    </row>
    <row r="885" spans="1:4" x14ac:dyDescent="0.25">
      <c r="A885" t="s">
        <v>18</v>
      </c>
      <c r="B885">
        <v>0.56999999999999995</v>
      </c>
      <c r="C885">
        <v>0.52</v>
      </c>
      <c r="D885">
        <f t="shared" si="15"/>
        <v>1</v>
      </c>
    </row>
    <row r="886" spans="1:4" x14ac:dyDescent="0.25">
      <c r="A886" t="s">
        <v>22</v>
      </c>
      <c r="B886">
        <v>0.3</v>
      </c>
      <c r="C886">
        <v>0.35</v>
      </c>
      <c r="D886">
        <f t="shared" si="15"/>
        <v>1</v>
      </c>
    </row>
    <row r="887" spans="1:4" x14ac:dyDescent="0.25">
      <c r="A887" t="s">
        <v>26</v>
      </c>
      <c r="B887">
        <v>0.56999999999999995</v>
      </c>
      <c r="C887">
        <v>0.19</v>
      </c>
      <c r="D887">
        <f t="shared" si="15"/>
        <v>3</v>
      </c>
    </row>
    <row r="888" spans="1:4" x14ac:dyDescent="0.25">
      <c r="A888" t="s">
        <v>15</v>
      </c>
      <c r="B888">
        <v>0.35</v>
      </c>
      <c r="C888">
        <v>0.24</v>
      </c>
      <c r="D888">
        <f t="shared" si="15"/>
        <v>3</v>
      </c>
    </row>
    <row r="889" spans="1:4" x14ac:dyDescent="0.25">
      <c r="A889" t="s">
        <v>29</v>
      </c>
      <c r="B889">
        <v>0.39</v>
      </c>
      <c r="C889">
        <v>0.05</v>
      </c>
      <c r="D889">
        <f t="shared" si="15"/>
        <v>1</v>
      </c>
    </row>
    <row r="890" spans="1:4" x14ac:dyDescent="0.25">
      <c r="A890" t="s">
        <v>22</v>
      </c>
      <c r="B890">
        <v>0.92</v>
      </c>
      <c r="C890">
        <v>0.55000000000000004</v>
      </c>
      <c r="D890">
        <f t="shared" si="15"/>
        <v>1</v>
      </c>
    </row>
    <row r="891" spans="1:4" x14ac:dyDescent="0.25">
      <c r="A891" t="s">
        <v>15</v>
      </c>
      <c r="B891">
        <v>0.08</v>
      </c>
      <c r="C891">
        <v>0.14000000000000001</v>
      </c>
      <c r="D891">
        <f t="shared" si="15"/>
        <v>3</v>
      </c>
    </row>
    <row r="892" spans="1:4" x14ac:dyDescent="0.25">
      <c r="A892" t="s">
        <v>21</v>
      </c>
      <c r="B892">
        <v>0.9</v>
      </c>
      <c r="C892">
        <v>0.67</v>
      </c>
      <c r="D892">
        <f t="shared" si="15"/>
        <v>2</v>
      </c>
    </row>
    <row r="893" spans="1:4" x14ac:dyDescent="0.25">
      <c r="A893" t="s">
        <v>15</v>
      </c>
      <c r="B893">
        <v>0.54</v>
      </c>
      <c r="C893">
        <v>0.06</v>
      </c>
      <c r="D893">
        <f t="shared" si="15"/>
        <v>3</v>
      </c>
    </row>
    <row r="894" spans="1:4" x14ac:dyDescent="0.25">
      <c r="A894" t="s">
        <v>15</v>
      </c>
      <c r="B894">
        <v>0.42</v>
      </c>
      <c r="C894">
        <v>0.08</v>
      </c>
      <c r="D894">
        <f t="shared" si="15"/>
        <v>3</v>
      </c>
    </row>
    <row r="895" spans="1:4" x14ac:dyDescent="0.25">
      <c r="A895" t="s">
        <v>7</v>
      </c>
      <c r="B895">
        <v>0.67</v>
      </c>
      <c r="C895">
        <v>0.77</v>
      </c>
      <c r="D895">
        <f t="shared" si="15"/>
        <v>1</v>
      </c>
    </row>
    <row r="896" spans="1:4" x14ac:dyDescent="0.25">
      <c r="A896" t="s">
        <v>18</v>
      </c>
      <c r="B896">
        <v>0.1</v>
      </c>
      <c r="C896">
        <v>0.33</v>
      </c>
      <c r="D896">
        <f t="shared" si="15"/>
        <v>1</v>
      </c>
    </row>
    <row r="897" spans="1:4" x14ac:dyDescent="0.25">
      <c r="A897" t="s">
        <v>25</v>
      </c>
      <c r="B897">
        <v>0.09</v>
      </c>
      <c r="C897">
        <v>0.82</v>
      </c>
      <c r="D897">
        <f t="shared" si="15"/>
        <v>3</v>
      </c>
    </row>
    <row r="898" spans="1:4" x14ac:dyDescent="0.25">
      <c r="A898" t="s">
        <v>15</v>
      </c>
      <c r="B898">
        <v>0.9</v>
      </c>
      <c r="C898">
        <v>0.27</v>
      </c>
      <c r="D898">
        <f t="shared" si="15"/>
        <v>3</v>
      </c>
    </row>
    <row r="899" spans="1:4" x14ac:dyDescent="0.25">
      <c r="A899" t="s">
        <v>17</v>
      </c>
      <c r="B899">
        <v>0.86</v>
      </c>
      <c r="C899">
        <v>0.1</v>
      </c>
      <c r="D899">
        <f t="shared" ref="D899:D962" si="16">VLOOKUP(A899,$G$2:$H$21,2)</f>
        <v>3</v>
      </c>
    </row>
    <row r="900" spans="1:4" x14ac:dyDescent="0.25">
      <c r="A900" t="s">
        <v>23</v>
      </c>
      <c r="B900">
        <v>0.22</v>
      </c>
      <c r="C900">
        <v>0.62</v>
      </c>
      <c r="D900">
        <f t="shared" si="16"/>
        <v>1</v>
      </c>
    </row>
    <row r="901" spans="1:4" x14ac:dyDescent="0.25">
      <c r="A901" t="s">
        <v>22</v>
      </c>
      <c r="B901">
        <v>0.57999999999999996</v>
      </c>
      <c r="C901">
        <v>0.32</v>
      </c>
      <c r="D901">
        <f t="shared" si="16"/>
        <v>1</v>
      </c>
    </row>
    <row r="902" spans="1:4" x14ac:dyDescent="0.25">
      <c r="A902" t="s">
        <v>25</v>
      </c>
      <c r="B902">
        <v>0.45</v>
      </c>
      <c r="C902">
        <v>0.91</v>
      </c>
      <c r="D902">
        <f t="shared" si="16"/>
        <v>3</v>
      </c>
    </row>
    <row r="903" spans="1:4" x14ac:dyDescent="0.25">
      <c r="A903" t="s">
        <v>7</v>
      </c>
      <c r="B903">
        <v>0.75</v>
      </c>
      <c r="C903">
        <v>0.88</v>
      </c>
      <c r="D903">
        <f t="shared" si="16"/>
        <v>1</v>
      </c>
    </row>
    <row r="904" spans="1:4" x14ac:dyDescent="0.25">
      <c r="A904" t="s">
        <v>22</v>
      </c>
      <c r="B904">
        <v>0.51</v>
      </c>
      <c r="C904">
        <v>0.59</v>
      </c>
      <c r="D904">
        <f t="shared" si="16"/>
        <v>1</v>
      </c>
    </row>
    <row r="905" spans="1:4" x14ac:dyDescent="0.25">
      <c r="A905" t="s">
        <v>16</v>
      </c>
      <c r="B905">
        <v>0.18</v>
      </c>
      <c r="C905">
        <v>0.48</v>
      </c>
      <c r="D905">
        <f t="shared" si="16"/>
        <v>3</v>
      </c>
    </row>
    <row r="906" spans="1:4" x14ac:dyDescent="0.25">
      <c r="A906" t="s">
        <v>29</v>
      </c>
      <c r="B906">
        <v>0.56000000000000005</v>
      </c>
      <c r="C906">
        <v>0.28000000000000003</v>
      </c>
      <c r="D906">
        <f t="shared" si="16"/>
        <v>1</v>
      </c>
    </row>
    <row r="907" spans="1:4" x14ac:dyDescent="0.25">
      <c r="A907" t="s">
        <v>21</v>
      </c>
      <c r="B907">
        <v>0.26</v>
      </c>
      <c r="C907">
        <v>0.39</v>
      </c>
      <c r="D907">
        <f t="shared" si="16"/>
        <v>2</v>
      </c>
    </row>
    <row r="908" spans="1:4" x14ac:dyDescent="0.25">
      <c r="A908" t="s">
        <v>29</v>
      </c>
      <c r="B908">
        <v>0.18</v>
      </c>
      <c r="C908">
        <v>0.06</v>
      </c>
      <c r="D908">
        <f t="shared" si="16"/>
        <v>1</v>
      </c>
    </row>
    <row r="909" spans="1:4" x14ac:dyDescent="0.25">
      <c r="A909" t="s">
        <v>18</v>
      </c>
      <c r="B909">
        <v>0.42</v>
      </c>
      <c r="C909">
        <v>0.6</v>
      </c>
      <c r="D909">
        <f t="shared" si="16"/>
        <v>1</v>
      </c>
    </row>
    <row r="910" spans="1:4" x14ac:dyDescent="0.25">
      <c r="A910" t="s">
        <v>28</v>
      </c>
      <c r="B910">
        <v>0.18</v>
      </c>
      <c r="C910">
        <v>0.6</v>
      </c>
      <c r="D910">
        <f t="shared" si="16"/>
        <v>3</v>
      </c>
    </row>
    <row r="911" spans="1:4" x14ac:dyDescent="0.25">
      <c r="A911" t="s">
        <v>15</v>
      </c>
      <c r="B911">
        <v>0.28999999999999998</v>
      </c>
      <c r="C911">
        <v>0.25</v>
      </c>
      <c r="D911">
        <f t="shared" si="16"/>
        <v>3</v>
      </c>
    </row>
    <row r="912" spans="1:4" x14ac:dyDescent="0.25">
      <c r="A912" t="s">
        <v>16</v>
      </c>
      <c r="B912">
        <v>0.16</v>
      </c>
      <c r="C912">
        <v>0.66</v>
      </c>
      <c r="D912">
        <f t="shared" si="16"/>
        <v>3</v>
      </c>
    </row>
    <row r="913" spans="1:4" x14ac:dyDescent="0.25">
      <c r="A913" t="s">
        <v>25</v>
      </c>
      <c r="B913">
        <v>0.2</v>
      </c>
      <c r="C913">
        <v>0.85</v>
      </c>
      <c r="D913">
        <f t="shared" si="16"/>
        <v>3</v>
      </c>
    </row>
    <row r="914" spans="1:4" x14ac:dyDescent="0.25">
      <c r="A914" t="s">
        <v>13</v>
      </c>
      <c r="B914">
        <v>0.63</v>
      </c>
      <c r="C914">
        <v>0.52</v>
      </c>
      <c r="D914">
        <f t="shared" si="16"/>
        <v>3</v>
      </c>
    </row>
    <row r="915" spans="1:4" x14ac:dyDescent="0.25">
      <c r="A915" t="s">
        <v>18</v>
      </c>
      <c r="B915">
        <v>0.15</v>
      </c>
      <c r="C915">
        <v>0.52</v>
      </c>
      <c r="D915">
        <f t="shared" si="16"/>
        <v>1</v>
      </c>
    </row>
    <row r="916" spans="1:4" x14ac:dyDescent="0.25">
      <c r="A916" t="s">
        <v>17</v>
      </c>
      <c r="B916">
        <v>0.93</v>
      </c>
      <c r="C916">
        <v>0.25</v>
      </c>
      <c r="D916">
        <f t="shared" si="16"/>
        <v>3</v>
      </c>
    </row>
    <row r="917" spans="1:4" x14ac:dyDescent="0.25">
      <c r="A917" t="s">
        <v>26</v>
      </c>
      <c r="B917">
        <v>0.53</v>
      </c>
      <c r="C917">
        <v>0.28000000000000003</v>
      </c>
      <c r="D917">
        <f t="shared" si="16"/>
        <v>3</v>
      </c>
    </row>
    <row r="918" spans="1:4" x14ac:dyDescent="0.25">
      <c r="A918" t="s">
        <v>9</v>
      </c>
      <c r="B918">
        <v>0.14000000000000001</v>
      </c>
      <c r="C918">
        <v>0.19</v>
      </c>
      <c r="D918">
        <f t="shared" si="16"/>
        <v>3</v>
      </c>
    </row>
    <row r="919" spans="1:4" x14ac:dyDescent="0.25">
      <c r="A919" t="s">
        <v>14</v>
      </c>
      <c r="B919">
        <v>0.15</v>
      </c>
      <c r="C919">
        <v>0.41</v>
      </c>
      <c r="D919">
        <f t="shared" si="16"/>
        <v>3</v>
      </c>
    </row>
    <row r="920" spans="1:4" x14ac:dyDescent="0.25">
      <c r="A920" t="s">
        <v>13</v>
      </c>
      <c r="B920">
        <v>0.38</v>
      </c>
      <c r="C920">
        <v>0.68</v>
      </c>
      <c r="D920">
        <f t="shared" si="16"/>
        <v>3</v>
      </c>
    </row>
    <row r="921" spans="1:4" x14ac:dyDescent="0.25">
      <c r="A921" t="s">
        <v>11</v>
      </c>
      <c r="B921">
        <v>0.82</v>
      </c>
      <c r="C921">
        <v>0.78</v>
      </c>
      <c r="D921">
        <f t="shared" si="16"/>
        <v>1</v>
      </c>
    </row>
    <row r="922" spans="1:4" x14ac:dyDescent="0.25">
      <c r="A922" t="s">
        <v>17</v>
      </c>
      <c r="B922">
        <v>0.31</v>
      </c>
      <c r="C922">
        <v>0.1</v>
      </c>
      <c r="D922">
        <f t="shared" si="16"/>
        <v>3</v>
      </c>
    </row>
    <row r="923" spans="1:4" x14ac:dyDescent="0.25">
      <c r="A923" t="s">
        <v>21</v>
      </c>
      <c r="B923">
        <v>1</v>
      </c>
      <c r="C923">
        <v>0.31</v>
      </c>
      <c r="D923">
        <f t="shared" si="16"/>
        <v>2</v>
      </c>
    </row>
    <row r="924" spans="1:4" x14ac:dyDescent="0.25">
      <c r="A924" t="s">
        <v>7</v>
      </c>
      <c r="B924">
        <v>0.32</v>
      </c>
      <c r="C924">
        <v>0.88</v>
      </c>
      <c r="D924">
        <f t="shared" si="16"/>
        <v>1</v>
      </c>
    </row>
    <row r="925" spans="1:4" x14ac:dyDescent="0.25">
      <c r="A925" t="s">
        <v>17</v>
      </c>
      <c r="B925">
        <v>0.01</v>
      </c>
      <c r="C925">
        <v>0.06</v>
      </c>
      <c r="D925">
        <f t="shared" si="16"/>
        <v>3</v>
      </c>
    </row>
    <row r="926" spans="1:4" x14ac:dyDescent="0.25">
      <c r="A926" t="s">
        <v>17</v>
      </c>
      <c r="B926">
        <v>0.02</v>
      </c>
      <c r="C926">
        <v>0.14000000000000001</v>
      </c>
      <c r="D926">
        <f t="shared" si="16"/>
        <v>3</v>
      </c>
    </row>
    <row r="927" spans="1:4" x14ac:dyDescent="0.25">
      <c r="A927" t="s">
        <v>22</v>
      </c>
      <c r="B927">
        <v>0.64</v>
      </c>
      <c r="C927">
        <v>0.52</v>
      </c>
      <c r="D927">
        <f t="shared" si="16"/>
        <v>1</v>
      </c>
    </row>
    <row r="928" spans="1:4" x14ac:dyDescent="0.25">
      <c r="A928" t="s">
        <v>9</v>
      </c>
      <c r="B928">
        <v>0.25</v>
      </c>
      <c r="C928">
        <v>0.14000000000000001</v>
      </c>
      <c r="D928">
        <f t="shared" si="16"/>
        <v>3</v>
      </c>
    </row>
    <row r="929" spans="1:4" x14ac:dyDescent="0.25">
      <c r="A929" t="s">
        <v>25</v>
      </c>
      <c r="B929">
        <v>0.84</v>
      </c>
      <c r="C929">
        <v>0.86</v>
      </c>
      <c r="D929">
        <f t="shared" si="16"/>
        <v>3</v>
      </c>
    </row>
    <row r="930" spans="1:4" x14ac:dyDescent="0.25">
      <c r="A930" t="s">
        <v>11</v>
      </c>
      <c r="B930">
        <v>0.03</v>
      </c>
      <c r="C930">
        <v>0.77</v>
      </c>
      <c r="D930">
        <f t="shared" si="16"/>
        <v>1</v>
      </c>
    </row>
    <row r="931" spans="1:4" x14ac:dyDescent="0.25">
      <c r="A931" t="s">
        <v>18</v>
      </c>
      <c r="B931">
        <v>0.86</v>
      </c>
      <c r="C931">
        <v>0.52</v>
      </c>
      <c r="D931">
        <f t="shared" si="16"/>
        <v>1</v>
      </c>
    </row>
    <row r="932" spans="1:4" x14ac:dyDescent="0.25">
      <c r="A932" t="s">
        <v>11</v>
      </c>
      <c r="B932">
        <v>0</v>
      </c>
      <c r="C932">
        <v>0.94</v>
      </c>
      <c r="D932">
        <f t="shared" si="16"/>
        <v>1</v>
      </c>
    </row>
    <row r="933" spans="1:4" x14ac:dyDescent="0.25">
      <c r="A933" t="s">
        <v>16</v>
      </c>
      <c r="B933">
        <v>0.46</v>
      </c>
      <c r="C933">
        <v>0.42</v>
      </c>
      <c r="D933">
        <f t="shared" si="16"/>
        <v>3</v>
      </c>
    </row>
    <row r="934" spans="1:4" x14ac:dyDescent="0.25">
      <c r="A934" t="s">
        <v>7</v>
      </c>
      <c r="B934">
        <v>0.44</v>
      </c>
      <c r="C934">
        <v>0.83</v>
      </c>
      <c r="D934">
        <f t="shared" si="16"/>
        <v>1</v>
      </c>
    </row>
    <row r="935" spans="1:4" x14ac:dyDescent="0.25">
      <c r="A935" t="s">
        <v>21</v>
      </c>
      <c r="B935">
        <v>0.56000000000000005</v>
      </c>
      <c r="C935">
        <v>0.38</v>
      </c>
      <c r="D935">
        <f t="shared" si="16"/>
        <v>2</v>
      </c>
    </row>
    <row r="936" spans="1:4" x14ac:dyDescent="0.25">
      <c r="A936" t="s">
        <v>16</v>
      </c>
      <c r="B936">
        <v>0.28000000000000003</v>
      </c>
      <c r="C936">
        <v>0.34</v>
      </c>
      <c r="D936">
        <f t="shared" si="16"/>
        <v>3</v>
      </c>
    </row>
    <row r="937" spans="1:4" x14ac:dyDescent="0.25">
      <c r="A937" t="s">
        <v>17</v>
      </c>
      <c r="B937">
        <v>0.06</v>
      </c>
      <c r="C937">
        <v>0.08</v>
      </c>
      <c r="D937">
        <f t="shared" si="16"/>
        <v>3</v>
      </c>
    </row>
    <row r="938" spans="1:4" x14ac:dyDescent="0.25">
      <c r="A938" t="s">
        <v>19</v>
      </c>
      <c r="B938">
        <v>0.69</v>
      </c>
      <c r="C938">
        <v>0.81</v>
      </c>
      <c r="D938">
        <f t="shared" si="16"/>
        <v>3</v>
      </c>
    </row>
    <row r="939" spans="1:4" x14ac:dyDescent="0.25">
      <c r="A939" t="s">
        <v>7</v>
      </c>
      <c r="B939">
        <v>0.19</v>
      </c>
      <c r="C939">
        <v>0.91</v>
      </c>
      <c r="D939">
        <f t="shared" si="16"/>
        <v>1</v>
      </c>
    </row>
    <row r="940" spans="1:4" x14ac:dyDescent="0.25">
      <c r="A940" t="s">
        <v>28</v>
      </c>
      <c r="B940">
        <v>0.51</v>
      </c>
      <c r="C940">
        <v>0.37</v>
      </c>
      <c r="D940">
        <f t="shared" si="16"/>
        <v>3</v>
      </c>
    </row>
    <row r="941" spans="1:4" x14ac:dyDescent="0.25">
      <c r="A941" t="s">
        <v>7</v>
      </c>
      <c r="B941">
        <v>0.17</v>
      </c>
      <c r="C941">
        <v>0.93</v>
      </c>
      <c r="D941">
        <f t="shared" si="16"/>
        <v>1</v>
      </c>
    </row>
    <row r="942" spans="1:4" x14ac:dyDescent="0.25">
      <c r="A942" t="s">
        <v>25</v>
      </c>
      <c r="B942">
        <v>0.23</v>
      </c>
      <c r="C942">
        <v>0.88</v>
      </c>
      <c r="D942">
        <f t="shared" si="16"/>
        <v>3</v>
      </c>
    </row>
    <row r="943" spans="1:4" x14ac:dyDescent="0.25">
      <c r="A943" t="s">
        <v>13</v>
      </c>
      <c r="B943">
        <v>0.96</v>
      </c>
      <c r="C943">
        <v>0.34</v>
      </c>
      <c r="D943">
        <f t="shared" si="16"/>
        <v>3</v>
      </c>
    </row>
    <row r="944" spans="1:4" x14ac:dyDescent="0.25">
      <c r="A944" t="s">
        <v>29</v>
      </c>
      <c r="B944">
        <v>0.28999999999999998</v>
      </c>
      <c r="C944">
        <v>0.12</v>
      </c>
      <c r="D944">
        <f t="shared" si="16"/>
        <v>1</v>
      </c>
    </row>
    <row r="945" spans="1:4" x14ac:dyDescent="0.25">
      <c r="A945" t="s">
        <v>23</v>
      </c>
      <c r="B945">
        <v>0.74</v>
      </c>
      <c r="C945">
        <v>0.64</v>
      </c>
      <c r="D945">
        <f t="shared" si="16"/>
        <v>1</v>
      </c>
    </row>
    <row r="946" spans="1:4" x14ac:dyDescent="0.25">
      <c r="A946" t="s">
        <v>19</v>
      </c>
      <c r="B946">
        <v>0.06</v>
      </c>
      <c r="C946">
        <v>0.76</v>
      </c>
      <c r="D946">
        <f t="shared" si="16"/>
        <v>3</v>
      </c>
    </row>
    <row r="947" spans="1:4" x14ac:dyDescent="0.25">
      <c r="A947" t="s">
        <v>23</v>
      </c>
      <c r="B947">
        <v>0.22</v>
      </c>
      <c r="C947">
        <v>0.59</v>
      </c>
      <c r="D947">
        <f t="shared" si="16"/>
        <v>1</v>
      </c>
    </row>
    <row r="948" spans="1:4" x14ac:dyDescent="0.25">
      <c r="A948" t="s">
        <v>19</v>
      </c>
      <c r="B948">
        <v>0.51</v>
      </c>
      <c r="C948">
        <v>0.81</v>
      </c>
      <c r="D948">
        <f t="shared" si="16"/>
        <v>3</v>
      </c>
    </row>
    <row r="949" spans="1:4" x14ac:dyDescent="0.25">
      <c r="A949" t="s">
        <v>19</v>
      </c>
      <c r="B949">
        <v>0.45</v>
      </c>
      <c r="C949">
        <v>0.71</v>
      </c>
      <c r="D949">
        <f t="shared" si="16"/>
        <v>3</v>
      </c>
    </row>
    <row r="950" spans="1:4" x14ac:dyDescent="0.25">
      <c r="A950" t="s">
        <v>9</v>
      </c>
      <c r="B950">
        <v>0.31</v>
      </c>
      <c r="C950">
        <v>0.14000000000000001</v>
      </c>
      <c r="D950">
        <f t="shared" si="16"/>
        <v>3</v>
      </c>
    </row>
    <row r="951" spans="1:4" x14ac:dyDescent="0.25">
      <c r="A951" t="s">
        <v>15</v>
      </c>
      <c r="B951">
        <v>0.26</v>
      </c>
      <c r="C951">
        <v>0.21</v>
      </c>
      <c r="D951">
        <f t="shared" si="16"/>
        <v>3</v>
      </c>
    </row>
    <row r="952" spans="1:4" x14ac:dyDescent="0.25">
      <c r="A952" t="s">
        <v>23</v>
      </c>
      <c r="B952">
        <v>0.65</v>
      </c>
      <c r="C952">
        <v>0.3</v>
      </c>
      <c r="D952">
        <f t="shared" si="16"/>
        <v>1</v>
      </c>
    </row>
    <row r="953" spans="1:4" x14ac:dyDescent="0.25">
      <c r="A953" t="s">
        <v>20</v>
      </c>
      <c r="B953">
        <v>0.34</v>
      </c>
      <c r="C953">
        <v>0.56000000000000005</v>
      </c>
      <c r="D953">
        <f t="shared" si="16"/>
        <v>3</v>
      </c>
    </row>
    <row r="954" spans="1:4" x14ac:dyDescent="0.25">
      <c r="A954" t="s">
        <v>13</v>
      </c>
      <c r="B954">
        <v>0.94</v>
      </c>
      <c r="C954">
        <v>0.52</v>
      </c>
      <c r="D954">
        <f t="shared" si="16"/>
        <v>3</v>
      </c>
    </row>
    <row r="955" spans="1:4" x14ac:dyDescent="0.25">
      <c r="A955" t="s">
        <v>7</v>
      </c>
      <c r="B955">
        <v>0.9</v>
      </c>
      <c r="C955">
        <v>0.94</v>
      </c>
      <c r="D955">
        <f t="shared" si="16"/>
        <v>1</v>
      </c>
    </row>
    <row r="956" spans="1:4" x14ac:dyDescent="0.25">
      <c r="A956" t="s">
        <v>19</v>
      </c>
      <c r="B956">
        <v>0.73</v>
      </c>
      <c r="C956">
        <v>0.88</v>
      </c>
      <c r="D956">
        <f t="shared" si="16"/>
        <v>3</v>
      </c>
    </row>
    <row r="957" spans="1:4" x14ac:dyDescent="0.25">
      <c r="A957" t="s">
        <v>7</v>
      </c>
      <c r="B957">
        <v>0.39</v>
      </c>
      <c r="C957">
        <v>0.77</v>
      </c>
      <c r="D957">
        <f t="shared" si="16"/>
        <v>1</v>
      </c>
    </row>
    <row r="958" spans="1:4" x14ac:dyDescent="0.25">
      <c r="A958" t="s">
        <v>18</v>
      </c>
      <c r="B958">
        <v>0.65</v>
      </c>
      <c r="C958">
        <v>0.4</v>
      </c>
      <c r="D958">
        <f t="shared" si="16"/>
        <v>1</v>
      </c>
    </row>
    <row r="959" spans="1:4" x14ac:dyDescent="0.25">
      <c r="A959" t="s">
        <v>28</v>
      </c>
      <c r="B959">
        <v>0.32</v>
      </c>
      <c r="C959">
        <v>0.38</v>
      </c>
      <c r="D959">
        <f t="shared" si="16"/>
        <v>3</v>
      </c>
    </row>
    <row r="960" spans="1:4" x14ac:dyDescent="0.25">
      <c r="A960" t="s">
        <v>16</v>
      </c>
      <c r="B960">
        <v>0.56999999999999995</v>
      </c>
      <c r="C960">
        <v>0.62</v>
      </c>
      <c r="D960">
        <f t="shared" si="16"/>
        <v>3</v>
      </c>
    </row>
    <row r="961" spans="1:4" x14ac:dyDescent="0.25">
      <c r="A961" t="s">
        <v>16</v>
      </c>
      <c r="B961">
        <v>0.66</v>
      </c>
      <c r="C961">
        <v>0.65</v>
      </c>
      <c r="D961">
        <f t="shared" si="16"/>
        <v>3</v>
      </c>
    </row>
    <row r="962" spans="1:4" x14ac:dyDescent="0.25">
      <c r="A962" t="s">
        <v>18</v>
      </c>
      <c r="B962">
        <v>0.67</v>
      </c>
      <c r="C962">
        <v>0.56999999999999995</v>
      </c>
      <c r="D962">
        <f t="shared" si="16"/>
        <v>1</v>
      </c>
    </row>
    <row r="963" spans="1:4" x14ac:dyDescent="0.25">
      <c r="A963" t="s">
        <v>29</v>
      </c>
      <c r="B963">
        <v>0.41</v>
      </c>
      <c r="C963">
        <v>0.08</v>
      </c>
      <c r="D963">
        <f t="shared" ref="D963:D1026" si="17">VLOOKUP(A963,$G$2:$H$21,2)</f>
        <v>1</v>
      </c>
    </row>
    <row r="964" spans="1:4" x14ac:dyDescent="0.25">
      <c r="A964" t="s">
        <v>11</v>
      </c>
      <c r="B964">
        <v>0.46</v>
      </c>
      <c r="C964">
        <v>0.79</v>
      </c>
      <c r="D964">
        <f t="shared" si="17"/>
        <v>1</v>
      </c>
    </row>
    <row r="965" spans="1:4" x14ac:dyDescent="0.25">
      <c r="A965" t="s">
        <v>30</v>
      </c>
      <c r="B965">
        <v>0.86</v>
      </c>
      <c r="C965">
        <v>0.44</v>
      </c>
      <c r="D965">
        <f t="shared" si="17"/>
        <v>3</v>
      </c>
    </row>
    <row r="966" spans="1:4" x14ac:dyDescent="0.25">
      <c r="A966" t="s">
        <v>25</v>
      </c>
      <c r="B966">
        <v>0.6</v>
      </c>
      <c r="C966">
        <v>0.8</v>
      </c>
      <c r="D966">
        <f t="shared" si="17"/>
        <v>3</v>
      </c>
    </row>
    <row r="967" spans="1:4" x14ac:dyDescent="0.25">
      <c r="A967" t="s">
        <v>22</v>
      </c>
      <c r="B967">
        <v>0.31</v>
      </c>
      <c r="C967">
        <v>0.69</v>
      </c>
      <c r="D967">
        <f t="shared" si="17"/>
        <v>1</v>
      </c>
    </row>
    <row r="968" spans="1:4" x14ac:dyDescent="0.25">
      <c r="A968" t="s">
        <v>14</v>
      </c>
      <c r="B968">
        <v>0.24</v>
      </c>
      <c r="C968">
        <v>0.67</v>
      </c>
      <c r="D968">
        <f t="shared" si="17"/>
        <v>3</v>
      </c>
    </row>
    <row r="969" spans="1:4" x14ac:dyDescent="0.25">
      <c r="A969" t="s">
        <v>29</v>
      </c>
      <c r="B969">
        <v>0.02</v>
      </c>
      <c r="C969">
        <v>0.14000000000000001</v>
      </c>
      <c r="D969">
        <f t="shared" si="17"/>
        <v>1</v>
      </c>
    </row>
    <row r="970" spans="1:4" x14ac:dyDescent="0.25">
      <c r="A970" t="s">
        <v>29</v>
      </c>
      <c r="B970">
        <v>0.02</v>
      </c>
      <c r="C970">
        <v>0.17</v>
      </c>
      <c r="D970">
        <f t="shared" si="17"/>
        <v>1</v>
      </c>
    </row>
    <row r="971" spans="1:4" x14ac:dyDescent="0.25">
      <c r="A971" t="s">
        <v>25</v>
      </c>
      <c r="B971">
        <v>0.14000000000000001</v>
      </c>
      <c r="C971">
        <v>0.87</v>
      </c>
      <c r="D971">
        <f t="shared" si="17"/>
        <v>3</v>
      </c>
    </row>
    <row r="972" spans="1:4" x14ac:dyDescent="0.25">
      <c r="A972" t="s">
        <v>18</v>
      </c>
      <c r="B972">
        <v>0.72</v>
      </c>
      <c r="C972">
        <v>0.51</v>
      </c>
      <c r="D972">
        <f t="shared" si="17"/>
        <v>1</v>
      </c>
    </row>
    <row r="973" spans="1:4" x14ac:dyDescent="0.25">
      <c r="A973" t="s">
        <v>21</v>
      </c>
      <c r="B973">
        <v>0.22</v>
      </c>
      <c r="C973">
        <v>0.31</v>
      </c>
      <c r="D973">
        <f t="shared" si="17"/>
        <v>2</v>
      </c>
    </row>
    <row r="974" spans="1:4" x14ac:dyDescent="0.25">
      <c r="A974" t="s">
        <v>28</v>
      </c>
      <c r="B974">
        <v>0.62</v>
      </c>
      <c r="C974">
        <v>0.55000000000000004</v>
      </c>
      <c r="D974">
        <f t="shared" si="17"/>
        <v>3</v>
      </c>
    </row>
    <row r="975" spans="1:4" x14ac:dyDescent="0.25">
      <c r="A975" t="s">
        <v>7</v>
      </c>
      <c r="B975">
        <v>0.49</v>
      </c>
      <c r="C975">
        <v>0.81</v>
      </c>
      <c r="D975">
        <f t="shared" si="17"/>
        <v>1</v>
      </c>
    </row>
    <row r="976" spans="1:4" x14ac:dyDescent="0.25">
      <c r="A976" t="s">
        <v>22</v>
      </c>
      <c r="B976">
        <v>0.43</v>
      </c>
      <c r="C976">
        <v>0.6</v>
      </c>
      <c r="D976">
        <f t="shared" si="17"/>
        <v>1</v>
      </c>
    </row>
    <row r="977" spans="1:4" x14ac:dyDescent="0.25">
      <c r="A977" t="s">
        <v>23</v>
      </c>
      <c r="B977">
        <v>0.21</v>
      </c>
      <c r="C977">
        <v>0.66</v>
      </c>
      <c r="D977">
        <f t="shared" si="17"/>
        <v>1</v>
      </c>
    </row>
    <row r="978" spans="1:4" x14ac:dyDescent="0.25">
      <c r="A978" t="s">
        <v>13</v>
      </c>
      <c r="B978">
        <v>0.93</v>
      </c>
      <c r="C978">
        <v>0.4</v>
      </c>
      <c r="D978">
        <f t="shared" si="17"/>
        <v>3</v>
      </c>
    </row>
    <row r="979" spans="1:4" x14ac:dyDescent="0.25">
      <c r="A979" t="s">
        <v>30</v>
      </c>
      <c r="B979">
        <v>0.32</v>
      </c>
      <c r="C979">
        <v>0.56999999999999995</v>
      </c>
      <c r="D979">
        <f t="shared" si="17"/>
        <v>3</v>
      </c>
    </row>
    <row r="980" spans="1:4" x14ac:dyDescent="0.25">
      <c r="A980" t="s">
        <v>23</v>
      </c>
      <c r="B980">
        <v>0.46</v>
      </c>
      <c r="C980">
        <v>0.49</v>
      </c>
      <c r="D980">
        <f t="shared" si="17"/>
        <v>1</v>
      </c>
    </row>
    <row r="981" spans="1:4" x14ac:dyDescent="0.25">
      <c r="A981" t="s">
        <v>17</v>
      </c>
      <c r="B981">
        <v>0.24</v>
      </c>
      <c r="C981">
        <v>0.13</v>
      </c>
      <c r="D981">
        <f t="shared" si="17"/>
        <v>3</v>
      </c>
    </row>
    <row r="982" spans="1:4" x14ac:dyDescent="0.25">
      <c r="A982" t="s">
        <v>22</v>
      </c>
      <c r="B982">
        <v>0.93</v>
      </c>
      <c r="C982">
        <v>0.32</v>
      </c>
      <c r="D982">
        <f t="shared" si="17"/>
        <v>1</v>
      </c>
    </row>
    <row r="983" spans="1:4" x14ac:dyDescent="0.25">
      <c r="A983" t="s">
        <v>20</v>
      </c>
      <c r="B983">
        <v>0.04</v>
      </c>
      <c r="C983">
        <v>0.46</v>
      </c>
      <c r="D983">
        <f t="shared" si="17"/>
        <v>3</v>
      </c>
    </row>
    <row r="984" spans="1:4" x14ac:dyDescent="0.25">
      <c r="A984" t="s">
        <v>26</v>
      </c>
      <c r="B984">
        <v>0.12</v>
      </c>
      <c r="C984">
        <v>0.28999999999999998</v>
      </c>
      <c r="D984">
        <f t="shared" si="17"/>
        <v>3</v>
      </c>
    </row>
    <row r="985" spans="1:4" x14ac:dyDescent="0.25">
      <c r="A985" t="s">
        <v>18</v>
      </c>
      <c r="B985">
        <v>0.82</v>
      </c>
      <c r="C985">
        <v>0.52</v>
      </c>
      <c r="D985">
        <f t="shared" si="17"/>
        <v>1</v>
      </c>
    </row>
    <row r="986" spans="1:4" x14ac:dyDescent="0.25">
      <c r="A986" t="s">
        <v>11</v>
      </c>
      <c r="B986">
        <v>0.73</v>
      </c>
      <c r="C986">
        <v>0.73</v>
      </c>
      <c r="D986">
        <f t="shared" si="17"/>
        <v>1</v>
      </c>
    </row>
    <row r="987" spans="1:4" x14ac:dyDescent="0.25">
      <c r="A987" t="s">
        <v>11</v>
      </c>
      <c r="B987">
        <v>0.51</v>
      </c>
      <c r="C987">
        <v>0.89</v>
      </c>
      <c r="D987">
        <f t="shared" si="17"/>
        <v>1</v>
      </c>
    </row>
    <row r="988" spans="1:4" x14ac:dyDescent="0.25">
      <c r="A988" t="s">
        <v>22</v>
      </c>
      <c r="B988">
        <v>0.65</v>
      </c>
      <c r="C988">
        <v>0.39</v>
      </c>
      <c r="D988">
        <f t="shared" si="17"/>
        <v>1</v>
      </c>
    </row>
    <row r="989" spans="1:4" x14ac:dyDescent="0.25">
      <c r="A989" t="s">
        <v>16</v>
      </c>
      <c r="B989">
        <v>0.46</v>
      </c>
      <c r="C989">
        <v>0.31</v>
      </c>
      <c r="D989">
        <f t="shared" si="17"/>
        <v>3</v>
      </c>
    </row>
    <row r="990" spans="1:4" x14ac:dyDescent="0.25">
      <c r="A990" t="s">
        <v>27</v>
      </c>
      <c r="B990">
        <v>0.1</v>
      </c>
      <c r="C990">
        <v>0.88</v>
      </c>
      <c r="D990">
        <f t="shared" si="17"/>
        <v>3</v>
      </c>
    </row>
    <row r="991" spans="1:4" x14ac:dyDescent="0.25">
      <c r="A991" t="s">
        <v>28</v>
      </c>
      <c r="B991">
        <v>0.52</v>
      </c>
      <c r="C991">
        <v>0.43</v>
      </c>
      <c r="D991">
        <f t="shared" si="17"/>
        <v>3</v>
      </c>
    </row>
    <row r="992" spans="1:4" x14ac:dyDescent="0.25">
      <c r="A992" t="s">
        <v>30</v>
      </c>
      <c r="B992">
        <v>0.74</v>
      </c>
      <c r="C992">
        <v>0.56000000000000005</v>
      </c>
      <c r="D992">
        <f t="shared" si="17"/>
        <v>3</v>
      </c>
    </row>
    <row r="993" spans="1:4" x14ac:dyDescent="0.25">
      <c r="A993" t="s">
        <v>23</v>
      </c>
      <c r="B993">
        <v>0.36</v>
      </c>
      <c r="C993">
        <v>0.6</v>
      </c>
      <c r="D993">
        <f t="shared" si="17"/>
        <v>1</v>
      </c>
    </row>
    <row r="994" spans="1:4" x14ac:dyDescent="0.25">
      <c r="A994" t="s">
        <v>18</v>
      </c>
      <c r="B994">
        <v>0.74</v>
      </c>
      <c r="C994">
        <v>0.45</v>
      </c>
      <c r="D994">
        <f t="shared" si="17"/>
        <v>1</v>
      </c>
    </row>
    <row r="995" spans="1:4" x14ac:dyDescent="0.25">
      <c r="A995" t="s">
        <v>7</v>
      </c>
      <c r="B995">
        <v>0.9</v>
      </c>
      <c r="C995">
        <v>0.89</v>
      </c>
      <c r="D995">
        <f t="shared" si="17"/>
        <v>1</v>
      </c>
    </row>
    <row r="996" spans="1:4" x14ac:dyDescent="0.25">
      <c r="A996" t="s">
        <v>26</v>
      </c>
      <c r="B996">
        <v>0.69</v>
      </c>
      <c r="C996">
        <v>0.26</v>
      </c>
      <c r="D996">
        <f t="shared" si="17"/>
        <v>3</v>
      </c>
    </row>
    <row r="997" spans="1:4" x14ac:dyDescent="0.25">
      <c r="A997" t="s">
        <v>29</v>
      </c>
      <c r="B997">
        <v>0.28999999999999998</v>
      </c>
      <c r="C997">
        <v>0.18</v>
      </c>
      <c r="D997">
        <f t="shared" si="17"/>
        <v>1</v>
      </c>
    </row>
    <row r="998" spans="1:4" x14ac:dyDescent="0.25">
      <c r="A998" t="s">
        <v>27</v>
      </c>
      <c r="B998">
        <v>0.69</v>
      </c>
      <c r="C998">
        <v>0.73</v>
      </c>
      <c r="D998">
        <f t="shared" si="17"/>
        <v>3</v>
      </c>
    </row>
    <row r="999" spans="1:4" x14ac:dyDescent="0.25">
      <c r="A999" t="s">
        <v>14</v>
      </c>
      <c r="B999">
        <v>0.16</v>
      </c>
      <c r="C999">
        <v>0.54</v>
      </c>
      <c r="D999">
        <f t="shared" si="17"/>
        <v>3</v>
      </c>
    </row>
    <row r="1000" spans="1:4" x14ac:dyDescent="0.25">
      <c r="A1000" t="s">
        <v>9</v>
      </c>
      <c r="B1000">
        <v>0.43</v>
      </c>
      <c r="C1000">
        <v>0.26</v>
      </c>
      <c r="D1000">
        <f t="shared" si="17"/>
        <v>3</v>
      </c>
    </row>
    <row r="1001" spans="1:4" x14ac:dyDescent="0.25">
      <c r="A1001" t="s">
        <v>7</v>
      </c>
      <c r="B1001">
        <v>0.85</v>
      </c>
      <c r="C1001">
        <v>0.91</v>
      </c>
      <c r="D1001">
        <f t="shared" si="17"/>
        <v>1</v>
      </c>
    </row>
    <row r="1002" spans="1:4" x14ac:dyDescent="0.25">
      <c r="A1002" t="s">
        <v>19</v>
      </c>
      <c r="B1002">
        <v>0.53</v>
      </c>
      <c r="C1002">
        <v>0.92</v>
      </c>
      <c r="D1002">
        <f t="shared" si="17"/>
        <v>3</v>
      </c>
    </row>
    <row r="1003" spans="1:4" x14ac:dyDescent="0.25">
      <c r="A1003" t="s">
        <v>25</v>
      </c>
      <c r="B1003">
        <v>0.73</v>
      </c>
      <c r="C1003">
        <v>0.88</v>
      </c>
      <c r="D1003">
        <f t="shared" si="17"/>
        <v>3</v>
      </c>
    </row>
    <row r="1004" spans="1:4" x14ac:dyDescent="0.25">
      <c r="A1004" t="s">
        <v>18</v>
      </c>
      <c r="B1004">
        <v>0.69</v>
      </c>
      <c r="C1004">
        <v>0.57999999999999996</v>
      </c>
      <c r="D1004">
        <f t="shared" si="17"/>
        <v>1</v>
      </c>
    </row>
    <row r="1005" spans="1:4" x14ac:dyDescent="0.25">
      <c r="A1005" t="s">
        <v>14</v>
      </c>
      <c r="B1005">
        <v>0.19</v>
      </c>
      <c r="C1005">
        <v>0.41</v>
      </c>
      <c r="D1005">
        <f t="shared" si="17"/>
        <v>3</v>
      </c>
    </row>
    <row r="1006" spans="1:4" x14ac:dyDescent="0.25">
      <c r="A1006" t="s">
        <v>30</v>
      </c>
      <c r="B1006">
        <v>0.69</v>
      </c>
      <c r="C1006">
        <v>0.56000000000000005</v>
      </c>
      <c r="D1006">
        <f t="shared" si="17"/>
        <v>3</v>
      </c>
    </row>
    <row r="1007" spans="1:4" x14ac:dyDescent="0.25">
      <c r="A1007" t="s">
        <v>7</v>
      </c>
      <c r="B1007">
        <v>0.35</v>
      </c>
      <c r="C1007">
        <v>0.83</v>
      </c>
      <c r="D1007">
        <f t="shared" si="17"/>
        <v>1</v>
      </c>
    </row>
    <row r="1008" spans="1:4" x14ac:dyDescent="0.25">
      <c r="A1008" t="s">
        <v>15</v>
      </c>
      <c r="B1008">
        <v>0.76</v>
      </c>
      <c r="C1008">
        <v>0.27</v>
      </c>
      <c r="D1008">
        <f t="shared" si="17"/>
        <v>3</v>
      </c>
    </row>
    <row r="1009" spans="1:4" x14ac:dyDescent="0.25">
      <c r="A1009" t="s">
        <v>11</v>
      </c>
      <c r="B1009">
        <v>0.17</v>
      </c>
      <c r="C1009">
        <v>0.89</v>
      </c>
      <c r="D1009">
        <f t="shared" si="17"/>
        <v>1</v>
      </c>
    </row>
    <row r="1010" spans="1:4" x14ac:dyDescent="0.25">
      <c r="A1010" t="s">
        <v>25</v>
      </c>
      <c r="B1010">
        <v>0.88</v>
      </c>
      <c r="C1010">
        <v>0.84</v>
      </c>
      <c r="D1010">
        <f t="shared" si="17"/>
        <v>3</v>
      </c>
    </row>
    <row r="1011" spans="1:4" x14ac:dyDescent="0.25">
      <c r="A1011" t="s">
        <v>22</v>
      </c>
      <c r="B1011">
        <v>0.15</v>
      </c>
      <c r="C1011">
        <v>0.59</v>
      </c>
      <c r="D1011">
        <f t="shared" si="17"/>
        <v>1</v>
      </c>
    </row>
    <row r="1012" spans="1:4" x14ac:dyDescent="0.25">
      <c r="A1012" t="s">
        <v>28</v>
      </c>
      <c r="B1012">
        <v>0.05</v>
      </c>
      <c r="C1012">
        <v>0.41</v>
      </c>
      <c r="D1012">
        <f t="shared" si="17"/>
        <v>3</v>
      </c>
    </row>
    <row r="1013" spans="1:4" x14ac:dyDescent="0.25">
      <c r="A1013" t="s">
        <v>30</v>
      </c>
      <c r="B1013">
        <v>0.52</v>
      </c>
      <c r="C1013">
        <v>0.51</v>
      </c>
      <c r="D1013">
        <f t="shared" si="17"/>
        <v>3</v>
      </c>
    </row>
    <row r="1014" spans="1:4" x14ac:dyDescent="0.25">
      <c r="A1014" t="s">
        <v>23</v>
      </c>
      <c r="B1014">
        <v>0.51</v>
      </c>
      <c r="C1014">
        <v>0.62</v>
      </c>
      <c r="D1014">
        <f t="shared" si="17"/>
        <v>1</v>
      </c>
    </row>
    <row r="1015" spans="1:4" x14ac:dyDescent="0.25">
      <c r="A1015" t="s">
        <v>27</v>
      </c>
      <c r="B1015">
        <v>0.48</v>
      </c>
      <c r="C1015">
        <v>0.9</v>
      </c>
      <c r="D1015">
        <f t="shared" si="17"/>
        <v>3</v>
      </c>
    </row>
    <row r="1016" spans="1:4" x14ac:dyDescent="0.25">
      <c r="A1016" t="s">
        <v>15</v>
      </c>
      <c r="B1016">
        <v>0.95</v>
      </c>
      <c r="C1016">
        <v>0.27</v>
      </c>
      <c r="D1016">
        <f t="shared" si="17"/>
        <v>3</v>
      </c>
    </row>
    <row r="1017" spans="1:4" x14ac:dyDescent="0.25">
      <c r="A1017" t="s">
        <v>29</v>
      </c>
      <c r="B1017">
        <v>0.89</v>
      </c>
      <c r="C1017">
        <v>0.22</v>
      </c>
      <c r="D1017">
        <f t="shared" si="17"/>
        <v>1</v>
      </c>
    </row>
    <row r="1018" spans="1:4" x14ac:dyDescent="0.25">
      <c r="A1018" t="s">
        <v>7</v>
      </c>
      <c r="B1018">
        <v>0.78</v>
      </c>
      <c r="C1018">
        <v>0.9</v>
      </c>
      <c r="D1018">
        <f t="shared" si="17"/>
        <v>1</v>
      </c>
    </row>
    <row r="1019" spans="1:4" x14ac:dyDescent="0.25">
      <c r="A1019" t="s">
        <v>9</v>
      </c>
      <c r="B1019">
        <v>0.2</v>
      </c>
      <c r="C1019">
        <v>0.11</v>
      </c>
      <c r="D1019">
        <f t="shared" si="17"/>
        <v>3</v>
      </c>
    </row>
    <row r="1020" spans="1:4" x14ac:dyDescent="0.25">
      <c r="A1020" t="s">
        <v>13</v>
      </c>
      <c r="B1020">
        <v>0.63</v>
      </c>
      <c r="C1020">
        <v>0.69</v>
      </c>
      <c r="D1020">
        <f t="shared" si="17"/>
        <v>3</v>
      </c>
    </row>
    <row r="1021" spans="1:4" x14ac:dyDescent="0.25">
      <c r="A1021" t="s">
        <v>20</v>
      </c>
      <c r="B1021">
        <v>0.57999999999999996</v>
      </c>
      <c r="C1021">
        <v>0.45</v>
      </c>
      <c r="D1021">
        <f t="shared" si="17"/>
        <v>3</v>
      </c>
    </row>
    <row r="1022" spans="1:4" x14ac:dyDescent="0.25">
      <c r="A1022" t="s">
        <v>7</v>
      </c>
      <c r="B1022">
        <v>0.13</v>
      </c>
      <c r="C1022">
        <v>0.77</v>
      </c>
      <c r="D1022">
        <f t="shared" si="17"/>
        <v>1</v>
      </c>
    </row>
    <row r="1023" spans="1:4" x14ac:dyDescent="0.25">
      <c r="A1023" t="s">
        <v>7</v>
      </c>
      <c r="B1023">
        <v>0.08</v>
      </c>
      <c r="C1023">
        <v>0.95</v>
      </c>
      <c r="D1023">
        <f t="shared" si="17"/>
        <v>1</v>
      </c>
    </row>
    <row r="1024" spans="1:4" x14ac:dyDescent="0.25">
      <c r="A1024" t="s">
        <v>23</v>
      </c>
      <c r="B1024">
        <v>0.3</v>
      </c>
      <c r="C1024">
        <v>0.67</v>
      </c>
      <c r="D1024">
        <f t="shared" si="17"/>
        <v>1</v>
      </c>
    </row>
    <row r="1025" spans="1:4" x14ac:dyDescent="0.25">
      <c r="A1025" t="s">
        <v>11</v>
      </c>
      <c r="B1025">
        <v>0.09</v>
      </c>
      <c r="C1025">
        <v>0.83</v>
      </c>
      <c r="D1025">
        <f t="shared" si="17"/>
        <v>1</v>
      </c>
    </row>
    <row r="1026" spans="1:4" x14ac:dyDescent="0.25">
      <c r="A1026" t="s">
        <v>23</v>
      </c>
      <c r="B1026">
        <v>0.04</v>
      </c>
      <c r="C1026">
        <v>0.62</v>
      </c>
      <c r="D1026">
        <f t="shared" si="17"/>
        <v>1</v>
      </c>
    </row>
    <row r="1027" spans="1:4" x14ac:dyDescent="0.25">
      <c r="A1027" t="s">
        <v>19</v>
      </c>
      <c r="B1027">
        <v>0.95</v>
      </c>
      <c r="C1027">
        <v>0.87</v>
      </c>
      <c r="D1027">
        <f t="shared" ref="D1027:D1090" si="18">VLOOKUP(A1027,$G$2:$H$21,2)</f>
        <v>3</v>
      </c>
    </row>
    <row r="1028" spans="1:4" x14ac:dyDescent="0.25">
      <c r="A1028" t="s">
        <v>23</v>
      </c>
      <c r="B1028">
        <v>0.92</v>
      </c>
      <c r="C1028">
        <v>0.59</v>
      </c>
      <c r="D1028">
        <f t="shared" si="18"/>
        <v>1</v>
      </c>
    </row>
    <row r="1029" spans="1:4" x14ac:dyDescent="0.25">
      <c r="A1029" t="s">
        <v>26</v>
      </c>
      <c r="B1029">
        <v>0.54</v>
      </c>
      <c r="C1029">
        <v>0.27</v>
      </c>
      <c r="D1029">
        <f t="shared" si="18"/>
        <v>3</v>
      </c>
    </row>
    <row r="1030" spans="1:4" x14ac:dyDescent="0.25">
      <c r="A1030" t="s">
        <v>23</v>
      </c>
      <c r="B1030">
        <v>0.24</v>
      </c>
      <c r="C1030">
        <v>0.69</v>
      </c>
      <c r="D1030">
        <f t="shared" si="18"/>
        <v>1</v>
      </c>
    </row>
    <row r="1031" spans="1:4" x14ac:dyDescent="0.25">
      <c r="A1031" t="s">
        <v>30</v>
      </c>
      <c r="B1031">
        <v>0.91</v>
      </c>
      <c r="C1031">
        <v>0.4</v>
      </c>
      <c r="D1031">
        <f t="shared" si="18"/>
        <v>3</v>
      </c>
    </row>
    <row r="1032" spans="1:4" x14ac:dyDescent="0.25">
      <c r="A1032" t="s">
        <v>13</v>
      </c>
      <c r="B1032">
        <v>0.87</v>
      </c>
      <c r="C1032">
        <v>0.39</v>
      </c>
      <c r="D1032">
        <f t="shared" si="18"/>
        <v>3</v>
      </c>
    </row>
    <row r="1033" spans="1:4" x14ac:dyDescent="0.25">
      <c r="A1033" t="s">
        <v>13</v>
      </c>
      <c r="B1033">
        <v>0.69</v>
      </c>
      <c r="C1033">
        <v>0.68</v>
      </c>
      <c r="D1033">
        <f t="shared" si="18"/>
        <v>3</v>
      </c>
    </row>
    <row r="1034" spans="1:4" x14ac:dyDescent="0.25">
      <c r="A1034" t="s">
        <v>19</v>
      </c>
      <c r="B1034">
        <v>0.94</v>
      </c>
      <c r="C1034">
        <v>0.88</v>
      </c>
      <c r="D1034">
        <f t="shared" si="18"/>
        <v>3</v>
      </c>
    </row>
    <row r="1035" spans="1:4" x14ac:dyDescent="0.25">
      <c r="A1035" t="s">
        <v>30</v>
      </c>
      <c r="B1035">
        <v>0.64</v>
      </c>
      <c r="C1035">
        <v>0.56000000000000005</v>
      </c>
      <c r="D1035">
        <f t="shared" si="18"/>
        <v>3</v>
      </c>
    </row>
    <row r="1036" spans="1:4" x14ac:dyDescent="0.25">
      <c r="A1036" t="s">
        <v>27</v>
      </c>
      <c r="B1036">
        <v>0.68</v>
      </c>
      <c r="C1036">
        <v>0.74</v>
      </c>
      <c r="D1036">
        <f t="shared" si="18"/>
        <v>3</v>
      </c>
    </row>
    <row r="1037" spans="1:4" x14ac:dyDescent="0.25">
      <c r="A1037" t="s">
        <v>14</v>
      </c>
      <c r="B1037">
        <v>0.85</v>
      </c>
      <c r="C1037">
        <v>0.54</v>
      </c>
      <c r="D1037">
        <f t="shared" si="18"/>
        <v>3</v>
      </c>
    </row>
    <row r="1038" spans="1:4" x14ac:dyDescent="0.25">
      <c r="A1038" t="s">
        <v>26</v>
      </c>
      <c r="B1038">
        <v>0.43</v>
      </c>
      <c r="C1038">
        <v>0.09</v>
      </c>
      <c r="D1038">
        <f t="shared" si="18"/>
        <v>3</v>
      </c>
    </row>
    <row r="1039" spans="1:4" x14ac:dyDescent="0.25">
      <c r="A1039" t="s">
        <v>21</v>
      </c>
      <c r="B1039">
        <v>0.13</v>
      </c>
      <c r="C1039">
        <v>0.54</v>
      </c>
      <c r="D1039">
        <f t="shared" si="18"/>
        <v>2</v>
      </c>
    </row>
    <row r="1040" spans="1:4" x14ac:dyDescent="0.25">
      <c r="A1040" t="s">
        <v>25</v>
      </c>
      <c r="B1040">
        <v>0.02</v>
      </c>
      <c r="C1040">
        <v>0.81</v>
      </c>
      <c r="D1040">
        <f t="shared" si="18"/>
        <v>3</v>
      </c>
    </row>
    <row r="1041" spans="1:4" x14ac:dyDescent="0.25">
      <c r="A1041" t="s">
        <v>20</v>
      </c>
      <c r="B1041">
        <v>0.98</v>
      </c>
      <c r="C1041">
        <v>0.66</v>
      </c>
      <c r="D1041">
        <f t="shared" si="18"/>
        <v>3</v>
      </c>
    </row>
    <row r="1042" spans="1:4" x14ac:dyDescent="0.25">
      <c r="A1042" t="s">
        <v>7</v>
      </c>
      <c r="B1042">
        <v>0.78</v>
      </c>
      <c r="C1042">
        <v>0.87</v>
      </c>
      <c r="D1042">
        <f t="shared" si="18"/>
        <v>1</v>
      </c>
    </row>
    <row r="1043" spans="1:4" x14ac:dyDescent="0.25">
      <c r="A1043" t="s">
        <v>29</v>
      </c>
      <c r="B1043">
        <v>0.33</v>
      </c>
      <c r="C1043">
        <v>0.2</v>
      </c>
      <c r="D1043">
        <f t="shared" si="18"/>
        <v>1</v>
      </c>
    </row>
    <row r="1044" spans="1:4" x14ac:dyDescent="0.25">
      <c r="A1044" t="s">
        <v>21</v>
      </c>
      <c r="B1044">
        <v>0.98</v>
      </c>
      <c r="C1044">
        <v>0.62</v>
      </c>
      <c r="D1044">
        <f t="shared" si="18"/>
        <v>2</v>
      </c>
    </row>
    <row r="1045" spans="1:4" x14ac:dyDescent="0.25">
      <c r="A1045" t="s">
        <v>17</v>
      </c>
      <c r="B1045">
        <v>0.79</v>
      </c>
      <c r="C1045">
        <v>0.06</v>
      </c>
      <c r="D1045">
        <f t="shared" si="18"/>
        <v>3</v>
      </c>
    </row>
    <row r="1046" spans="1:4" x14ac:dyDescent="0.25">
      <c r="A1046" t="s">
        <v>29</v>
      </c>
      <c r="B1046">
        <v>0.76</v>
      </c>
      <c r="C1046">
        <v>0.14000000000000001</v>
      </c>
      <c r="D1046">
        <f t="shared" si="18"/>
        <v>1</v>
      </c>
    </row>
    <row r="1047" spans="1:4" x14ac:dyDescent="0.25">
      <c r="A1047" t="s">
        <v>14</v>
      </c>
      <c r="B1047">
        <v>0.57999999999999996</v>
      </c>
      <c r="C1047">
        <v>0.44</v>
      </c>
      <c r="D1047">
        <f t="shared" si="18"/>
        <v>3</v>
      </c>
    </row>
    <row r="1048" spans="1:4" x14ac:dyDescent="0.25">
      <c r="A1048" t="s">
        <v>26</v>
      </c>
      <c r="B1048">
        <v>0.44</v>
      </c>
      <c r="C1048">
        <v>0.28999999999999998</v>
      </c>
      <c r="D1048">
        <f t="shared" si="18"/>
        <v>3</v>
      </c>
    </row>
    <row r="1049" spans="1:4" x14ac:dyDescent="0.25">
      <c r="A1049" t="s">
        <v>13</v>
      </c>
      <c r="B1049">
        <v>0.56000000000000005</v>
      </c>
      <c r="C1049">
        <v>0.69</v>
      </c>
      <c r="D1049">
        <f t="shared" si="18"/>
        <v>3</v>
      </c>
    </row>
    <row r="1050" spans="1:4" x14ac:dyDescent="0.25">
      <c r="A1050" t="s">
        <v>11</v>
      </c>
      <c r="B1050">
        <v>0.25</v>
      </c>
      <c r="C1050">
        <v>0.93</v>
      </c>
      <c r="D1050">
        <f t="shared" si="18"/>
        <v>1</v>
      </c>
    </row>
    <row r="1051" spans="1:4" x14ac:dyDescent="0.25">
      <c r="A1051" t="s">
        <v>9</v>
      </c>
      <c r="B1051">
        <v>0.72</v>
      </c>
      <c r="C1051">
        <v>0.19</v>
      </c>
      <c r="D1051">
        <f t="shared" si="18"/>
        <v>3</v>
      </c>
    </row>
    <row r="1052" spans="1:4" x14ac:dyDescent="0.25">
      <c r="A1052" t="s">
        <v>27</v>
      </c>
      <c r="B1052">
        <v>0.47</v>
      </c>
      <c r="C1052">
        <v>0.91</v>
      </c>
      <c r="D1052">
        <f t="shared" si="18"/>
        <v>3</v>
      </c>
    </row>
    <row r="1053" spans="1:4" x14ac:dyDescent="0.25">
      <c r="A1053" t="s">
        <v>30</v>
      </c>
      <c r="B1053">
        <v>0.74</v>
      </c>
      <c r="C1053">
        <v>0.33</v>
      </c>
      <c r="D1053">
        <f t="shared" si="18"/>
        <v>3</v>
      </c>
    </row>
    <row r="1054" spans="1:4" x14ac:dyDescent="0.25">
      <c r="A1054" t="s">
        <v>7</v>
      </c>
      <c r="B1054">
        <v>0.81</v>
      </c>
      <c r="C1054">
        <v>0.74</v>
      </c>
      <c r="D1054">
        <f t="shared" si="18"/>
        <v>1</v>
      </c>
    </row>
    <row r="1055" spans="1:4" x14ac:dyDescent="0.25">
      <c r="A1055" t="s">
        <v>26</v>
      </c>
      <c r="B1055">
        <v>0.44</v>
      </c>
      <c r="C1055">
        <v>0.14000000000000001</v>
      </c>
      <c r="D1055">
        <f t="shared" si="18"/>
        <v>3</v>
      </c>
    </row>
    <row r="1056" spans="1:4" x14ac:dyDescent="0.25">
      <c r="A1056" t="s">
        <v>22</v>
      </c>
      <c r="B1056">
        <v>0.93</v>
      </c>
      <c r="C1056">
        <v>0.56999999999999995</v>
      </c>
      <c r="D1056">
        <f t="shared" si="18"/>
        <v>1</v>
      </c>
    </row>
    <row r="1057" spans="1:4" x14ac:dyDescent="0.25">
      <c r="A1057" t="s">
        <v>9</v>
      </c>
      <c r="B1057">
        <v>0.39</v>
      </c>
      <c r="C1057">
        <v>0.27</v>
      </c>
      <c r="D1057">
        <f t="shared" si="18"/>
        <v>3</v>
      </c>
    </row>
    <row r="1058" spans="1:4" x14ac:dyDescent="0.25">
      <c r="A1058" t="s">
        <v>20</v>
      </c>
      <c r="B1058">
        <v>0.42</v>
      </c>
      <c r="C1058">
        <v>0.39</v>
      </c>
      <c r="D1058">
        <f t="shared" si="18"/>
        <v>3</v>
      </c>
    </row>
    <row r="1059" spans="1:4" x14ac:dyDescent="0.25">
      <c r="A1059" t="s">
        <v>22</v>
      </c>
      <c r="B1059">
        <v>0.25</v>
      </c>
      <c r="C1059">
        <v>0.65</v>
      </c>
      <c r="D1059">
        <f t="shared" si="18"/>
        <v>1</v>
      </c>
    </row>
    <row r="1060" spans="1:4" x14ac:dyDescent="0.25">
      <c r="A1060" t="s">
        <v>29</v>
      </c>
      <c r="B1060">
        <v>0.09</v>
      </c>
      <c r="C1060">
        <v>0.12</v>
      </c>
      <c r="D1060">
        <f t="shared" si="18"/>
        <v>1</v>
      </c>
    </row>
    <row r="1061" spans="1:4" x14ac:dyDescent="0.25">
      <c r="A1061" t="s">
        <v>26</v>
      </c>
      <c r="B1061">
        <v>0.39</v>
      </c>
      <c r="C1061">
        <v>0.14000000000000001</v>
      </c>
      <c r="D1061">
        <f t="shared" si="18"/>
        <v>3</v>
      </c>
    </row>
    <row r="1062" spans="1:4" x14ac:dyDescent="0.25">
      <c r="A1062" t="s">
        <v>28</v>
      </c>
      <c r="B1062">
        <v>0.33</v>
      </c>
      <c r="C1062">
        <v>0.4</v>
      </c>
      <c r="D1062">
        <f t="shared" si="18"/>
        <v>3</v>
      </c>
    </row>
    <row r="1063" spans="1:4" x14ac:dyDescent="0.25">
      <c r="A1063" t="s">
        <v>18</v>
      </c>
      <c r="B1063">
        <v>0.23</v>
      </c>
      <c r="C1063">
        <v>0.51</v>
      </c>
      <c r="D1063">
        <f t="shared" si="18"/>
        <v>1</v>
      </c>
    </row>
    <row r="1064" spans="1:4" x14ac:dyDescent="0.25">
      <c r="A1064" t="s">
        <v>25</v>
      </c>
      <c r="B1064">
        <v>0.95</v>
      </c>
      <c r="C1064">
        <v>0.88</v>
      </c>
      <c r="D1064">
        <f t="shared" si="18"/>
        <v>3</v>
      </c>
    </row>
    <row r="1065" spans="1:4" x14ac:dyDescent="0.25">
      <c r="A1065" t="s">
        <v>25</v>
      </c>
      <c r="B1065">
        <v>0.33</v>
      </c>
      <c r="C1065">
        <v>0.9</v>
      </c>
      <c r="D1065">
        <f t="shared" si="18"/>
        <v>3</v>
      </c>
    </row>
    <row r="1066" spans="1:4" x14ac:dyDescent="0.25">
      <c r="A1066" t="s">
        <v>20</v>
      </c>
      <c r="B1066">
        <v>0.25</v>
      </c>
      <c r="C1066">
        <v>0.6</v>
      </c>
      <c r="D1066">
        <f t="shared" si="18"/>
        <v>3</v>
      </c>
    </row>
    <row r="1067" spans="1:4" x14ac:dyDescent="0.25">
      <c r="A1067" t="s">
        <v>14</v>
      </c>
      <c r="B1067">
        <v>0.55000000000000004</v>
      </c>
      <c r="C1067">
        <v>0.37</v>
      </c>
      <c r="D1067">
        <f t="shared" si="18"/>
        <v>3</v>
      </c>
    </row>
    <row r="1068" spans="1:4" x14ac:dyDescent="0.25">
      <c r="A1068" t="s">
        <v>14</v>
      </c>
      <c r="B1068">
        <v>0.68</v>
      </c>
      <c r="C1068">
        <v>0.5</v>
      </c>
      <c r="D1068">
        <f t="shared" si="18"/>
        <v>3</v>
      </c>
    </row>
    <row r="1069" spans="1:4" x14ac:dyDescent="0.25">
      <c r="A1069" t="s">
        <v>17</v>
      </c>
      <c r="B1069">
        <v>0.98</v>
      </c>
      <c r="C1069">
        <v>0.27</v>
      </c>
      <c r="D1069">
        <f t="shared" si="18"/>
        <v>3</v>
      </c>
    </row>
    <row r="1070" spans="1:4" x14ac:dyDescent="0.25">
      <c r="A1070" t="s">
        <v>14</v>
      </c>
      <c r="B1070">
        <v>0.3</v>
      </c>
      <c r="C1070">
        <v>0.5</v>
      </c>
      <c r="D1070">
        <f t="shared" si="18"/>
        <v>3</v>
      </c>
    </row>
    <row r="1071" spans="1:4" x14ac:dyDescent="0.25">
      <c r="A1071" t="s">
        <v>23</v>
      </c>
      <c r="B1071">
        <v>0.53</v>
      </c>
      <c r="C1071">
        <v>0.36</v>
      </c>
      <c r="D1071">
        <f t="shared" si="18"/>
        <v>1</v>
      </c>
    </row>
    <row r="1072" spans="1:4" x14ac:dyDescent="0.25">
      <c r="A1072" t="s">
        <v>23</v>
      </c>
      <c r="B1072">
        <v>0.47</v>
      </c>
      <c r="C1072">
        <v>0.36</v>
      </c>
      <c r="D1072">
        <f t="shared" si="18"/>
        <v>1</v>
      </c>
    </row>
    <row r="1073" spans="1:4" x14ac:dyDescent="0.25">
      <c r="A1073" t="s">
        <v>25</v>
      </c>
      <c r="B1073">
        <v>0.14000000000000001</v>
      </c>
      <c r="C1073">
        <v>0.93</v>
      </c>
      <c r="D1073">
        <f t="shared" si="18"/>
        <v>3</v>
      </c>
    </row>
    <row r="1074" spans="1:4" x14ac:dyDescent="0.25">
      <c r="A1074" t="s">
        <v>26</v>
      </c>
      <c r="B1074">
        <v>0.38</v>
      </c>
      <c r="C1074">
        <v>0.11</v>
      </c>
      <c r="D1074">
        <f t="shared" si="18"/>
        <v>3</v>
      </c>
    </row>
    <row r="1075" spans="1:4" x14ac:dyDescent="0.25">
      <c r="A1075" t="s">
        <v>21</v>
      </c>
      <c r="B1075">
        <v>0.3</v>
      </c>
      <c r="C1075">
        <v>0.56999999999999995</v>
      </c>
      <c r="D1075">
        <f t="shared" si="18"/>
        <v>2</v>
      </c>
    </row>
    <row r="1076" spans="1:4" x14ac:dyDescent="0.25">
      <c r="A1076" t="s">
        <v>13</v>
      </c>
      <c r="B1076">
        <v>0.77</v>
      </c>
      <c r="C1076">
        <v>0.66</v>
      </c>
      <c r="D1076">
        <f t="shared" si="18"/>
        <v>3</v>
      </c>
    </row>
    <row r="1077" spans="1:4" x14ac:dyDescent="0.25">
      <c r="A1077" t="s">
        <v>20</v>
      </c>
      <c r="B1077">
        <v>0.19</v>
      </c>
      <c r="C1077">
        <v>0.56000000000000005</v>
      </c>
      <c r="D1077">
        <f t="shared" si="18"/>
        <v>3</v>
      </c>
    </row>
    <row r="1078" spans="1:4" x14ac:dyDescent="0.25">
      <c r="A1078" t="s">
        <v>9</v>
      </c>
      <c r="B1078">
        <v>0.27</v>
      </c>
      <c r="C1078">
        <v>0.23</v>
      </c>
      <c r="D1078">
        <f t="shared" si="18"/>
        <v>3</v>
      </c>
    </row>
    <row r="1079" spans="1:4" x14ac:dyDescent="0.25">
      <c r="A1079" t="s">
        <v>11</v>
      </c>
      <c r="B1079">
        <v>0.95</v>
      </c>
      <c r="C1079">
        <v>0.83</v>
      </c>
      <c r="D1079">
        <f t="shared" si="18"/>
        <v>1</v>
      </c>
    </row>
    <row r="1080" spans="1:4" x14ac:dyDescent="0.25">
      <c r="A1080" t="s">
        <v>28</v>
      </c>
      <c r="B1080">
        <v>0.38</v>
      </c>
      <c r="C1080">
        <v>0.45</v>
      </c>
      <c r="D1080">
        <f t="shared" si="18"/>
        <v>3</v>
      </c>
    </row>
    <row r="1081" spans="1:4" x14ac:dyDescent="0.25">
      <c r="A1081" t="s">
        <v>14</v>
      </c>
      <c r="B1081">
        <v>0.17</v>
      </c>
      <c r="C1081">
        <v>0.51</v>
      </c>
      <c r="D1081">
        <f t="shared" si="18"/>
        <v>3</v>
      </c>
    </row>
    <row r="1082" spans="1:4" x14ac:dyDescent="0.25">
      <c r="A1082" t="s">
        <v>19</v>
      </c>
      <c r="B1082">
        <v>0.78</v>
      </c>
      <c r="C1082">
        <v>0.84</v>
      </c>
      <c r="D1082">
        <f t="shared" si="18"/>
        <v>3</v>
      </c>
    </row>
    <row r="1083" spans="1:4" x14ac:dyDescent="0.25">
      <c r="A1083" t="s">
        <v>30</v>
      </c>
      <c r="B1083">
        <v>0.55000000000000004</v>
      </c>
      <c r="C1083">
        <v>0.67</v>
      </c>
      <c r="D1083">
        <f t="shared" si="18"/>
        <v>3</v>
      </c>
    </row>
    <row r="1084" spans="1:4" x14ac:dyDescent="0.25">
      <c r="A1084" t="s">
        <v>15</v>
      </c>
      <c r="B1084">
        <v>0.97</v>
      </c>
      <c r="C1084">
        <v>0.28999999999999998</v>
      </c>
      <c r="D1084">
        <f t="shared" si="18"/>
        <v>3</v>
      </c>
    </row>
    <row r="1085" spans="1:4" x14ac:dyDescent="0.25">
      <c r="A1085" t="s">
        <v>16</v>
      </c>
      <c r="B1085">
        <v>0.98</v>
      </c>
      <c r="C1085">
        <v>0.7</v>
      </c>
      <c r="D1085">
        <f t="shared" si="18"/>
        <v>3</v>
      </c>
    </row>
    <row r="1086" spans="1:4" x14ac:dyDescent="0.25">
      <c r="A1086" t="s">
        <v>7</v>
      </c>
      <c r="B1086">
        <v>0.33</v>
      </c>
      <c r="C1086">
        <v>0.78</v>
      </c>
      <c r="D1086">
        <f t="shared" si="18"/>
        <v>1</v>
      </c>
    </row>
    <row r="1087" spans="1:4" x14ac:dyDescent="0.25">
      <c r="A1087" t="s">
        <v>28</v>
      </c>
      <c r="B1087">
        <v>0.3</v>
      </c>
      <c r="C1087">
        <v>0.55000000000000004</v>
      </c>
      <c r="D1087">
        <f t="shared" si="18"/>
        <v>3</v>
      </c>
    </row>
    <row r="1088" spans="1:4" x14ac:dyDescent="0.25">
      <c r="A1088" t="s">
        <v>11</v>
      </c>
      <c r="B1088">
        <v>0.3</v>
      </c>
      <c r="C1088">
        <v>0.79</v>
      </c>
      <c r="D1088">
        <f t="shared" si="18"/>
        <v>1</v>
      </c>
    </row>
    <row r="1089" spans="1:4" x14ac:dyDescent="0.25">
      <c r="A1089" t="s">
        <v>16</v>
      </c>
      <c r="B1089">
        <v>0.85</v>
      </c>
      <c r="C1089">
        <v>0.57999999999999996</v>
      </c>
      <c r="D1089">
        <f t="shared" si="18"/>
        <v>3</v>
      </c>
    </row>
    <row r="1090" spans="1:4" x14ac:dyDescent="0.25">
      <c r="A1090" t="s">
        <v>17</v>
      </c>
      <c r="B1090">
        <v>0.43</v>
      </c>
      <c r="C1090">
        <v>0.13</v>
      </c>
      <c r="D1090">
        <f t="shared" si="18"/>
        <v>3</v>
      </c>
    </row>
    <row r="1091" spans="1:4" x14ac:dyDescent="0.25">
      <c r="A1091" t="s">
        <v>19</v>
      </c>
      <c r="B1091">
        <v>0.37</v>
      </c>
      <c r="C1091">
        <v>0.92</v>
      </c>
      <c r="D1091">
        <f t="shared" ref="D1091:D1154" si="19">VLOOKUP(A1091,$G$2:$H$21,2)</f>
        <v>3</v>
      </c>
    </row>
    <row r="1092" spans="1:4" x14ac:dyDescent="0.25">
      <c r="A1092" t="s">
        <v>27</v>
      </c>
      <c r="B1092">
        <v>0.77</v>
      </c>
      <c r="C1092">
        <v>0.81</v>
      </c>
      <c r="D1092">
        <f t="shared" si="19"/>
        <v>3</v>
      </c>
    </row>
    <row r="1093" spans="1:4" x14ac:dyDescent="0.25">
      <c r="A1093" t="s">
        <v>19</v>
      </c>
      <c r="B1093">
        <v>0.45</v>
      </c>
      <c r="C1093">
        <v>0.87</v>
      </c>
      <c r="D1093">
        <f t="shared" si="19"/>
        <v>3</v>
      </c>
    </row>
    <row r="1094" spans="1:4" x14ac:dyDescent="0.25">
      <c r="A1094" t="s">
        <v>17</v>
      </c>
      <c r="B1094">
        <v>0.99</v>
      </c>
      <c r="C1094">
        <v>0.12</v>
      </c>
      <c r="D1094">
        <f t="shared" si="19"/>
        <v>3</v>
      </c>
    </row>
    <row r="1095" spans="1:4" x14ac:dyDescent="0.25">
      <c r="A1095" t="s">
        <v>18</v>
      </c>
      <c r="B1095">
        <v>0.93</v>
      </c>
      <c r="C1095">
        <v>0.57999999999999996</v>
      </c>
      <c r="D1095">
        <f t="shared" si="19"/>
        <v>1</v>
      </c>
    </row>
    <row r="1096" spans="1:4" x14ac:dyDescent="0.25">
      <c r="A1096" t="s">
        <v>16</v>
      </c>
      <c r="B1096">
        <v>0.32</v>
      </c>
      <c r="C1096">
        <v>0.52</v>
      </c>
      <c r="D1096">
        <f t="shared" si="19"/>
        <v>3</v>
      </c>
    </row>
    <row r="1097" spans="1:4" x14ac:dyDescent="0.25">
      <c r="A1097" t="s">
        <v>20</v>
      </c>
      <c r="B1097">
        <v>0.44</v>
      </c>
      <c r="C1097">
        <v>0.37</v>
      </c>
      <c r="D1097">
        <f t="shared" si="19"/>
        <v>3</v>
      </c>
    </row>
    <row r="1098" spans="1:4" x14ac:dyDescent="0.25">
      <c r="A1098" t="s">
        <v>28</v>
      </c>
      <c r="B1098">
        <v>0.35</v>
      </c>
      <c r="C1098">
        <v>0.55000000000000004</v>
      </c>
      <c r="D1098">
        <f t="shared" si="19"/>
        <v>3</v>
      </c>
    </row>
    <row r="1099" spans="1:4" x14ac:dyDescent="0.25">
      <c r="A1099" t="s">
        <v>7</v>
      </c>
      <c r="B1099">
        <v>0.87</v>
      </c>
      <c r="C1099">
        <v>0.79</v>
      </c>
      <c r="D1099">
        <f t="shared" si="19"/>
        <v>1</v>
      </c>
    </row>
    <row r="1100" spans="1:4" x14ac:dyDescent="0.25">
      <c r="A1100" t="s">
        <v>9</v>
      </c>
      <c r="B1100">
        <v>0.95</v>
      </c>
      <c r="C1100">
        <v>0.1</v>
      </c>
      <c r="D1100">
        <f t="shared" si="19"/>
        <v>3</v>
      </c>
    </row>
    <row r="1101" spans="1:4" x14ac:dyDescent="0.25">
      <c r="A1101" t="s">
        <v>11</v>
      </c>
      <c r="B1101">
        <v>0.38</v>
      </c>
      <c r="C1101">
        <v>0.9</v>
      </c>
      <c r="D1101">
        <f t="shared" si="19"/>
        <v>1</v>
      </c>
    </row>
    <row r="1102" spans="1:4" x14ac:dyDescent="0.25">
      <c r="A1102" t="s">
        <v>30</v>
      </c>
      <c r="B1102">
        <v>0.88</v>
      </c>
      <c r="C1102">
        <v>0.45</v>
      </c>
      <c r="D1102">
        <f t="shared" si="19"/>
        <v>3</v>
      </c>
    </row>
    <row r="1103" spans="1:4" x14ac:dyDescent="0.25">
      <c r="A1103" t="s">
        <v>20</v>
      </c>
      <c r="B1103">
        <v>0.54</v>
      </c>
      <c r="C1103">
        <v>0.44</v>
      </c>
      <c r="D1103">
        <f t="shared" si="19"/>
        <v>3</v>
      </c>
    </row>
    <row r="1104" spans="1:4" x14ac:dyDescent="0.25">
      <c r="A1104" t="s">
        <v>11</v>
      </c>
      <c r="B1104">
        <v>0.89</v>
      </c>
      <c r="C1104">
        <v>0.86</v>
      </c>
      <c r="D1104">
        <f t="shared" si="19"/>
        <v>1</v>
      </c>
    </row>
    <row r="1105" spans="1:4" x14ac:dyDescent="0.25">
      <c r="A1105" t="s">
        <v>23</v>
      </c>
      <c r="B1105">
        <v>0.81</v>
      </c>
      <c r="C1105">
        <v>0.7</v>
      </c>
      <c r="D1105">
        <f t="shared" si="19"/>
        <v>1</v>
      </c>
    </row>
    <row r="1106" spans="1:4" x14ac:dyDescent="0.25">
      <c r="A1106" t="s">
        <v>17</v>
      </c>
      <c r="B1106">
        <v>0.79</v>
      </c>
      <c r="C1106">
        <v>0.1</v>
      </c>
      <c r="D1106">
        <f t="shared" si="19"/>
        <v>3</v>
      </c>
    </row>
    <row r="1107" spans="1:4" x14ac:dyDescent="0.25">
      <c r="A1107" t="s">
        <v>17</v>
      </c>
      <c r="B1107">
        <v>0.94</v>
      </c>
      <c r="C1107">
        <v>0.24</v>
      </c>
      <c r="D1107">
        <f t="shared" si="19"/>
        <v>3</v>
      </c>
    </row>
    <row r="1108" spans="1:4" x14ac:dyDescent="0.25">
      <c r="A1108" t="s">
        <v>9</v>
      </c>
      <c r="B1108">
        <v>0.2</v>
      </c>
      <c r="C1108">
        <v>0.17</v>
      </c>
      <c r="D1108">
        <f t="shared" si="19"/>
        <v>3</v>
      </c>
    </row>
    <row r="1109" spans="1:4" x14ac:dyDescent="0.25">
      <c r="A1109" t="s">
        <v>26</v>
      </c>
      <c r="B1109">
        <v>0.66</v>
      </c>
      <c r="C1109">
        <v>0.08</v>
      </c>
      <c r="D1109">
        <f t="shared" si="19"/>
        <v>3</v>
      </c>
    </row>
    <row r="1110" spans="1:4" x14ac:dyDescent="0.25">
      <c r="A1110" t="s">
        <v>25</v>
      </c>
      <c r="B1110">
        <v>0.08</v>
      </c>
      <c r="C1110">
        <v>0.85</v>
      </c>
      <c r="D1110">
        <f t="shared" si="19"/>
        <v>3</v>
      </c>
    </row>
    <row r="1111" spans="1:4" x14ac:dyDescent="0.25">
      <c r="A1111" t="s">
        <v>15</v>
      </c>
      <c r="B1111">
        <v>0.11</v>
      </c>
      <c r="C1111">
        <v>0.06</v>
      </c>
      <c r="D1111">
        <f t="shared" si="19"/>
        <v>3</v>
      </c>
    </row>
    <row r="1112" spans="1:4" x14ac:dyDescent="0.25">
      <c r="A1112" t="s">
        <v>30</v>
      </c>
      <c r="B1112">
        <v>0.54</v>
      </c>
      <c r="C1112">
        <v>0.48</v>
      </c>
      <c r="D1112">
        <f t="shared" si="19"/>
        <v>3</v>
      </c>
    </row>
    <row r="1113" spans="1:4" x14ac:dyDescent="0.25">
      <c r="A1113" t="s">
        <v>16</v>
      </c>
      <c r="B1113">
        <v>0.37</v>
      </c>
      <c r="C1113">
        <v>0.35</v>
      </c>
      <c r="D1113">
        <f t="shared" si="19"/>
        <v>3</v>
      </c>
    </row>
    <row r="1114" spans="1:4" x14ac:dyDescent="0.25">
      <c r="A1114" t="s">
        <v>9</v>
      </c>
      <c r="B1114">
        <v>0.42</v>
      </c>
      <c r="C1114">
        <v>0.19</v>
      </c>
      <c r="D1114">
        <f t="shared" si="19"/>
        <v>3</v>
      </c>
    </row>
    <row r="1115" spans="1:4" x14ac:dyDescent="0.25">
      <c r="A1115" t="s">
        <v>11</v>
      </c>
      <c r="B1115">
        <v>0.81</v>
      </c>
      <c r="C1115">
        <v>0.82</v>
      </c>
      <c r="D1115">
        <f t="shared" si="19"/>
        <v>1</v>
      </c>
    </row>
    <row r="1116" spans="1:4" x14ac:dyDescent="0.25">
      <c r="A1116" t="s">
        <v>23</v>
      </c>
      <c r="B1116">
        <v>0.4</v>
      </c>
      <c r="C1116">
        <v>0.51</v>
      </c>
      <c r="D1116">
        <f t="shared" si="19"/>
        <v>1</v>
      </c>
    </row>
    <row r="1117" spans="1:4" x14ac:dyDescent="0.25">
      <c r="A1117" t="s">
        <v>16</v>
      </c>
      <c r="B1117">
        <v>0.6</v>
      </c>
      <c r="C1117">
        <v>0.42</v>
      </c>
      <c r="D1117">
        <f t="shared" si="19"/>
        <v>3</v>
      </c>
    </row>
    <row r="1118" spans="1:4" x14ac:dyDescent="0.25">
      <c r="A1118" t="s">
        <v>20</v>
      </c>
      <c r="B1118">
        <v>0.5</v>
      </c>
      <c r="C1118">
        <v>0.33</v>
      </c>
      <c r="D1118">
        <f t="shared" si="19"/>
        <v>3</v>
      </c>
    </row>
    <row r="1119" spans="1:4" x14ac:dyDescent="0.25">
      <c r="A1119" t="s">
        <v>20</v>
      </c>
      <c r="B1119">
        <v>0.6</v>
      </c>
      <c r="C1119">
        <v>0.31</v>
      </c>
      <c r="D1119">
        <f t="shared" si="19"/>
        <v>3</v>
      </c>
    </row>
    <row r="1120" spans="1:4" x14ac:dyDescent="0.25">
      <c r="A1120" t="s">
        <v>25</v>
      </c>
      <c r="B1120">
        <v>0.39</v>
      </c>
      <c r="C1120">
        <v>0.89</v>
      </c>
      <c r="D1120">
        <f t="shared" si="19"/>
        <v>3</v>
      </c>
    </row>
    <row r="1121" spans="1:4" x14ac:dyDescent="0.25">
      <c r="A1121" t="s">
        <v>27</v>
      </c>
      <c r="B1121">
        <v>0.92</v>
      </c>
      <c r="C1121">
        <v>0.82</v>
      </c>
      <c r="D1121">
        <f t="shared" si="19"/>
        <v>3</v>
      </c>
    </row>
    <row r="1122" spans="1:4" x14ac:dyDescent="0.25">
      <c r="A1122" t="s">
        <v>14</v>
      </c>
      <c r="B1122">
        <v>0.67</v>
      </c>
      <c r="C1122">
        <v>0.35</v>
      </c>
      <c r="D1122">
        <f t="shared" si="19"/>
        <v>3</v>
      </c>
    </row>
    <row r="1123" spans="1:4" x14ac:dyDescent="0.25">
      <c r="A1123" t="s">
        <v>19</v>
      </c>
      <c r="B1123">
        <v>0.37</v>
      </c>
      <c r="C1123">
        <v>0.76</v>
      </c>
      <c r="D1123">
        <f t="shared" si="19"/>
        <v>3</v>
      </c>
    </row>
    <row r="1124" spans="1:4" x14ac:dyDescent="0.25">
      <c r="A1124" t="s">
        <v>11</v>
      </c>
      <c r="B1124">
        <v>0.65</v>
      </c>
      <c r="C1124">
        <v>0.76</v>
      </c>
      <c r="D1124">
        <f t="shared" si="19"/>
        <v>1</v>
      </c>
    </row>
    <row r="1125" spans="1:4" x14ac:dyDescent="0.25">
      <c r="A1125" t="s">
        <v>17</v>
      </c>
      <c r="B1125">
        <v>0.13</v>
      </c>
      <c r="C1125">
        <v>0.17</v>
      </c>
      <c r="D1125">
        <f t="shared" si="19"/>
        <v>3</v>
      </c>
    </row>
    <row r="1126" spans="1:4" x14ac:dyDescent="0.25">
      <c r="A1126" t="s">
        <v>17</v>
      </c>
      <c r="B1126">
        <v>0.61</v>
      </c>
      <c r="C1126">
        <v>0.14000000000000001</v>
      </c>
      <c r="D1126">
        <f t="shared" si="19"/>
        <v>3</v>
      </c>
    </row>
    <row r="1127" spans="1:4" x14ac:dyDescent="0.25">
      <c r="A1127" t="s">
        <v>21</v>
      </c>
      <c r="B1127">
        <v>0.3</v>
      </c>
      <c r="C1127">
        <v>0.4</v>
      </c>
      <c r="D1127">
        <f t="shared" si="19"/>
        <v>2</v>
      </c>
    </row>
    <row r="1128" spans="1:4" x14ac:dyDescent="0.25">
      <c r="A1128" t="s">
        <v>15</v>
      </c>
      <c r="B1128">
        <v>0.57999999999999996</v>
      </c>
      <c r="C1128">
        <v>0.13</v>
      </c>
      <c r="D1128">
        <f t="shared" si="19"/>
        <v>3</v>
      </c>
    </row>
    <row r="1129" spans="1:4" x14ac:dyDescent="0.25">
      <c r="A1129" t="s">
        <v>26</v>
      </c>
      <c r="B1129">
        <v>0.14000000000000001</v>
      </c>
      <c r="C1129">
        <v>0.12</v>
      </c>
      <c r="D1129">
        <f t="shared" si="19"/>
        <v>3</v>
      </c>
    </row>
    <row r="1130" spans="1:4" x14ac:dyDescent="0.25">
      <c r="A1130" t="s">
        <v>29</v>
      </c>
      <c r="B1130">
        <v>0.91</v>
      </c>
      <c r="C1130">
        <v>0.16</v>
      </c>
      <c r="D1130">
        <f t="shared" si="19"/>
        <v>1</v>
      </c>
    </row>
    <row r="1131" spans="1:4" x14ac:dyDescent="0.25">
      <c r="A1131" t="s">
        <v>17</v>
      </c>
      <c r="B1131">
        <v>0.28999999999999998</v>
      </c>
      <c r="C1131">
        <v>0.17</v>
      </c>
      <c r="D1131">
        <f t="shared" si="19"/>
        <v>3</v>
      </c>
    </row>
    <row r="1132" spans="1:4" x14ac:dyDescent="0.25">
      <c r="A1132" t="s">
        <v>14</v>
      </c>
      <c r="B1132">
        <v>0.53</v>
      </c>
      <c r="C1132">
        <v>0.36</v>
      </c>
      <c r="D1132">
        <f t="shared" si="19"/>
        <v>3</v>
      </c>
    </row>
    <row r="1133" spans="1:4" x14ac:dyDescent="0.25">
      <c r="A1133" t="s">
        <v>7</v>
      </c>
      <c r="B1133">
        <v>0.03</v>
      </c>
      <c r="C1133">
        <v>0.85</v>
      </c>
      <c r="D1133">
        <f t="shared" si="19"/>
        <v>1</v>
      </c>
    </row>
    <row r="1134" spans="1:4" x14ac:dyDescent="0.25">
      <c r="A1134" t="s">
        <v>14</v>
      </c>
      <c r="B1134">
        <v>0.28999999999999998</v>
      </c>
      <c r="C1134">
        <v>0.32</v>
      </c>
      <c r="D1134">
        <f t="shared" si="19"/>
        <v>3</v>
      </c>
    </row>
    <row r="1135" spans="1:4" x14ac:dyDescent="0.25">
      <c r="A1135" t="s">
        <v>19</v>
      </c>
      <c r="B1135">
        <v>0.74</v>
      </c>
      <c r="C1135">
        <v>0.78</v>
      </c>
      <c r="D1135">
        <f t="shared" si="19"/>
        <v>3</v>
      </c>
    </row>
    <row r="1136" spans="1:4" x14ac:dyDescent="0.25">
      <c r="A1136" t="s">
        <v>21</v>
      </c>
      <c r="B1136">
        <v>0.2</v>
      </c>
      <c r="C1136">
        <v>0.33</v>
      </c>
      <c r="D1136">
        <f t="shared" si="19"/>
        <v>2</v>
      </c>
    </row>
    <row r="1137" spans="1:4" x14ac:dyDescent="0.25">
      <c r="A1137" t="s">
        <v>11</v>
      </c>
      <c r="B1137">
        <v>0.31</v>
      </c>
      <c r="C1137">
        <v>0.76</v>
      </c>
      <c r="D1137">
        <f t="shared" si="19"/>
        <v>1</v>
      </c>
    </row>
    <row r="1138" spans="1:4" x14ac:dyDescent="0.25">
      <c r="A1138" t="s">
        <v>20</v>
      </c>
      <c r="B1138">
        <v>0.24</v>
      </c>
      <c r="C1138">
        <v>0.6</v>
      </c>
      <c r="D1138">
        <f t="shared" si="19"/>
        <v>3</v>
      </c>
    </row>
    <row r="1139" spans="1:4" x14ac:dyDescent="0.25">
      <c r="A1139" t="s">
        <v>17</v>
      </c>
      <c r="B1139">
        <v>0.56999999999999995</v>
      </c>
      <c r="C1139">
        <v>0.24</v>
      </c>
      <c r="D1139">
        <f t="shared" si="19"/>
        <v>3</v>
      </c>
    </row>
    <row r="1140" spans="1:4" x14ac:dyDescent="0.25">
      <c r="A1140" t="s">
        <v>26</v>
      </c>
      <c r="B1140">
        <v>0.04</v>
      </c>
      <c r="C1140">
        <v>0.15</v>
      </c>
      <c r="D1140">
        <f t="shared" si="19"/>
        <v>3</v>
      </c>
    </row>
    <row r="1141" spans="1:4" x14ac:dyDescent="0.25">
      <c r="A1141" t="s">
        <v>18</v>
      </c>
      <c r="B1141">
        <v>0.81</v>
      </c>
      <c r="C1141">
        <v>0.57999999999999996</v>
      </c>
      <c r="D1141">
        <f t="shared" si="19"/>
        <v>1</v>
      </c>
    </row>
    <row r="1142" spans="1:4" x14ac:dyDescent="0.25">
      <c r="A1142" t="s">
        <v>16</v>
      </c>
      <c r="B1142">
        <v>0.57999999999999996</v>
      </c>
      <c r="C1142">
        <v>0.34</v>
      </c>
      <c r="D1142">
        <f t="shared" si="19"/>
        <v>3</v>
      </c>
    </row>
    <row r="1143" spans="1:4" x14ac:dyDescent="0.25">
      <c r="A1143" t="s">
        <v>11</v>
      </c>
      <c r="B1143">
        <v>0.62</v>
      </c>
      <c r="C1143">
        <v>0.91</v>
      </c>
      <c r="D1143">
        <f t="shared" si="19"/>
        <v>1</v>
      </c>
    </row>
    <row r="1144" spans="1:4" x14ac:dyDescent="0.25">
      <c r="A1144" t="s">
        <v>11</v>
      </c>
      <c r="B1144">
        <v>7.0000000000000007E-2</v>
      </c>
      <c r="C1144">
        <v>0.72</v>
      </c>
      <c r="D1144">
        <f t="shared" si="19"/>
        <v>1</v>
      </c>
    </row>
    <row r="1145" spans="1:4" x14ac:dyDescent="0.25">
      <c r="A1145" t="s">
        <v>11</v>
      </c>
      <c r="B1145">
        <v>0.56000000000000005</v>
      </c>
      <c r="C1145">
        <v>0.76</v>
      </c>
      <c r="D1145">
        <f t="shared" si="19"/>
        <v>1</v>
      </c>
    </row>
    <row r="1146" spans="1:4" x14ac:dyDescent="0.25">
      <c r="A1146" t="s">
        <v>7</v>
      </c>
      <c r="B1146">
        <v>0.88</v>
      </c>
      <c r="C1146">
        <v>0.82</v>
      </c>
      <c r="D1146">
        <f t="shared" si="19"/>
        <v>1</v>
      </c>
    </row>
    <row r="1147" spans="1:4" x14ac:dyDescent="0.25">
      <c r="A1147" t="s">
        <v>14</v>
      </c>
      <c r="B1147">
        <v>0.05</v>
      </c>
      <c r="C1147">
        <v>0.46</v>
      </c>
      <c r="D1147">
        <f t="shared" si="19"/>
        <v>3</v>
      </c>
    </row>
    <row r="1148" spans="1:4" x14ac:dyDescent="0.25">
      <c r="A1148" t="s">
        <v>16</v>
      </c>
      <c r="B1148">
        <v>0.91</v>
      </c>
      <c r="C1148">
        <v>0.57999999999999996</v>
      </c>
      <c r="D1148">
        <f t="shared" si="19"/>
        <v>3</v>
      </c>
    </row>
    <row r="1149" spans="1:4" x14ac:dyDescent="0.25">
      <c r="A1149" t="s">
        <v>22</v>
      </c>
      <c r="B1149">
        <v>0.31</v>
      </c>
      <c r="C1149">
        <v>0.47</v>
      </c>
      <c r="D1149">
        <f t="shared" si="19"/>
        <v>1</v>
      </c>
    </row>
    <row r="1150" spans="1:4" x14ac:dyDescent="0.25">
      <c r="A1150" t="s">
        <v>19</v>
      </c>
      <c r="B1150">
        <v>0.16</v>
      </c>
      <c r="C1150">
        <v>0.93</v>
      </c>
      <c r="D1150">
        <f t="shared" si="19"/>
        <v>3</v>
      </c>
    </row>
    <row r="1151" spans="1:4" x14ac:dyDescent="0.25">
      <c r="A1151" t="s">
        <v>29</v>
      </c>
      <c r="B1151">
        <v>0.82</v>
      </c>
      <c r="C1151">
        <v>0.11</v>
      </c>
      <c r="D1151">
        <f t="shared" si="19"/>
        <v>1</v>
      </c>
    </row>
    <row r="1152" spans="1:4" x14ac:dyDescent="0.25">
      <c r="A1152" t="s">
        <v>13</v>
      </c>
      <c r="B1152">
        <v>0.25</v>
      </c>
      <c r="C1152">
        <v>0.48</v>
      </c>
      <c r="D1152">
        <f t="shared" si="19"/>
        <v>3</v>
      </c>
    </row>
    <row r="1153" spans="1:4" x14ac:dyDescent="0.25">
      <c r="A1153" t="s">
        <v>25</v>
      </c>
      <c r="B1153">
        <v>0.99</v>
      </c>
      <c r="C1153">
        <v>0.93</v>
      </c>
      <c r="D1153">
        <f t="shared" si="19"/>
        <v>3</v>
      </c>
    </row>
    <row r="1154" spans="1:4" x14ac:dyDescent="0.25">
      <c r="A1154" t="s">
        <v>22</v>
      </c>
      <c r="B1154">
        <v>0.26</v>
      </c>
      <c r="C1154">
        <v>0.46</v>
      </c>
      <c r="D1154">
        <f t="shared" si="19"/>
        <v>1</v>
      </c>
    </row>
    <row r="1155" spans="1:4" x14ac:dyDescent="0.25">
      <c r="A1155" t="s">
        <v>11</v>
      </c>
      <c r="B1155">
        <v>0.62</v>
      </c>
      <c r="C1155">
        <v>0.74</v>
      </c>
      <c r="D1155">
        <f t="shared" ref="D1155:D1218" si="20">VLOOKUP(A1155,$G$2:$H$21,2)</f>
        <v>1</v>
      </c>
    </row>
    <row r="1156" spans="1:4" x14ac:dyDescent="0.25">
      <c r="A1156" t="s">
        <v>22</v>
      </c>
      <c r="B1156">
        <v>0.28999999999999998</v>
      </c>
      <c r="C1156">
        <v>0.57999999999999996</v>
      </c>
      <c r="D1156">
        <f t="shared" si="20"/>
        <v>1</v>
      </c>
    </row>
    <row r="1157" spans="1:4" x14ac:dyDescent="0.25">
      <c r="A1157" t="s">
        <v>22</v>
      </c>
      <c r="B1157">
        <v>0.32</v>
      </c>
      <c r="C1157">
        <v>0.46</v>
      </c>
      <c r="D1157">
        <f t="shared" si="20"/>
        <v>1</v>
      </c>
    </row>
    <row r="1158" spans="1:4" x14ac:dyDescent="0.25">
      <c r="A1158" t="s">
        <v>20</v>
      </c>
      <c r="B1158">
        <v>0.66</v>
      </c>
      <c r="C1158">
        <v>0.47</v>
      </c>
      <c r="D1158">
        <f t="shared" si="20"/>
        <v>3</v>
      </c>
    </row>
    <row r="1159" spans="1:4" x14ac:dyDescent="0.25">
      <c r="A1159" t="s">
        <v>16</v>
      </c>
      <c r="B1159">
        <v>0.53</v>
      </c>
      <c r="C1159">
        <v>0.55000000000000004</v>
      </c>
      <c r="D1159">
        <f t="shared" si="20"/>
        <v>3</v>
      </c>
    </row>
    <row r="1160" spans="1:4" x14ac:dyDescent="0.25">
      <c r="A1160" t="s">
        <v>17</v>
      </c>
      <c r="B1160">
        <v>0.2</v>
      </c>
      <c r="C1160">
        <v>0.26</v>
      </c>
      <c r="D1160">
        <f t="shared" si="20"/>
        <v>3</v>
      </c>
    </row>
    <row r="1161" spans="1:4" x14ac:dyDescent="0.25">
      <c r="A1161" t="s">
        <v>17</v>
      </c>
      <c r="B1161">
        <v>0.59</v>
      </c>
      <c r="C1161">
        <v>0.09</v>
      </c>
      <c r="D1161">
        <f t="shared" si="20"/>
        <v>3</v>
      </c>
    </row>
    <row r="1162" spans="1:4" x14ac:dyDescent="0.25">
      <c r="A1162" t="s">
        <v>27</v>
      </c>
      <c r="B1162">
        <v>0.95</v>
      </c>
      <c r="C1162">
        <v>0.75</v>
      </c>
      <c r="D1162">
        <f t="shared" si="20"/>
        <v>3</v>
      </c>
    </row>
    <row r="1163" spans="1:4" x14ac:dyDescent="0.25">
      <c r="A1163" t="s">
        <v>28</v>
      </c>
      <c r="B1163">
        <v>0.1</v>
      </c>
      <c r="C1163">
        <v>0.42</v>
      </c>
      <c r="D1163">
        <f t="shared" si="20"/>
        <v>3</v>
      </c>
    </row>
    <row r="1164" spans="1:4" x14ac:dyDescent="0.25">
      <c r="A1164" t="s">
        <v>11</v>
      </c>
      <c r="B1164">
        <v>0.18</v>
      </c>
      <c r="C1164">
        <v>0.8</v>
      </c>
      <c r="D1164">
        <f t="shared" si="20"/>
        <v>1</v>
      </c>
    </row>
    <row r="1165" spans="1:4" x14ac:dyDescent="0.25">
      <c r="A1165" t="s">
        <v>13</v>
      </c>
      <c r="B1165">
        <v>0.03</v>
      </c>
      <c r="C1165">
        <v>0.6</v>
      </c>
      <c r="D1165">
        <f t="shared" si="20"/>
        <v>3</v>
      </c>
    </row>
    <row r="1166" spans="1:4" x14ac:dyDescent="0.25">
      <c r="A1166" t="s">
        <v>25</v>
      </c>
      <c r="B1166">
        <v>0.76</v>
      </c>
      <c r="C1166">
        <v>0.76</v>
      </c>
      <c r="D1166">
        <f t="shared" si="20"/>
        <v>3</v>
      </c>
    </row>
    <row r="1167" spans="1:4" x14ac:dyDescent="0.25">
      <c r="A1167" t="s">
        <v>28</v>
      </c>
      <c r="B1167">
        <v>0.14000000000000001</v>
      </c>
      <c r="C1167">
        <v>0.49</v>
      </c>
      <c r="D1167">
        <f t="shared" si="20"/>
        <v>3</v>
      </c>
    </row>
    <row r="1168" spans="1:4" x14ac:dyDescent="0.25">
      <c r="A1168" t="s">
        <v>7</v>
      </c>
      <c r="B1168">
        <v>0.87</v>
      </c>
      <c r="C1168">
        <v>0.79</v>
      </c>
      <c r="D1168">
        <f t="shared" si="20"/>
        <v>1</v>
      </c>
    </row>
    <row r="1169" spans="1:4" x14ac:dyDescent="0.25">
      <c r="A1169" t="s">
        <v>17</v>
      </c>
      <c r="B1169">
        <v>0.75</v>
      </c>
      <c r="C1169">
        <v>0.17</v>
      </c>
      <c r="D1169">
        <f t="shared" si="20"/>
        <v>3</v>
      </c>
    </row>
    <row r="1170" spans="1:4" x14ac:dyDescent="0.25">
      <c r="A1170" t="s">
        <v>23</v>
      </c>
      <c r="B1170">
        <v>0.59</v>
      </c>
      <c r="C1170">
        <v>0.68</v>
      </c>
      <c r="D1170">
        <f t="shared" si="20"/>
        <v>1</v>
      </c>
    </row>
    <row r="1171" spans="1:4" x14ac:dyDescent="0.25">
      <c r="A1171" t="s">
        <v>22</v>
      </c>
      <c r="B1171">
        <v>0.16</v>
      </c>
      <c r="C1171">
        <v>0.63</v>
      </c>
      <c r="D1171">
        <f t="shared" si="20"/>
        <v>1</v>
      </c>
    </row>
    <row r="1172" spans="1:4" x14ac:dyDescent="0.25">
      <c r="A1172" t="s">
        <v>18</v>
      </c>
      <c r="B1172">
        <v>0.59</v>
      </c>
      <c r="C1172">
        <v>0.43</v>
      </c>
      <c r="D1172">
        <f t="shared" si="20"/>
        <v>1</v>
      </c>
    </row>
    <row r="1173" spans="1:4" x14ac:dyDescent="0.25">
      <c r="A1173" t="s">
        <v>25</v>
      </c>
      <c r="B1173">
        <v>0.84</v>
      </c>
      <c r="C1173">
        <v>0.92</v>
      </c>
      <c r="D1173">
        <f t="shared" si="20"/>
        <v>3</v>
      </c>
    </row>
    <row r="1174" spans="1:4" x14ac:dyDescent="0.25">
      <c r="A1174" t="s">
        <v>27</v>
      </c>
      <c r="B1174">
        <v>7.0000000000000007E-2</v>
      </c>
      <c r="C1174">
        <v>0.94</v>
      </c>
      <c r="D1174">
        <f t="shared" si="20"/>
        <v>3</v>
      </c>
    </row>
    <row r="1175" spans="1:4" x14ac:dyDescent="0.25">
      <c r="A1175" t="s">
        <v>27</v>
      </c>
      <c r="B1175">
        <v>0.06</v>
      </c>
      <c r="C1175">
        <v>0.84</v>
      </c>
      <c r="D1175">
        <f t="shared" si="20"/>
        <v>3</v>
      </c>
    </row>
    <row r="1176" spans="1:4" x14ac:dyDescent="0.25">
      <c r="A1176" t="s">
        <v>29</v>
      </c>
      <c r="B1176">
        <v>0.24</v>
      </c>
      <c r="C1176">
        <v>0.08</v>
      </c>
      <c r="D1176">
        <f t="shared" si="20"/>
        <v>1</v>
      </c>
    </row>
    <row r="1177" spans="1:4" x14ac:dyDescent="0.25">
      <c r="A1177" t="s">
        <v>11</v>
      </c>
      <c r="B1177">
        <v>0.63</v>
      </c>
      <c r="C1177">
        <v>0.91</v>
      </c>
      <c r="D1177">
        <f t="shared" si="20"/>
        <v>1</v>
      </c>
    </row>
    <row r="1178" spans="1:4" x14ac:dyDescent="0.25">
      <c r="A1178" t="s">
        <v>15</v>
      </c>
      <c r="B1178">
        <v>0.53</v>
      </c>
      <c r="C1178">
        <v>0.18</v>
      </c>
      <c r="D1178">
        <f t="shared" si="20"/>
        <v>3</v>
      </c>
    </row>
    <row r="1179" spans="1:4" x14ac:dyDescent="0.25">
      <c r="A1179" t="s">
        <v>15</v>
      </c>
      <c r="B1179">
        <v>0.19</v>
      </c>
      <c r="C1179">
        <v>0.08</v>
      </c>
      <c r="D1179">
        <f t="shared" si="20"/>
        <v>3</v>
      </c>
    </row>
    <row r="1180" spans="1:4" x14ac:dyDescent="0.25">
      <c r="A1180" t="s">
        <v>14</v>
      </c>
      <c r="B1180">
        <v>0.22</v>
      </c>
      <c r="C1180">
        <v>0.42</v>
      </c>
      <c r="D1180">
        <f t="shared" si="20"/>
        <v>3</v>
      </c>
    </row>
    <row r="1181" spans="1:4" x14ac:dyDescent="0.25">
      <c r="A1181" t="s">
        <v>30</v>
      </c>
      <c r="B1181">
        <v>0.85</v>
      </c>
      <c r="C1181">
        <v>0.56000000000000005</v>
      </c>
      <c r="D1181">
        <f t="shared" si="20"/>
        <v>3</v>
      </c>
    </row>
    <row r="1182" spans="1:4" x14ac:dyDescent="0.25">
      <c r="A1182" t="s">
        <v>26</v>
      </c>
      <c r="B1182">
        <v>0.68</v>
      </c>
      <c r="C1182">
        <v>0.1</v>
      </c>
      <c r="D1182">
        <f t="shared" si="20"/>
        <v>3</v>
      </c>
    </row>
    <row r="1183" spans="1:4" x14ac:dyDescent="0.25">
      <c r="A1183" t="s">
        <v>14</v>
      </c>
      <c r="B1183">
        <v>0.18</v>
      </c>
      <c r="C1183">
        <v>0.32</v>
      </c>
      <c r="D1183">
        <f t="shared" si="20"/>
        <v>3</v>
      </c>
    </row>
    <row r="1184" spans="1:4" x14ac:dyDescent="0.25">
      <c r="A1184" t="s">
        <v>18</v>
      </c>
      <c r="B1184">
        <v>0.15</v>
      </c>
      <c r="C1184">
        <v>0.5</v>
      </c>
      <c r="D1184">
        <f t="shared" si="20"/>
        <v>1</v>
      </c>
    </row>
    <row r="1185" spans="1:4" x14ac:dyDescent="0.25">
      <c r="A1185" t="s">
        <v>28</v>
      </c>
      <c r="B1185">
        <v>0.5</v>
      </c>
      <c r="C1185">
        <v>0.68</v>
      </c>
      <c r="D1185">
        <f t="shared" si="20"/>
        <v>3</v>
      </c>
    </row>
    <row r="1186" spans="1:4" x14ac:dyDescent="0.25">
      <c r="A1186" t="s">
        <v>20</v>
      </c>
      <c r="B1186">
        <v>0.22</v>
      </c>
      <c r="C1186">
        <v>0.6</v>
      </c>
      <c r="D1186">
        <f t="shared" si="20"/>
        <v>3</v>
      </c>
    </row>
    <row r="1187" spans="1:4" x14ac:dyDescent="0.25">
      <c r="A1187" t="s">
        <v>23</v>
      </c>
      <c r="B1187">
        <v>1</v>
      </c>
      <c r="C1187">
        <v>0.55000000000000004</v>
      </c>
      <c r="D1187">
        <f t="shared" si="20"/>
        <v>1</v>
      </c>
    </row>
    <row r="1188" spans="1:4" x14ac:dyDescent="0.25">
      <c r="A1188" t="s">
        <v>16</v>
      </c>
      <c r="B1188">
        <v>0.3</v>
      </c>
      <c r="C1188">
        <v>0.52</v>
      </c>
      <c r="D1188">
        <f t="shared" si="20"/>
        <v>3</v>
      </c>
    </row>
    <row r="1189" spans="1:4" x14ac:dyDescent="0.25">
      <c r="A1189" t="s">
        <v>20</v>
      </c>
      <c r="B1189">
        <v>0.85</v>
      </c>
      <c r="C1189">
        <v>0.36</v>
      </c>
      <c r="D1189">
        <f t="shared" si="20"/>
        <v>3</v>
      </c>
    </row>
    <row r="1190" spans="1:4" x14ac:dyDescent="0.25">
      <c r="A1190" t="s">
        <v>26</v>
      </c>
      <c r="B1190">
        <v>0.96</v>
      </c>
      <c r="C1190">
        <v>0.12</v>
      </c>
      <c r="D1190">
        <f t="shared" si="20"/>
        <v>3</v>
      </c>
    </row>
    <row r="1191" spans="1:4" x14ac:dyDescent="0.25">
      <c r="A1191" t="s">
        <v>27</v>
      </c>
      <c r="B1191">
        <v>0.79</v>
      </c>
      <c r="C1191">
        <v>0.84</v>
      </c>
      <c r="D1191">
        <f t="shared" si="20"/>
        <v>3</v>
      </c>
    </row>
    <row r="1192" spans="1:4" x14ac:dyDescent="0.25">
      <c r="A1192" t="s">
        <v>11</v>
      </c>
      <c r="B1192">
        <v>0.79</v>
      </c>
      <c r="C1192">
        <v>0.75</v>
      </c>
      <c r="D1192">
        <f t="shared" si="20"/>
        <v>1</v>
      </c>
    </row>
    <row r="1193" spans="1:4" x14ac:dyDescent="0.25">
      <c r="A1193" t="s">
        <v>13</v>
      </c>
      <c r="B1193">
        <v>0.43</v>
      </c>
      <c r="C1193">
        <v>0.51</v>
      </c>
      <c r="D1193">
        <f t="shared" si="20"/>
        <v>3</v>
      </c>
    </row>
    <row r="1194" spans="1:4" x14ac:dyDescent="0.25">
      <c r="A1194" t="s">
        <v>15</v>
      </c>
      <c r="B1194">
        <v>0.86</v>
      </c>
      <c r="C1194">
        <v>0.21</v>
      </c>
      <c r="D1194">
        <f t="shared" si="20"/>
        <v>3</v>
      </c>
    </row>
    <row r="1195" spans="1:4" x14ac:dyDescent="0.25">
      <c r="A1195" t="s">
        <v>30</v>
      </c>
      <c r="B1195">
        <v>0.28999999999999998</v>
      </c>
      <c r="C1195">
        <v>0.37</v>
      </c>
      <c r="D1195">
        <f t="shared" si="20"/>
        <v>3</v>
      </c>
    </row>
    <row r="1196" spans="1:4" x14ac:dyDescent="0.25">
      <c r="A1196" t="s">
        <v>22</v>
      </c>
      <c r="B1196">
        <v>0.31</v>
      </c>
      <c r="C1196">
        <v>0.53</v>
      </c>
      <c r="D1196">
        <f t="shared" si="20"/>
        <v>1</v>
      </c>
    </row>
    <row r="1197" spans="1:4" x14ac:dyDescent="0.25">
      <c r="A1197" t="s">
        <v>18</v>
      </c>
      <c r="B1197">
        <v>0.76</v>
      </c>
      <c r="C1197">
        <v>0.56000000000000005</v>
      </c>
      <c r="D1197">
        <f t="shared" si="20"/>
        <v>1</v>
      </c>
    </row>
    <row r="1198" spans="1:4" x14ac:dyDescent="0.25">
      <c r="A1198" t="s">
        <v>26</v>
      </c>
      <c r="B1198">
        <v>0.12</v>
      </c>
      <c r="C1198">
        <v>7.0000000000000007E-2</v>
      </c>
      <c r="D1198">
        <f t="shared" si="20"/>
        <v>3</v>
      </c>
    </row>
    <row r="1199" spans="1:4" x14ac:dyDescent="0.25">
      <c r="A1199" t="s">
        <v>20</v>
      </c>
      <c r="B1199">
        <v>0.85</v>
      </c>
      <c r="C1199">
        <v>0.6</v>
      </c>
      <c r="D1199">
        <f t="shared" si="20"/>
        <v>3</v>
      </c>
    </row>
    <row r="1200" spans="1:4" x14ac:dyDescent="0.25">
      <c r="A1200" t="s">
        <v>14</v>
      </c>
      <c r="B1200">
        <v>0.99</v>
      </c>
      <c r="C1200">
        <v>0.31</v>
      </c>
      <c r="D1200">
        <f t="shared" si="20"/>
        <v>3</v>
      </c>
    </row>
    <row r="1201" spans="1:4" x14ac:dyDescent="0.25">
      <c r="A1201" t="s">
        <v>21</v>
      </c>
      <c r="B1201">
        <v>0.67</v>
      </c>
      <c r="C1201">
        <v>0.66</v>
      </c>
      <c r="D1201">
        <f t="shared" si="20"/>
        <v>2</v>
      </c>
    </row>
    <row r="1202" spans="1:4" x14ac:dyDescent="0.25">
      <c r="A1202" t="s">
        <v>27</v>
      </c>
      <c r="B1202">
        <v>0.59</v>
      </c>
      <c r="C1202">
        <v>0.81</v>
      </c>
      <c r="D1202">
        <f t="shared" si="20"/>
        <v>3</v>
      </c>
    </row>
    <row r="1203" spans="1:4" x14ac:dyDescent="0.25">
      <c r="A1203" t="s">
        <v>20</v>
      </c>
      <c r="B1203">
        <v>0.36</v>
      </c>
      <c r="C1203">
        <v>0.65</v>
      </c>
      <c r="D1203">
        <f t="shared" si="20"/>
        <v>3</v>
      </c>
    </row>
    <row r="1204" spans="1:4" x14ac:dyDescent="0.25">
      <c r="A1204" t="s">
        <v>14</v>
      </c>
      <c r="B1204">
        <v>0.66</v>
      </c>
      <c r="C1204">
        <v>0.38</v>
      </c>
      <c r="D1204">
        <f t="shared" si="20"/>
        <v>3</v>
      </c>
    </row>
    <row r="1205" spans="1:4" x14ac:dyDescent="0.25">
      <c r="A1205" t="s">
        <v>21</v>
      </c>
      <c r="B1205">
        <v>0.92</v>
      </c>
      <c r="C1205">
        <v>0.41</v>
      </c>
      <c r="D1205">
        <f t="shared" si="20"/>
        <v>2</v>
      </c>
    </row>
    <row r="1206" spans="1:4" x14ac:dyDescent="0.25">
      <c r="A1206" t="s">
        <v>18</v>
      </c>
      <c r="B1206">
        <v>0.52</v>
      </c>
      <c r="C1206">
        <v>0.31</v>
      </c>
      <c r="D1206">
        <f t="shared" si="20"/>
        <v>1</v>
      </c>
    </row>
    <row r="1207" spans="1:4" x14ac:dyDescent="0.25">
      <c r="A1207" t="s">
        <v>17</v>
      </c>
      <c r="B1207">
        <v>0.97</v>
      </c>
      <c r="C1207">
        <v>0.17</v>
      </c>
      <c r="D1207">
        <f t="shared" si="20"/>
        <v>3</v>
      </c>
    </row>
    <row r="1208" spans="1:4" x14ac:dyDescent="0.25">
      <c r="A1208" t="s">
        <v>21</v>
      </c>
      <c r="B1208">
        <v>0.24</v>
      </c>
      <c r="C1208">
        <v>0.49</v>
      </c>
      <c r="D1208">
        <f t="shared" si="20"/>
        <v>2</v>
      </c>
    </row>
    <row r="1209" spans="1:4" x14ac:dyDescent="0.25">
      <c r="A1209" t="s">
        <v>13</v>
      </c>
      <c r="B1209">
        <v>0.35</v>
      </c>
      <c r="C1209">
        <v>0.64</v>
      </c>
      <c r="D1209">
        <f t="shared" si="20"/>
        <v>3</v>
      </c>
    </row>
    <row r="1210" spans="1:4" x14ac:dyDescent="0.25">
      <c r="A1210" t="s">
        <v>30</v>
      </c>
      <c r="B1210">
        <v>0.65</v>
      </c>
      <c r="C1210">
        <v>0.43</v>
      </c>
      <c r="D1210">
        <f t="shared" si="20"/>
        <v>3</v>
      </c>
    </row>
    <row r="1211" spans="1:4" x14ac:dyDescent="0.25">
      <c r="A1211" t="s">
        <v>14</v>
      </c>
      <c r="B1211">
        <v>0.82</v>
      </c>
      <c r="C1211">
        <v>0.34</v>
      </c>
      <c r="D1211">
        <f t="shared" si="20"/>
        <v>3</v>
      </c>
    </row>
    <row r="1212" spans="1:4" x14ac:dyDescent="0.25">
      <c r="A1212" t="s">
        <v>16</v>
      </c>
      <c r="B1212">
        <v>0.33</v>
      </c>
      <c r="C1212">
        <v>0.54</v>
      </c>
      <c r="D1212">
        <f t="shared" si="20"/>
        <v>3</v>
      </c>
    </row>
    <row r="1213" spans="1:4" x14ac:dyDescent="0.25">
      <c r="A1213" t="s">
        <v>7</v>
      </c>
      <c r="B1213">
        <v>0.72</v>
      </c>
      <c r="C1213">
        <v>0.86</v>
      </c>
      <c r="D1213">
        <f t="shared" si="20"/>
        <v>1</v>
      </c>
    </row>
    <row r="1214" spans="1:4" x14ac:dyDescent="0.25">
      <c r="A1214" t="s">
        <v>27</v>
      </c>
      <c r="B1214">
        <v>0.2</v>
      </c>
      <c r="C1214">
        <v>0.83</v>
      </c>
      <c r="D1214">
        <f t="shared" si="20"/>
        <v>3</v>
      </c>
    </row>
    <row r="1215" spans="1:4" x14ac:dyDescent="0.25">
      <c r="A1215" t="s">
        <v>29</v>
      </c>
      <c r="B1215">
        <v>0.55000000000000004</v>
      </c>
      <c r="C1215">
        <v>0.24</v>
      </c>
      <c r="D1215">
        <f t="shared" si="20"/>
        <v>1</v>
      </c>
    </row>
    <row r="1216" spans="1:4" x14ac:dyDescent="0.25">
      <c r="A1216" t="s">
        <v>22</v>
      </c>
      <c r="B1216">
        <v>0.46</v>
      </c>
      <c r="C1216">
        <v>0.34</v>
      </c>
      <c r="D1216">
        <f t="shared" si="20"/>
        <v>1</v>
      </c>
    </row>
    <row r="1217" spans="1:4" x14ac:dyDescent="0.25">
      <c r="A1217" t="s">
        <v>22</v>
      </c>
      <c r="B1217">
        <v>0.86</v>
      </c>
      <c r="C1217">
        <v>0.6</v>
      </c>
      <c r="D1217">
        <f t="shared" si="20"/>
        <v>1</v>
      </c>
    </row>
    <row r="1218" spans="1:4" x14ac:dyDescent="0.25">
      <c r="A1218" t="s">
        <v>18</v>
      </c>
      <c r="B1218">
        <v>0.73</v>
      </c>
      <c r="C1218">
        <v>0.6</v>
      </c>
      <c r="D1218">
        <f t="shared" si="20"/>
        <v>1</v>
      </c>
    </row>
    <row r="1219" spans="1:4" x14ac:dyDescent="0.25">
      <c r="A1219" t="s">
        <v>14</v>
      </c>
      <c r="B1219">
        <v>0.17</v>
      </c>
      <c r="C1219">
        <v>0.49</v>
      </c>
      <c r="D1219">
        <f t="shared" ref="D1219:D1282" si="21">VLOOKUP(A1219,$G$2:$H$21,2)</f>
        <v>3</v>
      </c>
    </row>
    <row r="1220" spans="1:4" x14ac:dyDescent="0.25">
      <c r="A1220" t="s">
        <v>18</v>
      </c>
      <c r="B1220">
        <v>0.56000000000000005</v>
      </c>
      <c r="C1220">
        <v>0.62</v>
      </c>
      <c r="D1220">
        <f t="shared" si="21"/>
        <v>1</v>
      </c>
    </row>
    <row r="1221" spans="1:4" x14ac:dyDescent="0.25">
      <c r="A1221" t="s">
        <v>23</v>
      </c>
      <c r="B1221">
        <v>0.51</v>
      </c>
      <c r="C1221">
        <v>0.7</v>
      </c>
      <c r="D1221">
        <f t="shared" si="21"/>
        <v>1</v>
      </c>
    </row>
    <row r="1222" spans="1:4" x14ac:dyDescent="0.25">
      <c r="A1222" t="s">
        <v>26</v>
      </c>
      <c r="B1222">
        <v>0.9</v>
      </c>
      <c r="C1222">
        <v>0.22</v>
      </c>
      <c r="D1222">
        <f t="shared" si="21"/>
        <v>3</v>
      </c>
    </row>
    <row r="1223" spans="1:4" x14ac:dyDescent="0.25">
      <c r="A1223" t="s">
        <v>17</v>
      </c>
      <c r="B1223">
        <v>0.76</v>
      </c>
      <c r="C1223">
        <v>0.28999999999999998</v>
      </c>
      <c r="D1223">
        <f t="shared" si="21"/>
        <v>3</v>
      </c>
    </row>
    <row r="1224" spans="1:4" x14ac:dyDescent="0.25">
      <c r="A1224" t="s">
        <v>14</v>
      </c>
      <c r="B1224">
        <v>0.35</v>
      </c>
      <c r="C1224">
        <v>0.36</v>
      </c>
      <c r="D1224">
        <f t="shared" si="21"/>
        <v>3</v>
      </c>
    </row>
    <row r="1225" spans="1:4" x14ac:dyDescent="0.25">
      <c r="A1225" t="s">
        <v>15</v>
      </c>
      <c r="B1225">
        <v>0.51</v>
      </c>
      <c r="C1225">
        <v>0.24</v>
      </c>
      <c r="D1225">
        <f t="shared" si="21"/>
        <v>3</v>
      </c>
    </row>
    <row r="1226" spans="1:4" x14ac:dyDescent="0.25">
      <c r="A1226" t="s">
        <v>25</v>
      </c>
      <c r="B1226">
        <v>0.03</v>
      </c>
      <c r="C1226">
        <v>0.93</v>
      </c>
      <c r="D1226">
        <f t="shared" si="21"/>
        <v>3</v>
      </c>
    </row>
    <row r="1227" spans="1:4" x14ac:dyDescent="0.25">
      <c r="A1227" t="s">
        <v>15</v>
      </c>
      <c r="B1227">
        <v>0.77</v>
      </c>
      <c r="C1227">
        <v>0.1</v>
      </c>
      <c r="D1227">
        <f t="shared" si="21"/>
        <v>3</v>
      </c>
    </row>
    <row r="1228" spans="1:4" x14ac:dyDescent="0.25">
      <c r="A1228" t="s">
        <v>29</v>
      </c>
      <c r="B1228">
        <v>0.82</v>
      </c>
      <c r="C1228">
        <v>0.1</v>
      </c>
      <c r="D1228">
        <f t="shared" si="21"/>
        <v>1</v>
      </c>
    </row>
    <row r="1229" spans="1:4" x14ac:dyDescent="0.25">
      <c r="A1229" t="s">
        <v>13</v>
      </c>
      <c r="B1229">
        <v>0.75</v>
      </c>
      <c r="C1229">
        <v>0.66</v>
      </c>
      <c r="D1229">
        <f t="shared" si="21"/>
        <v>3</v>
      </c>
    </row>
    <row r="1230" spans="1:4" x14ac:dyDescent="0.25">
      <c r="A1230" t="s">
        <v>17</v>
      </c>
      <c r="B1230">
        <v>0.52</v>
      </c>
      <c r="C1230">
        <v>0.08</v>
      </c>
      <c r="D1230">
        <f t="shared" si="21"/>
        <v>3</v>
      </c>
    </row>
    <row r="1231" spans="1:4" x14ac:dyDescent="0.25">
      <c r="A1231" t="s">
        <v>13</v>
      </c>
      <c r="B1231">
        <v>0.45</v>
      </c>
      <c r="C1231">
        <v>0.4</v>
      </c>
      <c r="D1231">
        <f t="shared" si="21"/>
        <v>3</v>
      </c>
    </row>
    <row r="1232" spans="1:4" x14ac:dyDescent="0.25">
      <c r="A1232" t="s">
        <v>11</v>
      </c>
      <c r="B1232">
        <v>0.83</v>
      </c>
      <c r="C1232">
        <v>0.74</v>
      </c>
      <c r="D1232">
        <f t="shared" si="21"/>
        <v>1</v>
      </c>
    </row>
    <row r="1233" spans="1:4" x14ac:dyDescent="0.25">
      <c r="A1233" t="s">
        <v>14</v>
      </c>
      <c r="B1233">
        <v>0.9</v>
      </c>
      <c r="C1233">
        <v>0.45</v>
      </c>
      <c r="D1233">
        <f t="shared" si="21"/>
        <v>3</v>
      </c>
    </row>
    <row r="1234" spans="1:4" x14ac:dyDescent="0.25">
      <c r="A1234" t="s">
        <v>22</v>
      </c>
      <c r="B1234">
        <v>0.72</v>
      </c>
      <c r="C1234">
        <v>0.41</v>
      </c>
      <c r="D1234">
        <f t="shared" si="21"/>
        <v>1</v>
      </c>
    </row>
    <row r="1235" spans="1:4" x14ac:dyDescent="0.25">
      <c r="A1235" t="s">
        <v>25</v>
      </c>
      <c r="B1235">
        <v>0.44</v>
      </c>
      <c r="C1235">
        <v>0.82</v>
      </c>
      <c r="D1235">
        <f t="shared" si="21"/>
        <v>3</v>
      </c>
    </row>
    <row r="1236" spans="1:4" x14ac:dyDescent="0.25">
      <c r="A1236" t="s">
        <v>16</v>
      </c>
      <c r="B1236">
        <v>0.74</v>
      </c>
      <c r="C1236">
        <v>0.43</v>
      </c>
      <c r="D1236">
        <f t="shared" si="21"/>
        <v>3</v>
      </c>
    </row>
    <row r="1237" spans="1:4" x14ac:dyDescent="0.25">
      <c r="A1237" t="s">
        <v>22</v>
      </c>
      <c r="B1237">
        <v>0.64</v>
      </c>
      <c r="C1237">
        <v>0.35</v>
      </c>
      <c r="D1237">
        <f t="shared" si="21"/>
        <v>1</v>
      </c>
    </row>
    <row r="1238" spans="1:4" x14ac:dyDescent="0.25">
      <c r="A1238" t="s">
        <v>25</v>
      </c>
      <c r="B1238">
        <v>0.24</v>
      </c>
      <c r="C1238">
        <v>0.92</v>
      </c>
      <c r="D1238">
        <f t="shared" si="21"/>
        <v>3</v>
      </c>
    </row>
    <row r="1239" spans="1:4" x14ac:dyDescent="0.25">
      <c r="A1239" t="s">
        <v>28</v>
      </c>
      <c r="B1239">
        <v>0.76</v>
      </c>
      <c r="C1239">
        <v>0.56999999999999995</v>
      </c>
      <c r="D1239">
        <f t="shared" si="21"/>
        <v>3</v>
      </c>
    </row>
    <row r="1240" spans="1:4" x14ac:dyDescent="0.25">
      <c r="A1240" t="s">
        <v>7</v>
      </c>
      <c r="B1240">
        <v>0.4</v>
      </c>
      <c r="C1240">
        <v>0.86</v>
      </c>
      <c r="D1240">
        <f t="shared" si="21"/>
        <v>1</v>
      </c>
    </row>
    <row r="1241" spans="1:4" x14ac:dyDescent="0.25">
      <c r="A1241" t="s">
        <v>7</v>
      </c>
      <c r="B1241">
        <v>1</v>
      </c>
      <c r="C1241">
        <v>0.71</v>
      </c>
      <c r="D1241">
        <f t="shared" si="21"/>
        <v>1</v>
      </c>
    </row>
    <row r="1242" spans="1:4" x14ac:dyDescent="0.25">
      <c r="A1242" t="s">
        <v>21</v>
      </c>
      <c r="B1242">
        <v>0.78</v>
      </c>
      <c r="C1242">
        <v>0.48</v>
      </c>
      <c r="D1242">
        <f t="shared" si="21"/>
        <v>2</v>
      </c>
    </row>
    <row r="1243" spans="1:4" x14ac:dyDescent="0.25">
      <c r="A1243" t="s">
        <v>29</v>
      </c>
      <c r="B1243">
        <v>0.64</v>
      </c>
      <c r="C1243">
        <v>0.14000000000000001</v>
      </c>
      <c r="D1243">
        <f t="shared" si="21"/>
        <v>1</v>
      </c>
    </row>
    <row r="1244" spans="1:4" x14ac:dyDescent="0.25">
      <c r="A1244" t="s">
        <v>22</v>
      </c>
      <c r="B1244">
        <v>0.52</v>
      </c>
      <c r="C1244">
        <v>0.38</v>
      </c>
      <c r="D1244">
        <f t="shared" si="21"/>
        <v>1</v>
      </c>
    </row>
    <row r="1245" spans="1:4" x14ac:dyDescent="0.25">
      <c r="A1245" t="s">
        <v>21</v>
      </c>
      <c r="B1245">
        <v>0.81</v>
      </c>
      <c r="C1245">
        <v>0.45</v>
      </c>
      <c r="D1245">
        <f t="shared" si="21"/>
        <v>2</v>
      </c>
    </row>
    <row r="1246" spans="1:4" x14ac:dyDescent="0.25">
      <c r="A1246" t="s">
        <v>27</v>
      </c>
      <c r="B1246">
        <v>0.85</v>
      </c>
      <c r="C1246">
        <v>0.75</v>
      </c>
      <c r="D1246">
        <f t="shared" si="21"/>
        <v>3</v>
      </c>
    </row>
    <row r="1247" spans="1:4" x14ac:dyDescent="0.25">
      <c r="A1247" t="s">
        <v>21</v>
      </c>
      <c r="B1247">
        <v>0.41</v>
      </c>
      <c r="C1247">
        <v>0.32</v>
      </c>
      <c r="D1247">
        <f t="shared" si="21"/>
        <v>2</v>
      </c>
    </row>
    <row r="1248" spans="1:4" x14ac:dyDescent="0.25">
      <c r="A1248" t="s">
        <v>27</v>
      </c>
      <c r="B1248">
        <v>0.79</v>
      </c>
      <c r="C1248">
        <v>0.76</v>
      </c>
      <c r="D1248">
        <f t="shared" si="21"/>
        <v>3</v>
      </c>
    </row>
    <row r="1249" spans="1:4" x14ac:dyDescent="0.25">
      <c r="A1249" t="s">
        <v>28</v>
      </c>
      <c r="B1249">
        <v>0.09</v>
      </c>
      <c r="C1249">
        <v>0.55000000000000004</v>
      </c>
      <c r="D1249">
        <f t="shared" si="21"/>
        <v>3</v>
      </c>
    </row>
    <row r="1250" spans="1:4" x14ac:dyDescent="0.25">
      <c r="A1250" t="s">
        <v>13</v>
      </c>
      <c r="B1250">
        <v>0.83</v>
      </c>
      <c r="C1250">
        <v>0.51</v>
      </c>
      <c r="D1250">
        <f t="shared" si="21"/>
        <v>3</v>
      </c>
    </row>
    <row r="1251" spans="1:4" x14ac:dyDescent="0.25">
      <c r="A1251" t="s">
        <v>9</v>
      </c>
      <c r="B1251">
        <v>0.05</v>
      </c>
      <c r="C1251">
        <v>0.08</v>
      </c>
      <c r="D1251">
        <f t="shared" si="21"/>
        <v>3</v>
      </c>
    </row>
    <row r="1252" spans="1:4" x14ac:dyDescent="0.25">
      <c r="A1252" t="s">
        <v>22</v>
      </c>
      <c r="B1252">
        <v>0.87</v>
      </c>
      <c r="C1252">
        <v>0.67</v>
      </c>
      <c r="D1252">
        <f t="shared" si="21"/>
        <v>1</v>
      </c>
    </row>
    <row r="1253" spans="1:4" x14ac:dyDescent="0.25">
      <c r="A1253" t="s">
        <v>28</v>
      </c>
      <c r="B1253">
        <v>0.85</v>
      </c>
      <c r="C1253">
        <v>0.57999999999999996</v>
      </c>
      <c r="D1253">
        <f t="shared" si="21"/>
        <v>3</v>
      </c>
    </row>
    <row r="1254" spans="1:4" x14ac:dyDescent="0.25">
      <c r="A1254" t="s">
        <v>14</v>
      </c>
      <c r="B1254">
        <v>0.02</v>
      </c>
      <c r="C1254">
        <v>0.63</v>
      </c>
      <c r="D1254">
        <f t="shared" si="21"/>
        <v>3</v>
      </c>
    </row>
    <row r="1255" spans="1:4" x14ac:dyDescent="0.25">
      <c r="A1255" t="s">
        <v>13</v>
      </c>
      <c r="B1255">
        <v>0.71</v>
      </c>
      <c r="C1255">
        <v>0.37</v>
      </c>
      <c r="D1255">
        <f t="shared" si="21"/>
        <v>3</v>
      </c>
    </row>
    <row r="1256" spans="1:4" x14ac:dyDescent="0.25">
      <c r="A1256" t="s">
        <v>29</v>
      </c>
      <c r="B1256">
        <v>0.15</v>
      </c>
      <c r="C1256">
        <v>0.14000000000000001</v>
      </c>
      <c r="D1256">
        <f t="shared" si="21"/>
        <v>1</v>
      </c>
    </row>
    <row r="1257" spans="1:4" x14ac:dyDescent="0.25">
      <c r="A1257" t="s">
        <v>9</v>
      </c>
      <c r="B1257">
        <v>0.99</v>
      </c>
      <c r="C1257">
        <v>0.15</v>
      </c>
      <c r="D1257">
        <f t="shared" si="21"/>
        <v>3</v>
      </c>
    </row>
    <row r="1258" spans="1:4" x14ac:dyDescent="0.25">
      <c r="A1258" t="s">
        <v>13</v>
      </c>
      <c r="B1258">
        <v>0.68</v>
      </c>
      <c r="C1258">
        <v>0.62</v>
      </c>
      <c r="D1258">
        <f t="shared" si="21"/>
        <v>3</v>
      </c>
    </row>
    <row r="1259" spans="1:4" x14ac:dyDescent="0.25">
      <c r="A1259" t="s">
        <v>11</v>
      </c>
      <c r="B1259">
        <v>0.59</v>
      </c>
      <c r="C1259">
        <v>0.74</v>
      </c>
      <c r="D1259">
        <f t="shared" si="21"/>
        <v>1</v>
      </c>
    </row>
    <row r="1260" spans="1:4" x14ac:dyDescent="0.25">
      <c r="A1260" t="s">
        <v>25</v>
      </c>
      <c r="B1260">
        <v>0.64</v>
      </c>
      <c r="C1260">
        <v>0.9</v>
      </c>
      <c r="D1260">
        <f t="shared" si="21"/>
        <v>3</v>
      </c>
    </row>
    <row r="1261" spans="1:4" x14ac:dyDescent="0.25">
      <c r="A1261" t="s">
        <v>20</v>
      </c>
      <c r="B1261">
        <v>0.86</v>
      </c>
      <c r="C1261">
        <v>0.42</v>
      </c>
      <c r="D1261">
        <f t="shared" si="21"/>
        <v>3</v>
      </c>
    </row>
    <row r="1262" spans="1:4" x14ac:dyDescent="0.25">
      <c r="A1262" t="s">
        <v>19</v>
      </c>
      <c r="B1262">
        <v>0.17</v>
      </c>
      <c r="C1262">
        <v>0.84</v>
      </c>
      <c r="D1262">
        <f t="shared" si="21"/>
        <v>3</v>
      </c>
    </row>
    <row r="1263" spans="1:4" x14ac:dyDescent="0.25">
      <c r="A1263" t="s">
        <v>21</v>
      </c>
      <c r="B1263">
        <v>0.41</v>
      </c>
      <c r="C1263">
        <v>0.56999999999999995</v>
      </c>
      <c r="D1263">
        <f t="shared" si="21"/>
        <v>2</v>
      </c>
    </row>
    <row r="1264" spans="1:4" x14ac:dyDescent="0.25">
      <c r="A1264" t="s">
        <v>17</v>
      </c>
      <c r="B1264">
        <v>0.12</v>
      </c>
      <c r="C1264">
        <v>0.23</v>
      </c>
      <c r="D1264">
        <f t="shared" si="21"/>
        <v>3</v>
      </c>
    </row>
    <row r="1265" spans="1:4" x14ac:dyDescent="0.25">
      <c r="A1265" t="s">
        <v>23</v>
      </c>
      <c r="B1265">
        <v>0.4</v>
      </c>
      <c r="C1265">
        <v>0.57999999999999996</v>
      </c>
      <c r="D1265">
        <f t="shared" si="21"/>
        <v>1</v>
      </c>
    </row>
    <row r="1266" spans="1:4" x14ac:dyDescent="0.25">
      <c r="A1266" t="s">
        <v>9</v>
      </c>
      <c r="B1266">
        <v>0.43</v>
      </c>
      <c r="C1266">
        <v>0.11</v>
      </c>
      <c r="D1266">
        <f t="shared" si="21"/>
        <v>3</v>
      </c>
    </row>
    <row r="1267" spans="1:4" x14ac:dyDescent="0.25">
      <c r="A1267" t="s">
        <v>16</v>
      </c>
      <c r="B1267">
        <v>0.45</v>
      </c>
      <c r="C1267">
        <v>0.43</v>
      </c>
      <c r="D1267">
        <f t="shared" si="21"/>
        <v>3</v>
      </c>
    </row>
    <row r="1268" spans="1:4" x14ac:dyDescent="0.25">
      <c r="A1268" t="s">
        <v>22</v>
      </c>
      <c r="B1268">
        <v>0.88</v>
      </c>
      <c r="C1268">
        <v>0.33</v>
      </c>
      <c r="D1268">
        <f t="shared" si="21"/>
        <v>1</v>
      </c>
    </row>
    <row r="1269" spans="1:4" x14ac:dyDescent="0.25">
      <c r="A1269" t="s">
        <v>28</v>
      </c>
      <c r="B1269">
        <v>0.11</v>
      </c>
      <c r="C1269">
        <v>0.39</v>
      </c>
      <c r="D1269">
        <f t="shared" si="21"/>
        <v>3</v>
      </c>
    </row>
    <row r="1270" spans="1:4" x14ac:dyDescent="0.25">
      <c r="A1270" t="s">
        <v>18</v>
      </c>
      <c r="B1270">
        <v>0.79</v>
      </c>
      <c r="C1270">
        <v>0.64</v>
      </c>
      <c r="D1270">
        <f t="shared" si="21"/>
        <v>1</v>
      </c>
    </row>
    <row r="1271" spans="1:4" x14ac:dyDescent="0.25">
      <c r="A1271" t="s">
        <v>7</v>
      </c>
      <c r="B1271">
        <v>0.61</v>
      </c>
      <c r="C1271">
        <v>0.72</v>
      </c>
      <c r="D1271">
        <f t="shared" si="21"/>
        <v>1</v>
      </c>
    </row>
    <row r="1272" spans="1:4" x14ac:dyDescent="0.25">
      <c r="A1272" t="s">
        <v>16</v>
      </c>
      <c r="B1272">
        <v>0.08</v>
      </c>
      <c r="C1272">
        <v>0.51</v>
      </c>
      <c r="D1272">
        <f t="shared" si="21"/>
        <v>3</v>
      </c>
    </row>
    <row r="1273" spans="1:4" x14ac:dyDescent="0.25">
      <c r="A1273" t="s">
        <v>15</v>
      </c>
      <c r="B1273">
        <v>0.28999999999999998</v>
      </c>
      <c r="C1273">
        <v>0.17</v>
      </c>
      <c r="D1273">
        <f t="shared" si="21"/>
        <v>3</v>
      </c>
    </row>
    <row r="1274" spans="1:4" x14ac:dyDescent="0.25">
      <c r="A1274" t="s">
        <v>19</v>
      </c>
      <c r="B1274">
        <v>0.56999999999999995</v>
      </c>
      <c r="C1274">
        <v>0.8</v>
      </c>
      <c r="D1274">
        <f t="shared" si="21"/>
        <v>3</v>
      </c>
    </row>
    <row r="1275" spans="1:4" x14ac:dyDescent="0.25">
      <c r="A1275" t="s">
        <v>23</v>
      </c>
      <c r="B1275">
        <v>0.12</v>
      </c>
      <c r="C1275">
        <v>0.67</v>
      </c>
      <c r="D1275">
        <f t="shared" si="21"/>
        <v>1</v>
      </c>
    </row>
    <row r="1276" spans="1:4" x14ac:dyDescent="0.25">
      <c r="A1276" t="s">
        <v>20</v>
      </c>
      <c r="B1276">
        <v>0.77</v>
      </c>
      <c r="C1276">
        <v>0.43</v>
      </c>
      <c r="D1276">
        <f t="shared" si="21"/>
        <v>3</v>
      </c>
    </row>
    <row r="1277" spans="1:4" x14ac:dyDescent="0.25">
      <c r="A1277" t="s">
        <v>14</v>
      </c>
      <c r="B1277">
        <v>0.77</v>
      </c>
      <c r="C1277">
        <v>0.59</v>
      </c>
      <c r="D1277">
        <f t="shared" si="21"/>
        <v>3</v>
      </c>
    </row>
    <row r="1278" spans="1:4" x14ac:dyDescent="0.25">
      <c r="A1278" t="s">
        <v>16</v>
      </c>
      <c r="B1278">
        <v>0.6</v>
      </c>
      <c r="C1278">
        <v>0.56000000000000005</v>
      </c>
      <c r="D1278">
        <f t="shared" si="21"/>
        <v>3</v>
      </c>
    </row>
    <row r="1279" spans="1:4" x14ac:dyDescent="0.25">
      <c r="A1279" t="s">
        <v>26</v>
      </c>
      <c r="B1279">
        <v>0.47</v>
      </c>
      <c r="C1279">
        <v>0.12</v>
      </c>
      <c r="D1279">
        <f t="shared" si="21"/>
        <v>3</v>
      </c>
    </row>
    <row r="1280" spans="1:4" x14ac:dyDescent="0.25">
      <c r="A1280" t="s">
        <v>20</v>
      </c>
      <c r="B1280">
        <v>0.18</v>
      </c>
      <c r="C1280">
        <v>0.33</v>
      </c>
      <c r="D1280">
        <f t="shared" si="21"/>
        <v>3</v>
      </c>
    </row>
    <row r="1281" spans="1:4" x14ac:dyDescent="0.25">
      <c r="A1281" t="s">
        <v>11</v>
      </c>
      <c r="B1281">
        <v>0.71</v>
      </c>
      <c r="C1281">
        <v>0.87</v>
      </c>
      <c r="D1281">
        <f t="shared" si="21"/>
        <v>1</v>
      </c>
    </row>
    <row r="1282" spans="1:4" x14ac:dyDescent="0.25">
      <c r="A1282" t="s">
        <v>16</v>
      </c>
      <c r="B1282">
        <v>0.36</v>
      </c>
      <c r="C1282">
        <v>0.46</v>
      </c>
      <c r="D1282">
        <f t="shared" si="21"/>
        <v>3</v>
      </c>
    </row>
    <row r="1283" spans="1:4" x14ac:dyDescent="0.25">
      <c r="A1283" t="s">
        <v>14</v>
      </c>
      <c r="B1283">
        <v>0.1</v>
      </c>
      <c r="C1283">
        <v>0.41</v>
      </c>
      <c r="D1283">
        <f t="shared" ref="D1283:D1346" si="22">VLOOKUP(A1283,$G$2:$H$21,2)</f>
        <v>3</v>
      </c>
    </row>
    <row r="1284" spans="1:4" x14ac:dyDescent="0.25">
      <c r="A1284" t="s">
        <v>26</v>
      </c>
      <c r="B1284">
        <v>0.04</v>
      </c>
      <c r="C1284">
        <v>0.26</v>
      </c>
      <c r="D1284">
        <f t="shared" si="22"/>
        <v>3</v>
      </c>
    </row>
    <row r="1285" spans="1:4" x14ac:dyDescent="0.25">
      <c r="A1285" t="s">
        <v>23</v>
      </c>
      <c r="B1285">
        <v>0.8</v>
      </c>
      <c r="C1285">
        <v>0.53</v>
      </c>
      <c r="D1285">
        <f t="shared" si="22"/>
        <v>1</v>
      </c>
    </row>
    <row r="1286" spans="1:4" x14ac:dyDescent="0.25">
      <c r="A1286" t="s">
        <v>14</v>
      </c>
      <c r="B1286">
        <v>0.22</v>
      </c>
      <c r="C1286">
        <v>0.59</v>
      </c>
      <c r="D1286">
        <f t="shared" si="22"/>
        <v>3</v>
      </c>
    </row>
    <row r="1287" spans="1:4" x14ac:dyDescent="0.25">
      <c r="A1287" t="s">
        <v>15</v>
      </c>
      <c r="B1287">
        <v>0.92</v>
      </c>
      <c r="C1287">
        <v>0.17</v>
      </c>
      <c r="D1287">
        <f t="shared" si="22"/>
        <v>3</v>
      </c>
    </row>
    <row r="1288" spans="1:4" x14ac:dyDescent="0.25">
      <c r="A1288" t="s">
        <v>14</v>
      </c>
      <c r="B1288">
        <v>0.98</v>
      </c>
      <c r="C1288">
        <v>0.64</v>
      </c>
      <c r="D1288">
        <f t="shared" si="22"/>
        <v>3</v>
      </c>
    </row>
    <row r="1289" spans="1:4" x14ac:dyDescent="0.25">
      <c r="A1289" t="s">
        <v>21</v>
      </c>
      <c r="B1289">
        <v>0.81</v>
      </c>
      <c r="C1289">
        <v>0.5</v>
      </c>
      <c r="D1289">
        <f t="shared" si="22"/>
        <v>2</v>
      </c>
    </row>
    <row r="1290" spans="1:4" x14ac:dyDescent="0.25">
      <c r="A1290" t="s">
        <v>25</v>
      </c>
      <c r="B1290">
        <v>0.82</v>
      </c>
      <c r="C1290">
        <v>0.85</v>
      </c>
      <c r="D1290">
        <f t="shared" si="22"/>
        <v>3</v>
      </c>
    </row>
    <row r="1291" spans="1:4" x14ac:dyDescent="0.25">
      <c r="A1291" t="s">
        <v>18</v>
      </c>
      <c r="B1291">
        <v>0.5</v>
      </c>
      <c r="C1291">
        <v>0.6</v>
      </c>
      <c r="D1291">
        <f t="shared" si="22"/>
        <v>1</v>
      </c>
    </row>
    <row r="1292" spans="1:4" x14ac:dyDescent="0.25">
      <c r="A1292" t="s">
        <v>9</v>
      </c>
      <c r="B1292">
        <v>0.32</v>
      </c>
      <c r="C1292">
        <v>0.05</v>
      </c>
      <c r="D1292">
        <f t="shared" si="22"/>
        <v>3</v>
      </c>
    </row>
    <row r="1293" spans="1:4" x14ac:dyDescent="0.25">
      <c r="A1293" t="s">
        <v>25</v>
      </c>
      <c r="B1293">
        <v>0.74</v>
      </c>
      <c r="C1293">
        <v>0.87</v>
      </c>
      <c r="D1293">
        <f t="shared" si="22"/>
        <v>3</v>
      </c>
    </row>
    <row r="1294" spans="1:4" x14ac:dyDescent="0.25">
      <c r="A1294" t="s">
        <v>23</v>
      </c>
      <c r="B1294">
        <v>0.28000000000000003</v>
      </c>
      <c r="C1294">
        <v>0.56000000000000005</v>
      </c>
      <c r="D1294">
        <f t="shared" si="22"/>
        <v>1</v>
      </c>
    </row>
    <row r="1295" spans="1:4" x14ac:dyDescent="0.25">
      <c r="A1295" t="s">
        <v>29</v>
      </c>
      <c r="B1295">
        <v>0.37</v>
      </c>
      <c r="C1295">
        <v>0.11</v>
      </c>
      <c r="D1295">
        <f t="shared" si="22"/>
        <v>1</v>
      </c>
    </row>
    <row r="1296" spans="1:4" x14ac:dyDescent="0.25">
      <c r="A1296" t="s">
        <v>27</v>
      </c>
      <c r="B1296">
        <v>0.04</v>
      </c>
      <c r="C1296">
        <v>0.84</v>
      </c>
      <c r="D1296">
        <f t="shared" si="22"/>
        <v>3</v>
      </c>
    </row>
    <row r="1297" spans="1:4" x14ac:dyDescent="0.25">
      <c r="A1297" t="s">
        <v>27</v>
      </c>
      <c r="B1297">
        <v>0.1</v>
      </c>
      <c r="C1297">
        <v>0.79</v>
      </c>
      <c r="D1297">
        <f t="shared" si="22"/>
        <v>3</v>
      </c>
    </row>
    <row r="1298" spans="1:4" x14ac:dyDescent="0.25">
      <c r="A1298" t="s">
        <v>9</v>
      </c>
      <c r="B1298">
        <v>0.74</v>
      </c>
      <c r="C1298">
        <v>0.08</v>
      </c>
      <c r="D1298">
        <f t="shared" si="22"/>
        <v>3</v>
      </c>
    </row>
    <row r="1299" spans="1:4" x14ac:dyDescent="0.25">
      <c r="A1299" t="s">
        <v>22</v>
      </c>
      <c r="B1299">
        <v>0.1</v>
      </c>
      <c r="C1299">
        <v>0.35</v>
      </c>
      <c r="D1299">
        <f t="shared" si="22"/>
        <v>1</v>
      </c>
    </row>
    <row r="1300" spans="1:4" x14ac:dyDescent="0.25">
      <c r="A1300" t="s">
        <v>28</v>
      </c>
      <c r="B1300">
        <v>0.41</v>
      </c>
      <c r="C1300">
        <v>0.33</v>
      </c>
      <c r="D1300">
        <f t="shared" si="22"/>
        <v>3</v>
      </c>
    </row>
    <row r="1301" spans="1:4" x14ac:dyDescent="0.25">
      <c r="A1301" t="s">
        <v>27</v>
      </c>
      <c r="B1301">
        <v>0.69</v>
      </c>
      <c r="C1301">
        <v>0.74</v>
      </c>
      <c r="D1301">
        <f t="shared" si="22"/>
        <v>3</v>
      </c>
    </row>
    <row r="1302" spans="1:4" x14ac:dyDescent="0.25">
      <c r="A1302" t="s">
        <v>7</v>
      </c>
      <c r="B1302">
        <v>0.22</v>
      </c>
      <c r="C1302">
        <v>0.84</v>
      </c>
      <c r="D1302">
        <f t="shared" si="22"/>
        <v>1</v>
      </c>
    </row>
    <row r="1303" spans="1:4" x14ac:dyDescent="0.25">
      <c r="A1303" t="s">
        <v>14</v>
      </c>
      <c r="B1303">
        <v>0.35</v>
      </c>
      <c r="C1303">
        <v>0.33</v>
      </c>
      <c r="D1303">
        <f t="shared" si="22"/>
        <v>3</v>
      </c>
    </row>
    <row r="1304" spans="1:4" x14ac:dyDescent="0.25">
      <c r="A1304" t="s">
        <v>7</v>
      </c>
      <c r="B1304">
        <v>0.65</v>
      </c>
      <c r="C1304">
        <v>0.78</v>
      </c>
      <c r="D1304">
        <f t="shared" si="22"/>
        <v>1</v>
      </c>
    </row>
    <row r="1305" spans="1:4" x14ac:dyDescent="0.25">
      <c r="A1305" t="s">
        <v>29</v>
      </c>
      <c r="B1305">
        <v>0.37</v>
      </c>
      <c r="C1305">
        <v>0.24</v>
      </c>
      <c r="D1305">
        <f t="shared" si="22"/>
        <v>1</v>
      </c>
    </row>
    <row r="1306" spans="1:4" x14ac:dyDescent="0.25">
      <c r="A1306" t="s">
        <v>21</v>
      </c>
      <c r="B1306">
        <v>0.12</v>
      </c>
      <c r="C1306">
        <v>0.42</v>
      </c>
      <c r="D1306">
        <f t="shared" si="22"/>
        <v>2</v>
      </c>
    </row>
    <row r="1307" spans="1:4" x14ac:dyDescent="0.25">
      <c r="A1307" t="s">
        <v>18</v>
      </c>
      <c r="B1307">
        <v>0.34</v>
      </c>
      <c r="C1307">
        <v>0.56999999999999995</v>
      </c>
      <c r="D1307">
        <f t="shared" si="22"/>
        <v>1</v>
      </c>
    </row>
    <row r="1308" spans="1:4" x14ac:dyDescent="0.25">
      <c r="A1308" t="s">
        <v>26</v>
      </c>
      <c r="B1308">
        <v>0.14000000000000001</v>
      </c>
      <c r="C1308">
        <v>0.13</v>
      </c>
      <c r="D1308">
        <f t="shared" si="22"/>
        <v>3</v>
      </c>
    </row>
    <row r="1309" spans="1:4" x14ac:dyDescent="0.25">
      <c r="A1309" t="s">
        <v>22</v>
      </c>
      <c r="B1309">
        <v>0.01</v>
      </c>
      <c r="C1309">
        <v>0.59</v>
      </c>
      <c r="D1309">
        <f t="shared" si="22"/>
        <v>1</v>
      </c>
    </row>
    <row r="1310" spans="1:4" x14ac:dyDescent="0.25">
      <c r="A1310" t="s">
        <v>27</v>
      </c>
      <c r="B1310">
        <v>0.56999999999999995</v>
      </c>
      <c r="C1310">
        <v>0.85</v>
      </c>
      <c r="D1310">
        <f t="shared" si="22"/>
        <v>3</v>
      </c>
    </row>
    <row r="1311" spans="1:4" x14ac:dyDescent="0.25">
      <c r="A1311" t="s">
        <v>25</v>
      </c>
      <c r="B1311">
        <v>0.91</v>
      </c>
      <c r="C1311">
        <v>0.91</v>
      </c>
      <c r="D1311">
        <f t="shared" si="22"/>
        <v>3</v>
      </c>
    </row>
    <row r="1312" spans="1:4" x14ac:dyDescent="0.25">
      <c r="A1312" t="s">
        <v>29</v>
      </c>
      <c r="B1312">
        <v>0.13</v>
      </c>
      <c r="C1312">
        <v>0.24</v>
      </c>
      <c r="D1312">
        <f t="shared" si="22"/>
        <v>1</v>
      </c>
    </row>
    <row r="1313" spans="1:4" x14ac:dyDescent="0.25">
      <c r="A1313" t="s">
        <v>30</v>
      </c>
      <c r="B1313">
        <v>0.24</v>
      </c>
      <c r="C1313">
        <v>0.36</v>
      </c>
      <c r="D1313">
        <f t="shared" si="22"/>
        <v>3</v>
      </c>
    </row>
    <row r="1314" spans="1:4" x14ac:dyDescent="0.25">
      <c r="A1314" t="s">
        <v>11</v>
      </c>
      <c r="B1314">
        <v>0.66</v>
      </c>
      <c r="C1314">
        <v>0.82</v>
      </c>
      <c r="D1314">
        <f t="shared" si="22"/>
        <v>1</v>
      </c>
    </row>
    <row r="1315" spans="1:4" x14ac:dyDescent="0.25">
      <c r="A1315" t="s">
        <v>18</v>
      </c>
      <c r="B1315">
        <v>0.6</v>
      </c>
      <c r="C1315">
        <v>0.61</v>
      </c>
      <c r="D1315">
        <f t="shared" si="22"/>
        <v>1</v>
      </c>
    </row>
    <row r="1316" spans="1:4" x14ac:dyDescent="0.25">
      <c r="A1316" t="s">
        <v>30</v>
      </c>
      <c r="B1316">
        <v>0.18</v>
      </c>
      <c r="C1316">
        <v>0.61</v>
      </c>
      <c r="D1316">
        <f t="shared" si="22"/>
        <v>3</v>
      </c>
    </row>
    <row r="1317" spans="1:4" x14ac:dyDescent="0.25">
      <c r="A1317" t="s">
        <v>20</v>
      </c>
      <c r="B1317">
        <v>0.68</v>
      </c>
      <c r="C1317">
        <v>0.59</v>
      </c>
      <c r="D1317">
        <f t="shared" si="22"/>
        <v>3</v>
      </c>
    </row>
    <row r="1318" spans="1:4" x14ac:dyDescent="0.25">
      <c r="A1318" t="s">
        <v>29</v>
      </c>
      <c r="B1318">
        <v>0.82</v>
      </c>
      <c r="C1318">
        <v>0.23</v>
      </c>
      <c r="D1318">
        <f t="shared" si="22"/>
        <v>1</v>
      </c>
    </row>
    <row r="1319" spans="1:4" x14ac:dyDescent="0.25">
      <c r="A1319" t="s">
        <v>18</v>
      </c>
      <c r="B1319">
        <v>0.52</v>
      </c>
      <c r="C1319">
        <v>0.32</v>
      </c>
      <c r="D1319">
        <f t="shared" si="22"/>
        <v>1</v>
      </c>
    </row>
    <row r="1320" spans="1:4" x14ac:dyDescent="0.25">
      <c r="A1320" t="s">
        <v>18</v>
      </c>
      <c r="B1320">
        <v>0.5</v>
      </c>
      <c r="C1320">
        <v>0.43</v>
      </c>
      <c r="D1320">
        <f t="shared" si="22"/>
        <v>1</v>
      </c>
    </row>
    <row r="1321" spans="1:4" x14ac:dyDescent="0.25">
      <c r="A1321" t="s">
        <v>16</v>
      </c>
      <c r="B1321">
        <v>0.11</v>
      </c>
      <c r="C1321">
        <v>0.56999999999999995</v>
      </c>
      <c r="D1321">
        <f t="shared" si="22"/>
        <v>3</v>
      </c>
    </row>
    <row r="1322" spans="1:4" x14ac:dyDescent="0.25">
      <c r="A1322" t="s">
        <v>11</v>
      </c>
      <c r="B1322">
        <v>0.15</v>
      </c>
      <c r="C1322">
        <v>0.73</v>
      </c>
      <c r="D1322">
        <f t="shared" si="22"/>
        <v>1</v>
      </c>
    </row>
    <row r="1323" spans="1:4" x14ac:dyDescent="0.25">
      <c r="A1323" t="s">
        <v>21</v>
      </c>
      <c r="B1323">
        <v>0.48</v>
      </c>
      <c r="C1323">
        <v>0.45</v>
      </c>
      <c r="D1323">
        <f t="shared" si="22"/>
        <v>2</v>
      </c>
    </row>
    <row r="1324" spans="1:4" x14ac:dyDescent="0.25">
      <c r="A1324" t="s">
        <v>19</v>
      </c>
      <c r="B1324">
        <v>0.28000000000000003</v>
      </c>
      <c r="C1324">
        <v>0.78</v>
      </c>
      <c r="D1324">
        <f t="shared" si="22"/>
        <v>3</v>
      </c>
    </row>
    <row r="1325" spans="1:4" x14ac:dyDescent="0.25">
      <c r="A1325" t="s">
        <v>25</v>
      </c>
      <c r="B1325">
        <v>0.28000000000000003</v>
      </c>
      <c r="C1325">
        <v>0.82</v>
      </c>
      <c r="D1325">
        <f t="shared" si="22"/>
        <v>3</v>
      </c>
    </row>
    <row r="1326" spans="1:4" x14ac:dyDescent="0.25">
      <c r="A1326" t="s">
        <v>7</v>
      </c>
      <c r="B1326">
        <v>0.8</v>
      </c>
      <c r="C1326">
        <v>0.79</v>
      </c>
      <c r="D1326">
        <f t="shared" si="22"/>
        <v>1</v>
      </c>
    </row>
    <row r="1327" spans="1:4" x14ac:dyDescent="0.25">
      <c r="A1327" t="s">
        <v>7</v>
      </c>
      <c r="B1327">
        <v>0.03</v>
      </c>
      <c r="C1327">
        <v>0.8</v>
      </c>
      <c r="D1327">
        <f t="shared" si="22"/>
        <v>1</v>
      </c>
    </row>
    <row r="1328" spans="1:4" x14ac:dyDescent="0.25">
      <c r="A1328" t="s">
        <v>13</v>
      </c>
      <c r="B1328">
        <v>0.43</v>
      </c>
      <c r="C1328">
        <v>0.31</v>
      </c>
      <c r="D1328">
        <f t="shared" si="22"/>
        <v>3</v>
      </c>
    </row>
    <row r="1329" spans="1:4" x14ac:dyDescent="0.25">
      <c r="A1329" t="s">
        <v>30</v>
      </c>
      <c r="B1329">
        <v>0.78</v>
      </c>
      <c r="C1329">
        <v>0.66</v>
      </c>
      <c r="D1329">
        <f t="shared" si="22"/>
        <v>3</v>
      </c>
    </row>
    <row r="1330" spans="1:4" x14ac:dyDescent="0.25">
      <c r="A1330" t="s">
        <v>16</v>
      </c>
      <c r="B1330">
        <v>0.28000000000000003</v>
      </c>
      <c r="C1330">
        <v>0.61</v>
      </c>
      <c r="D1330">
        <f t="shared" si="22"/>
        <v>3</v>
      </c>
    </row>
    <row r="1331" spans="1:4" x14ac:dyDescent="0.25">
      <c r="A1331" t="s">
        <v>9</v>
      </c>
      <c r="B1331">
        <v>0</v>
      </c>
      <c r="C1331">
        <v>0.11</v>
      </c>
      <c r="D1331">
        <f t="shared" si="22"/>
        <v>3</v>
      </c>
    </row>
    <row r="1332" spans="1:4" x14ac:dyDescent="0.25">
      <c r="A1332" t="s">
        <v>29</v>
      </c>
      <c r="B1332">
        <v>0.09</v>
      </c>
      <c r="C1332">
        <v>0.14000000000000001</v>
      </c>
      <c r="D1332">
        <f t="shared" si="22"/>
        <v>1</v>
      </c>
    </row>
    <row r="1333" spans="1:4" x14ac:dyDescent="0.25">
      <c r="A1333" t="s">
        <v>29</v>
      </c>
      <c r="B1333">
        <v>0.83</v>
      </c>
      <c r="C1333">
        <v>0.09</v>
      </c>
      <c r="D1333">
        <f t="shared" si="22"/>
        <v>1</v>
      </c>
    </row>
    <row r="1334" spans="1:4" x14ac:dyDescent="0.25">
      <c r="A1334" t="s">
        <v>9</v>
      </c>
      <c r="B1334">
        <v>0.78</v>
      </c>
      <c r="C1334">
        <v>0.24</v>
      </c>
      <c r="D1334">
        <f t="shared" si="22"/>
        <v>3</v>
      </c>
    </row>
    <row r="1335" spans="1:4" x14ac:dyDescent="0.25">
      <c r="A1335" t="s">
        <v>25</v>
      </c>
      <c r="B1335">
        <v>0.61</v>
      </c>
      <c r="C1335">
        <v>0.91</v>
      </c>
      <c r="D1335">
        <f t="shared" si="22"/>
        <v>3</v>
      </c>
    </row>
    <row r="1336" spans="1:4" x14ac:dyDescent="0.25">
      <c r="A1336" t="s">
        <v>20</v>
      </c>
      <c r="B1336">
        <v>0.71</v>
      </c>
      <c r="C1336">
        <v>0.38</v>
      </c>
      <c r="D1336">
        <f t="shared" si="22"/>
        <v>3</v>
      </c>
    </row>
    <row r="1337" spans="1:4" x14ac:dyDescent="0.25">
      <c r="A1337" t="s">
        <v>18</v>
      </c>
      <c r="B1337">
        <v>0.16</v>
      </c>
      <c r="C1337">
        <v>0.31</v>
      </c>
      <c r="D1337">
        <f t="shared" si="22"/>
        <v>1</v>
      </c>
    </row>
    <row r="1338" spans="1:4" x14ac:dyDescent="0.25">
      <c r="A1338" t="s">
        <v>22</v>
      </c>
      <c r="B1338">
        <v>0.47</v>
      </c>
      <c r="C1338">
        <v>0.33</v>
      </c>
      <c r="D1338">
        <f t="shared" si="22"/>
        <v>1</v>
      </c>
    </row>
    <row r="1339" spans="1:4" x14ac:dyDescent="0.25">
      <c r="A1339" t="s">
        <v>7</v>
      </c>
      <c r="B1339">
        <v>0.21</v>
      </c>
      <c r="C1339">
        <v>0.82</v>
      </c>
      <c r="D1339">
        <f t="shared" si="22"/>
        <v>1</v>
      </c>
    </row>
    <row r="1340" spans="1:4" x14ac:dyDescent="0.25">
      <c r="A1340" t="s">
        <v>25</v>
      </c>
      <c r="B1340">
        <v>0.9</v>
      </c>
      <c r="C1340">
        <v>0.85</v>
      </c>
      <c r="D1340">
        <f t="shared" si="22"/>
        <v>3</v>
      </c>
    </row>
    <row r="1341" spans="1:4" x14ac:dyDescent="0.25">
      <c r="A1341" t="s">
        <v>25</v>
      </c>
      <c r="B1341">
        <v>0.4</v>
      </c>
      <c r="C1341">
        <v>0.76</v>
      </c>
      <c r="D1341">
        <f t="shared" si="22"/>
        <v>3</v>
      </c>
    </row>
    <row r="1342" spans="1:4" x14ac:dyDescent="0.25">
      <c r="A1342" t="s">
        <v>13</v>
      </c>
      <c r="B1342">
        <v>0.06</v>
      </c>
      <c r="C1342">
        <v>0.48</v>
      </c>
      <c r="D1342">
        <f t="shared" si="22"/>
        <v>3</v>
      </c>
    </row>
    <row r="1343" spans="1:4" x14ac:dyDescent="0.25">
      <c r="A1343" t="s">
        <v>17</v>
      </c>
      <c r="B1343">
        <v>0.19</v>
      </c>
      <c r="C1343">
        <v>0.25</v>
      </c>
      <c r="D1343">
        <f t="shared" si="22"/>
        <v>3</v>
      </c>
    </row>
    <row r="1344" spans="1:4" x14ac:dyDescent="0.25">
      <c r="A1344" t="s">
        <v>9</v>
      </c>
      <c r="B1344">
        <v>0.08</v>
      </c>
      <c r="C1344">
        <v>0.15</v>
      </c>
      <c r="D1344">
        <f t="shared" si="22"/>
        <v>3</v>
      </c>
    </row>
    <row r="1345" spans="1:4" x14ac:dyDescent="0.25">
      <c r="A1345" t="s">
        <v>29</v>
      </c>
      <c r="B1345">
        <v>0.54</v>
      </c>
      <c r="C1345">
        <v>0.22</v>
      </c>
      <c r="D1345">
        <f t="shared" si="22"/>
        <v>1</v>
      </c>
    </row>
    <row r="1346" spans="1:4" x14ac:dyDescent="0.25">
      <c r="A1346" t="s">
        <v>18</v>
      </c>
      <c r="B1346">
        <v>0.82</v>
      </c>
      <c r="C1346">
        <v>0.47</v>
      </c>
      <c r="D1346">
        <f t="shared" si="22"/>
        <v>1</v>
      </c>
    </row>
    <row r="1347" spans="1:4" x14ac:dyDescent="0.25">
      <c r="A1347" t="s">
        <v>19</v>
      </c>
      <c r="B1347">
        <v>0.56999999999999995</v>
      </c>
      <c r="C1347">
        <v>0.84</v>
      </c>
      <c r="D1347">
        <f t="shared" ref="D1347:D1410" si="23">VLOOKUP(A1347,$G$2:$H$21,2)</f>
        <v>3</v>
      </c>
    </row>
    <row r="1348" spans="1:4" x14ac:dyDescent="0.25">
      <c r="A1348" t="s">
        <v>26</v>
      </c>
      <c r="B1348">
        <v>0.9</v>
      </c>
      <c r="C1348">
        <v>0.26</v>
      </c>
      <c r="D1348">
        <f t="shared" si="23"/>
        <v>3</v>
      </c>
    </row>
    <row r="1349" spans="1:4" x14ac:dyDescent="0.25">
      <c r="A1349" t="s">
        <v>26</v>
      </c>
      <c r="B1349">
        <v>0.24</v>
      </c>
      <c r="C1349">
        <v>0.1</v>
      </c>
      <c r="D1349">
        <f t="shared" si="23"/>
        <v>3</v>
      </c>
    </row>
    <row r="1350" spans="1:4" x14ac:dyDescent="0.25">
      <c r="A1350" t="s">
        <v>26</v>
      </c>
      <c r="B1350">
        <v>0.17</v>
      </c>
      <c r="C1350">
        <v>0.1</v>
      </c>
      <c r="D1350">
        <f t="shared" si="23"/>
        <v>3</v>
      </c>
    </row>
    <row r="1351" spans="1:4" x14ac:dyDescent="0.25">
      <c r="A1351" t="s">
        <v>17</v>
      </c>
      <c r="B1351">
        <v>0</v>
      </c>
      <c r="C1351">
        <v>0.26</v>
      </c>
      <c r="D1351">
        <f t="shared" si="23"/>
        <v>3</v>
      </c>
    </row>
    <row r="1352" spans="1:4" x14ac:dyDescent="0.25">
      <c r="A1352" t="s">
        <v>11</v>
      </c>
      <c r="B1352">
        <v>0.53</v>
      </c>
      <c r="C1352">
        <v>0.71</v>
      </c>
      <c r="D1352">
        <f t="shared" si="23"/>
        <v>1</v>
      </c>
    </row>
    <row r="1353" spans="1:4" x14ac:dyDescent="0.25">
      <c r="A1353" t="s">
        <v>18</v>
      </c>
      <c r="B1353">
        <v>0.68</v>
      </c>
      <c r="C1353">
        <v>0.36</v>
      </c>
      <c r="D1353">
        <f t="shared" si="23"/>
        <v>1</v>
      </c>
    </row>
    <row r="1354" spans="1:4" x14ac:dyDescent="0.25">
      <c r="A1354" t="s">
        <v>14</v>
      </c>
      <c r="B1354">
        <v>0.92</v>
      </c>
      <c r="C1354">
        <v>0.38</v>
      </c>
      <c r="D1354">
        <f t="shared" si="23"/>
        <v>3</v>
      </c>
    </row>
    <row r="1355" spans="1:4" x14ac:dyDescent="0.25">
      <c r="A1355" t="s">
        <v>17</v>
      </c>
      <c r="B1355">
        <v>0.05</v>
      </c>
      <c r="C1355">
        <v>0.14000000000000001</v>
      </c>
      <c r="D1355">
        <f t="shared" si="23"/>
        <v>3</v>
      </c>
    </row>
    <row r="1356" spans="1:4" x14ac:dyDescent="0.25">
      <c r="A1356" t="s">
        <v>27</v>
      </c>
      <c r="B1356">
        <v>0.01</v>
      </c>
      <c r="C1356">
        <v>0.77</v>
      </c>
      <c r="D1356">
        <f t="shared" si="23"/>
        <v>3</v>
      </c>
    </row>
    <row r="1357" spans="1:4" x14ac:dyDescent="0.25">
      <c r="A1357" t="s">
        <v>13</v>
      </c>
      <c r="B1357">
        <v>0.03</v>
      </c>
      <c r="C1357">
        <v>0.56000000000000005</v>
      </c>
      <c r="D1357">
        <f t="shared" si="23"/>
        <v>3</v>
      </c>
    </row>
    <row r="1358" spans="1:4" x14ac:dyDescent="0.25">
      <c r="A1358" t="s">
        <v>22</v>
      </c>
      <c r="B1358">
        <v>0.44</v>
      </c>
      <c r="C1358">
        <v>0.56000000000000005</v>
      </c>
      <c r="D1358">
        <f t="shared" si="23"/>
        <v>1</v>
      </c>
    </row>
    <row r="1359" spans="1:4" x14ac:dyDescent="0.25">
      <c r="A1359" t="s">
        <v>28</v>
      </c>
      <c r="B1359">
        <v>0.9</v>
      </c>
      <c r="C1359">
        <v>0.42</v>
      </c>
      <c r="D1359">
        <f t="shared" si="23"/>
        <v>3</v>
      </c>
    </row>
    <row r="1360" spans="1:4" x14ac:dyDescent="0.25">
      <c r="A1360" t="s">
        <v>19</v>
      </c>
      <c r="B1360">
        <v>0.97</v>
      </c>
      <c r="C1360">
        <v>0.76</v>
      </c>
      <c r="D1360">
        <f t="shared" si="23"/>
        <v>3</v>
      </c>
    </row>
    <row r="1361" spans="1:4" x14ac:dyDescent="0.25">
      <c r="A1361" t="s">
        <v>23</v>
      </c>
      <c r="B1361">
        <v>0.08</v>
      </c>
      <c r="C1361">
        <v>0.63</v>
      </c>
      <c r="D1361">
        <f t="shared" si="23"/>
        <v>1</v>
      </c>
    </row>
    <row r="1362" spans="1:4" x14ac:dyDescent="0.25">
      <c r="A1362" t="s">
        <v>21</v>
      </c>
      <c r="B1362">
        <v>0.94</v>
      </c>
      <c r="C1362">
        <v>0.51</v>
      </c>
      <c r="D1362">
        <f t="shared" si="23"/>
        <v>2</v>
      </c>
    </row>
    <row r="1363" spans="1:4" x14ac:dyDescent="0.25">
      <c r="A1363" t="s">
        <v>7</v>
      </c>
      <c r="B1363">
        <v>0.55000000000000004</v>
      </c>
      <c r="C1363">
        <v>0.88</v>
      </c>
      <c r="D1363">
        <f t="shared" si="23"/>
        <v>1</v>
      </c>
    </row>
    <row r="1364" spans="1:4" x14ac:dyDescent="0.25">
      <c r="A1364" t="s">
        <v>15</v>
      </c>
      <c r="B1364">
        <v>0.6</v>
      </c>
      <c r="C1364">
        <v>0.13</v>
      </c>
      <c r="D1364">
        <f t="shared" si="23"/>
        <v>3</v>
      </c>
    </row>
    <row r="1365" spans="1:4" x14ac:dyDescent="0.25">
      <c r="A1365" t="s">
        <v>17</v>
      </c>
      <c r="B1365">
        <v>0.46</v>
      </c>
      <c r="C1365">
        <v>0.16</v>
      </c>
      <c r="D1365">
        <f t="shared" si="23"/>
        <v>3</v>
      </c>
    </row>
    <row r="1366" spans="1:4" x14ac:dyDescent="0.25">
      <c r="A1366" t="s">
        <v>18</v>
      </c>
      <c r="B1366">
        <v>0.52</v>
      </c>
      <c r="C1366">
        <v>0.59</v>
      </c>
      <c r="D1366">
        <f t="shared" si="23"/>
        <v>1</v>
      </c>
    </row>
    <row r="1367" spans="1:4" x14ac:dyDescent="0.25">
      <c r="A1367" t="s">
        <v>28</v>
      </c>
      <c r="B1367">
        <v>0.8</v>
      </c>
      <c r="C1367">
        <v>0.31</v>
      </c>
      <c r="D1367">
        <f t="shared" si="23"/>
        <v>3</v>
      </c>
    </row>
    <row r="1368" spans="1:4" x14ac:dyDescent="0.25">
      <c r="A1368" t="s">
        <v>13</v>
      </c>
      <c r="B1368">
        <v>0.9</v>
      </c>
      <c r="C1368">
        <v>0.46</v>
      </c>
      <c r="D1368">
        <f t="shared" si="23"/>
        <v>3</v>
      </c>
    </row>
    <row r="1369" spans="1:4" x14ac:dyDescent="0.25">
      <c r="A1369" t="s">
        <v>28</v>
      </c>
      <c r="B1369">
        <v>0.87</v>
      </c>
      <c r="C1369">
        <v>0.31</v>
      </c>
      <c r="D1369">
        <f t="shared" si="23"/>
        <v>3</v>
      </c>
    </row>
    <row r="1370" spans="1:4" x14ac:dyDescent="0.25">
      <c r="A1370" t="s">
        <v>21</v>
      </c>
      <c r="B1370">
        <v>0.66</v>
      </c>
      <c r="C1370">
        <v>0.59</v>
      </c>
      <c r="D1370">
        <f t="shared" si="23"/>
        <v>2</v>
      </c>
    </row>
    <row r="1371" spans="1:4" x14ac:dyDescent="0.25">
      <c r="A1371" t="s">
        <v>22</v>
      </c>
      <c r="B1371">
        <v>0.68</v>
      </c>
      <c r="C1371">
        <v>0.56999999999999995</v>
      </c>
      <c r="D1371">
        <f t="shared" si="23"/>
        <v>1</v>
      </c>
    </row>
    <row r="1372" spans="1:4" x14ac:dyDescent="0.25">
      <c r="A1372" t="s">
        <v>26</v>
      </c>
      <c r="B1372">
        <v>0.83</v>
      </c>
      <c r="C1372">
        <v>0.16</v>
      </c>
      <c r="D1372">
        <f t="shared" si="23"/>
        <v>3</v>
      </c>
    </row>
    <row r="1373" spans="1:4" x14ac:dyDescent="0.25">
      <c r="A1373" t="s">
        <v>18</v>
      </c>
      <c r="B1373">
        <v>0.87</v>
      </c>
      <c r="C1373">
        <v>0.6</v>
      </c>
      <c r="D1373">
        <f t="shared" si="23"/>
        <v>1</v>
      </c>
    </row>
    <row r="1374" spans="1:4" x14ac:dyDescent="0.25">
      <c r="A1374" t="s">
        <v>22</v>
      </c>
      <c r="B1374">
        <v>1</v>
      </c>
      <c r="C1374">
        <v>0.59</v>
      </c>
      <c r="D1374">
        <f t="shared" si="23"/>
        <v>1</v>
      </c>
    </row>
    <row r="1375" spans="1:4" x14ac:dyDescent="0.25">
      <c r="A1375" t="s">
        <v>13</v>
      </c>
      <c r="B1375">
        <v>0.01</v>
      </c>
      <c r="C1375">
        <v>0.69</v>
      </c>
      <c r="D1375">
        <f t="shared" si="23"/>
        <v>3</v>
      </c>
    </row>
    <row r="1376" spans="1:4" x14ac:dyDescent="0.25">
      <c r="A1376" t="s">
        <v>20</v>
      </c>
      <c r="B1376">
        <v>0.09</v>
      </c>
      <c r="C1376">
        <v>0.54</v>
      </c>
      <c r="D1376">
        <f t="shared" si="23"/>
        <v>3</v>
      </c>
    </row>
    <row r="1377" spans="1:4" x14ac:dyDescent="0.25">
      <c r="A1377" t="s">
        <v>7</v>
      </c>
      <c r="B1377">
        <v>0.41</v>
      </c>
      <c r="C1377">
        <v>0.83</v>
      </c>
      <c r="D1377">
        <f t="shared" si="23"/>
        <v>1</v>
      </c>
    </row>
    <row r="1378" spans="1:4" x14ac:dyDescent="0.25">
      <c r="A1378" t="s">
        <v>19</v>
      </c>
      <c r="B1378">
        <v>0.17</v>
      </c>
      <c r="C1378">
        <v>0.77</v>
      </c>
      <c r="D1378">
        <f t="shared" si="23"/>
        <v>3</v>
      </c>
    </row>
    <row r="1379" spans="1:4" x14ac:dyDescent="0.25">
      <c r="A1379" t="s">
        <v>29</v>
      </c>
      <c r="B1379">
        <v>0.72</v>
      </c>
      <c r="C1379">
        <v>0.18</v>
      </c>
      <c r="D1379">
        <f t="shared" si="23"/>
        <v>1</v>
      </c>
    </row>
    <row r="1380" spans="1:4" x14ac:dyDescent="0.25">
      <c r="A1380" t="s">
        <v>21</v>
      </c>
      <c r="B1380">
        <v>0.51</v>
      </c>
      <c r="C1380">
        <v>0.48</v>
      </c>
      <c r="D1380">
        <f t="shared" si="23"/>
        <v>2</v>
      </c>
    </row>
    <row r="1381" spans="1:4" x14ac:dyDescent="0.25">
      <c r="A1381" t="s">
        <v>11</v>
      </c>
      <c r="B1381">
        <v>0.5</v>
      </c>
      <c r="C1381">
        <v>0.88</v>
      </c>
      <c r="D1381">
        <f t="shared" si="23"/>
        <v>1</v>
      </c>
    </row>
    <row r="1382" spans="1:4" x14ac:dyDescent="0.25">
      <c r="A1382" t="s">
        <v>20</v>
      </c>
      <c r="B1382">
        <v>0.28000000000000003</v>
      </c>
      <c r="C1382">
        <v>0.37</v>
      </c>
      <c r="D1382">
        <f t="shared" si="23"/>
        <v>3</v>
      </c>
    </row>
    <row r="1383" spans="1:4" x14ac:dyDescent="0.25">
      <c r="A1383" t="s">
        <v>20</v>
      </c>
      <c r="B1383">
        <v>1</v>
      </c>
      <c r="C1383">
        <v>0.54</v>
      </c>
      <c r="D1383">
        <f t="shared" si="23"/>
        <v>3</v>
      </c>
    </row>
    <row r="1384" spans="1:4" x14ac:dyDescent="0.25">
      <c r="A1384" t="s">
        <v>14</v>
      </c>
      <c r="B1384">
        <v>0.19</v>
      </c>
      <c r="C1384">
        <v>0.62</v>
      </c>
      <c r="D1384">
        <f t="shared" si="23"/>
        <v>3</v>
      </c>
    </row>
    <row r="1385" spans="1:4" x14ac:dyDescent="0.25">
      <c r="A1385" t="s">
        <v>20</v>
      </c>
      <c r="B1385">
        <v>0.06</v>
      </c>
      <c r="C1385">
        <v>0.43</v>
      </c>
      <c r="D1385">
        <f t="shared" si="23"/>
        <v>3</v>
      </c>
    </row>
    <row r="1386" spans="1:4" x14ac:dyDescent="0.25">
      <c r="A1386" t="s">
        <v>16</v>
      </c>
      <c r="B1386">
        <v>0.03</v>
      </c>
      <c r="C1386">
        <v>0.52</v>
      </c>
      <c r="D1386">
        <f t="shared" si="23"/>
        <v>3</v>
      </c>
    </row>
    <row r="1387" spans="1:4" x14ac:dyDescent="0.25">
      <c r="A1387" t="s">
        <v>21</v>
      </c>
      <c r="B1387">
        <v>0.59</v>
      </c>
      <c r="C1387">
        <v>0.56000000000000005</v>
      </c>
      <c r="D1387">
        <f t="shared" si="23"/>
        <v>2</v>
      </c>
    </row>
    <row r="1388" spans="1:4" x14ac:dyDescent="0.25">
      <c r="A1388" t="s">
        <v>14</v>
      </c>
      <c r="B1388">
        <v>0.65</v>
      </c>
      <c r="C1388">
        <v>0.43</v>
      </c>
      <c r="D1388">
        <f t="shared" si="23"/>
        <v>3</v>
      </c>
    </row>
    <row r="1389" spans="1:4" x14ac:dyDescent="0.25">
      <c r="A1389" t="s">
        <v>14</v>
      </c>
      <c r="B1389">
        <v>0.01</v>
      </c>
      <c r="C1389">
        <v>0.55000000000000004</v>
      </c>
      <c r="D1389">
        <f t="shared" si="23"/>
        <v>3</v>
      </c>
    </row>
    <row r="1390" spans="1:4" x14ac:dyDescent="0.25">
      <c r="A1390" t="s">
        <v>19</v>
      </c>
      <c r="B1390">
        <v>0.77</v>
      </c>
      <c r="C1390">
        <v>0.71</v>
      </c>
      <c r="D1390">
        <f t="shared" si="23"/>
        <v>3</v>
      </c>
    </row>
    <row r="1391" spans="1:4" x14ac:dyDescent="0.25">
      <c r="A1391" t="s">
        <v>9</v>
      </c>
      <c r="B1391">
        <v>0</v>
      </c>
      <c r="C1391">
        <v>0.14000000000000001</v>
      </c>
      <c r="D1391">
        <f t="shared" si="23"/>
        <v>3</v>
      </c>
    </row>
    <row r="1392" spans="1:4" x14ac:dyDescent="0.25">
      <c r="A1392" t="s">
        <v>9</v>
      </c>
      <c r="B1392">
        <v>0.66</v>
      </c>
      <c r="C1392">
        <v>0.28999999999999998</v>
      </c>
      <c r="D1392">
        <f t="shared" si="23"/>
        <v>3</v>
      </c>
    </row>
    <row r="1393" spans="1:4" x14ac:dyDescent="0.25">
      <c r="A1393" t="s">
        <v>25</v>
      </c>
      <c r="B1393">
        <v>0.98</v>
      </c>
      <c r="C1393">
        <v>0.81</v>
      </c>
      <c r="D1393">
        <f t="shared" si="23"/>
        <v>3</v>
      </c>
    </row>
    <row r="1394" spans="1:4" x14ac:dyDescent="0.25">
      <c r="A1394" t="s">
        <v>30</v>
      </c>
      <c r="B1394">
        <v>0.19</v>
      </c>
      <c r="C1394">
        <v>0.43</v>
      </c>
      <c r="D1394">
        <f t="shared" si="23"/>
        <v>3</v>
      </c>
    </row>
    <row r="1395" spans="1:4" x14ac:dyDescent="0.25">
      <c r="A1395" t="s">
        <v>18</v>
      </c>
      <c r="B1395">
        <v>0.2</v>
      </c>
      <c r="C1395">
        <v>0.52</v>
      </c>
      <c r="D1395">
        <f t="shared" si="23"/>
        <v>1</v>
      </c>
    </row>
    <row r="1396" spans="1:4" x14ac:dyDescent="0.25">
      <c r="A1396" t="s">
        <v>25</v>
      </c>
      <c r="B1396">
        <v>0.75</v>
      </c>
      <c r="C1396">
        <v>0.85</v>
      </c>
      <c r="D1396">
        <f t="shared" si="23"/>
        <v>3</v>
      </c>
    </row>
    <row r="1397" spans="1:4" x14ac:dyDescent="0.25">
      <c r="A1397" t="s">
        <v>17</v>
      </c>
      <c r="B1397">
        <v>0.69</v>
      </c>
      <c r="C1397">
        <v>0.15</v>
      </c>
      <c r="D1397">
        <f t="shared" si="23"/>
        <v>3</v>
      </c>
    </row>
    <row r="1398" spans="1:4" x14ac:dyDescent="0.25">
      <c r="A1398" t="s">
        <v>9</v>
      </c>
      <c r="B1398">
        <v>0.53</v>
      </c>
      <c r="C1398">
        <v>0.22</v>
      </c>
      <c r="D1398">
        <f t="shared" si="23"/>
        <v>3</v>
      </c>
    </row>
    <row r="1399" spans="1:4" x14ac:dyDescent="0.25">
      <c r="A1399" t="s">
        <v>27</v>
      </c>
      <c r="B1399">
        <v>0.45</v>
      </c>
      <c r="C1399">
        <v>0.92</v>
      </c>
      <c r="D1399">
        <f t="shared" si="23"/>
        <v>3</v>
      </c>
    </row>
    <row r="1400" spans="1:4" x14ac:dyDescent="0.25">
      <c r="A1400" t="s">
        <v>25</v>
      </c>
      <c r="B1400">
        <v>0.87</v>
      </c>
      <c r="C1400">
        <v>0.87</v>
      </c>
      <c r="D1400">
        <f t="shared" si="23"/>
        <v>3</v>
      </c>
    </row>
    <row r="1401" spans="1:4" x14ac:dyDescent="0.25">
      <c r="A1401" t="s">
        <v>7</v>
      </c>
      <c r="B1401">
        <v>0.1</v>
      </c>
      <c r="C1401">
        <v>0.81</v>
      </c>
      <c r="D1401">
        <f t="shared" si="23"/>
        <v>1</v>
      </c>
    </row>
    <row r="1402" spans="1:4" x14ac:dyDescent="0.25">
      <c r="A1402" t="s">
        <v>22</v>
      </c>
      <c r="B1402">
        <v>0.26</v>
      </c>
      <c r="C1402">
        <v>0.56999999999999995</v>
      </c>
      <c r="D1402">
        <f t="shared" si="23"/>
        <v>1</v>
      </c>
    </row>
    <row r="1403" spans="1:4" x14ac:dyDescent="0.25">
      <c r="A1403" t="s">
        <v>21</v>
      </c>
      <c r="B1403">
        <v>0.47</v>
      </c>
      <c r="C1403">
        <v>0.46</v>
      </c>
      <c r="D1403">
        <f t="shared" si="23"/>
        <v>2</v>
      </c>
    </row>
    <row r="1404" spans="1:4" x14ac:dyDescent="0.25">
      <c r="A1404" t="s">
        <v>14</v>
      </c>
      <c r="B1404">
        <v>0.13</v>
      </c>
      <c r="C1404">
        <v>0.61</v>
      </c>
      <c r="D1404">
        <f t="shared" si="23"/>
        <v>3</v>
      </c>
    </row>
    <row r="1405" spans="1:4" x14ac:dyDescent="0.25">
      <c r="A1405" t="s">
        <v>7</v>
      </c>
      <c r="B1405">
        <v>0.41</v>
      </c>
      <c r="C1405">
        <v>0.83</v>
      </c>
      <c r="D1405">
        <f t="shared" si="23"/>
        <v>1</v>
      </c>
    </row>
    <row r="1406" spans="1:4" x14ac:dyDescent="0.25">
      <c r="A1406" t="s">
        <v>22</v>
      </c>
      <c r="B1406">
        <v>0.98</v>
      </c>
      <c r="C1406">
        <v>0.38</v>
      </c>
      <c r="D1406">
        <f t="shared" si="23"/>
        <v>1</v>
      </c>
    </row>
    <row r="1407" spans="1:4" x14ac:dyDescent="0.25">
      <c r="A1407" t="s">
        <v>22</v>
      </c>
      <c r="B1407">
        <v>0.76</v>
      </c>
      <c r="C1407">
        <v>0.65</v>
      </c>
      <c r="D1407">
        <f t="shared" si="23"/>
        <v>1</v>
      </c>
    </row>
    <row r="1408" spans="1:4" x14ac:dyDescent="0.25">
      <c r="A1408" t="s">
        <v>7</v>
      </c>
      <c r="B1408">
        <v>0.2</v>
      </c>
      <c r="C1408">
        <v>0.75</v>
      </c>
      <c r="D1408">
        <f t="shared" si="23"/>
        <v>1</v>
      </c>
    </row>
    <row r="1409" spans="1:4" x14ac:dyDescent="0.25">
      <c r="A1409" t="s">
        <v>15</v>
      </c>
      <c r="B1409">
        <v>0.28999999999999998</v>
      </c>
      <c r="C1409">
        <v>0.1</v>
      </c>
      <c r="D1409">
        <f t="shared" si="23"/>
        <v>3</v>
      </c>
    </row>
    <row r="1410" spans="1:4" x14ac:dyDescent="0.25">
      <c r="A1410" t="s">
        <v>18</v>
      </c>
      <c r="B1410">
        <v>7.0000000000000007E-2</v>
      </c>
      <c r="C1410">
        <v>0.47</v>
      </c>
      <c r="D1410">
        <f t="shared" si="23"/>
        <v>1</v>
      </c>
    </row>
    <row r="1411" spans="1:4" x14ac:dyDescent="0.25">
      <c r="A1411" t="s">
        <v>14</v>
      </c>
      <c r="B1411">
        <v>0.39</v>
      </c>
      <c r="C1411">
        <v>0.67</v>
      </c>
      <c r="D1411">
        <f t="shared" ref="D1411:D1474" si="24">VLOOKUP(A1411,$G$2:$H$21,2)</f>
        <v>3</v>
      </c>
    </row>
    <row r="1412" spans="1:4" x14ac:dyDescent="0.25">
      <c r="A1412" t="s">
        <v>19</v>
      </c>
      <c r="B1412">
        <v>0.89</v>
      </c>
      <c r="C1412">
        <v>0.84</v>
      </c>
      <c r="D1412">
        <f t="shared" si="24"/>
        <v>3</v>
      </c>
    </row>
    <row r="1413" spans="1:4" x14ac:dyDescent="0.25">
      <c r="A1413" t="s">
        <v>13</v>
      </c>
      <c r="B1413">
        <v>0.2</v>
      </c>
      <c r="C1413">
        <v>0.43</v>
      </c>
      <c r="D1413">
        <f t="shared" si="24"/>
        <v>3</v>
      </c>
    </row>
    <row r="1414" spans="1:4" x14ac:dyDescent="0.25">
      <c r="A1414" t="s">
        <v>11</v>
      </c>
      <c r="B1414">
        <v>0.08</v>
      </c>
      <c r="C1414">
        <v>0.81</v>
      </c>
      <c r="D1414">
        <f t="shared" si="24"/>
        <v>1</v>
      </c>
    </row>
    <row r="1415" spans="1:4" x14ac:dyDescent="0.25">
      <c r="A1415" t="s">
        <v>13</v>
      </c>
      <c r="B1415">
        <v>0.16</v>
      </c>
      <c r="C1415">
        <v>0.67</v>
      </c>
      <c r="D1415">
        <f t="shared" si="24"/>
        <v>3</v>
      </c>
    </row>
    <row r="1416" spans="1:4" x14ac:dyDescent="0.25">
      <c r="A1416" t="s">
        <v>14</v>
      </c>
      <c r="B1416">
        <v>0.19</v>
      </c>
      <c r="C1416">
        <v>0.5</v>
      </c>
      <c r="D1416">
        <f t="shared" si="24"/>
        <v>3</v>
      </c>
    </row>
    <row r="1417" spans="1:4" x14ac:dyDescent="0.25">
      <c r="A1417" t="s">
        <v>29</v>
      </c>
      <c r="B1417">
        <v>0.32</v>
      </c>
      <c r="C1417">
        <v>7.0000000000000007E-2</v>
      </c>
      <c r="D1417">
        <f t="shared" si="24"/>
        <v>1</v>
      </c>
    </row>
    <row r="1418" spans="1:4" x14ac:dyDescent="0.25">
      <c r="A1418" t="s">
        <v>25</v>
      </c>
      <c r="B1418">
        <v>0.92</v>
      </c>
      <c r="C1418">
        <v>0.85</v>
      </c>
      <c r="D1418">
        <f t="shared" si="24"/>
        <v>3</v>
      </c>
    </row>
    <row r="1419" spans="1:4" x14ac:dyDescent="0.25">
      <c r="A1419" t="s">
        <v>29</v>
      </c>
      <c r="B1419">
        <v>0.1</v>
      </c>
      <c r="C1419">
        <v>0.19</v>
      </c>
      <c r="D1419">
        <f t="shared" si="24"/>
        <v>1</v>
      </c>
    </row>
    <row r="1420" spans="1:4" x14ac:dyDescent="0.25">
      <c r="A1420" t="s">
        <v>30</v>
      </c>
      <c r="B1420">
        <v>0.7</v>
      </c>
      <c r="C1420">
        <v>0.54</v>
      </c>
      <c r="D1420">
        <f t="shared" si="24"/>
        <v>3</v>
      </c>
    </row>
    <row r="1421" spans="1:4" x14ac:dyDescent="0.25">
      <c r="A1421" t="s">
        <v>27</v>
      </c>
      <c r="B1421">
        <v>0.55000000000000004</v>
      </c>
      <c r="C1421">
        <v>0.73</v>
      </c>
      <c r="D1421">
        <f t="shared" si="24"/>
        <v>3</v>
      </c>
    </row>
    <row r="1422" spans="1:4" x14ac:dyDescent="0.25">
      <c r="A1422" t="s">
        <v>11</v>
      </c>
      <c r="B1422">
        <v>0.89</v>
      </c>
      <c r="C1422">
        <v>0.91</v>
      </c>
      <c r="D1422">
        <f t="shared" si="24"/>
        <v>1</v>
      </c>
    </row>
    <row r="1423" spans="1:4" x14ac:dyDescent="0.25">
      <c r="A1423" t="s">
        <v>14</v>
      </c>
      <c r="B1423">
        <v>0.9</v>
      </c>
      <c r="C1423">
        <v>0.32</v>
      </c>
      <c r="D1423">
        <f t="shared" si="24"/>
        <v>3</v>
      </c>
    </row>
    <row r="1424" spans="1:4" x14ac:dyDescent="0.25">
      <c r="A1424" t="s">
        <v>25</v>
      </c>
      <c r="B1424">
        <v>0.71</v>
      </c>
      <c r="C1424">
        <v>0.8</v>
      </c>
      <c r="D1424">
        <f t="shared" si="24"/>
        <v>3</v>
      </c>
    </row>
    <row r="1425" spans="1:4" x14ac:dyDescent="0.25">
      <c r="A1425" t="s">
        <v>13</v>
      </c>
      <c r="B1425">
        <v>0.33</v>
      </c>
      <c r="C1425">
        <v>0.51</v>
      </c>
      <c r="D1425">
        <f t="shared" si="24"/>
        <v>3</v>
      </c>
    </row>
    <row r="1426" spans="1:4" x14ac:dyDescent="0.25">
      <c r="A1426" t="s">
        <v>15</v>
      </c>
      <c r="B1426">
        <v>0.57999999999999996</v>
      </c>
      <c r="C1426">
        <v>0.27</v>
      </c>
      <c r="D1426">
        <f t="shared" si="24"/>
        <v>3</v>
      </c>
    </row>
    <row r="1427" spans="1:4" x14ac:dyDescent="0.25">
      <c r="A1427" t="s">
        <v>28</v>
      </c>
      <c r="B1427">
        <v>0.04</v>
      </c>
      <c r="C1427">
        <v>0.53</v>
      </c>
      <c r="D1427">
        <f t="shared" si="24"/>
        <v>3</v>
      </c>
    </row>
    <row r="1428" spans="1:4" x14ac:dyDescent="0.25">
      <c r="A1428" t="s">
        <v>21</v>
      </c>
      <c r="B1428">
        <v>0.92</v>
      </c>
      <c r="C1428">
        <v>0.42</v>
      </c>
      <c r="D1428">
        <f t="shared" si="24"/>
        <v>2</v>
      </c>
    </row>
    <row r="1429" spans="1:4" x14ac:dyDescent="0.25">
      <c r="A1429" t="s">
        <v>15</v>
      </c>
      <c r="B1429">
        <v>0.79</v>
      </c>
      <c r="C1429">
        <v>0.22</v>
      </c>
      <c r="D1429">
        <f t="shared" si="24"/>
        <v>3</v>
      </c>
    </row>
    <row r="1430" spans="1:4" x14ac:dyDescent="0.25">
      <c r="A1430" t="s">
        <v>23</v>
      </c>
      <c r="B1430">
        <v>7.0000000000000007E-2</v>
      </c>
      <c r="C1430">
        <v>0.32</v>
      </c>
      <c r="D1430">
        <f t="shared" si="24"/>
        <v>1</v>
      </c>
    </row>
    <row r="1431" spans="1:4" x14ac:dyDescent="0.25">
      <c r="A1431" t="s">
        <v>13</v>
      </c>
      <c r="B1431">
        <v>0.77</v>
      </c>
      <c r="C1431">
        <v>0.63</v>
      </c>
      <c r="D1431">
        <f t="shared" si="24"/>
        <v>3</v>
      </c>
    </row>
    <row r="1432" spans="1:4" x14ac:dyDescent="0.25">
      <c r="A1432" t="s">
        <v>30</v>
      </c>
      <c r="B1432">
        <v>0.41</v>
      </c>
      <c r="C1432">
        <v>0.35</v>
      </c>
      <c r="D1432">
        <f t="shared" si="24"/>
        <v>3</v>
      </c>
    </row>
    <row r="1433" spans="1:4" x14ac:dyDescent="0.25">
      <c r="A1433" t="s">
        <v>11</v>
      </c>
      <c r="B1433">
        <v>0.91</v>
      </c>
      <c r="C1433">
        <v>0.94</v>
      </c>
      <c r="D1433">
        <f t="shared" si="24"/>
        <v>1</v>
      </c>
    </row>
    <row r="1434" spans="1:4" x14ac:dyDescent="0.25">
      <c r="A1434" t="s">
        <v>22</v>
      </c>
      <c r="B1434">
        <v>0.89</v>
      </c>
      <c r="C1434">
        <v>0.4</v>
      </c>
      <c r="D1434">
        <f t="shared" si="24"/>
        <v>1</v>
      </c>
    </row>
    <row r="1435" spans="1:4" x14ac:dyDescent="0.25">
      <c r="A1435" t="s">
        <v>25</v>
      </c>
      <c r="B1435">
        <v>0.64</v>
      </c>
      <c r="C1435">
        <v>0.83</v>
      </c>
      <c r="D1435">
        <f t="shared" si="24"/>
        <v>3</v>
      </c>
    </row>
    <row r="1436" spans="1:4" x14ac:dyDescent="0.25">
      <c r="A1436" t="s">
        <v>23</v>
      </c>
      <c r="B1436">
        <v>0.04</v>
      </c>
      <c r="C1436">
        <v>0.66</v>
      </c>
      <c r="D1436">
        <f t="shared" si="24"/>
        <v>1</v>
      </c>
    </row>
    <row r="1437" spans="1:4" x14ac:dyDescent="0.25">
      <c r="A1437" t="s">
        <v>20</v>
      </c>
      <c r="B1437">
        <v>0.53</v>
      </c>
      <c r="C1437">
        <v>0.49</v>
      </c>
      <c r="D1437">
        <f t="shared" si="24"/>
        <v>3</v>
      </c>
    </row>
    <row r="1438" spans="1:4" x14ac:dyDescent="0.25">
      <c r="A1438" t="s">
        <v>13</v>
      </c>
      <c r="B1438">
        <v>0.28000000000000003</v>
      </c>
      <c r="C1438">
        <v>0.56999999999999995</v>
      </c>
      <c r="D1438">
        <f t="shared" si="24"/>
        <v>3</v>
      </c>
    </row>
    <row r="1439" spans="1:4" x14ac:dyDescent="0.25">
      <c r="A1439" t="s">
        <v>23</v>
      </c>
      <c r="B1439">
        <v>0.98</v>
      </c>
      <c r="C1439">
        <v>0.64</v>
      </c>
      <c r="D1439">
        <f t="shared" si="24"/>
        <v>1</v>
      </c>
    </row>
    <row r="1440" spans="1:4" x14ac:dyDescent="0.25">
      <c r="A1440" t="s">
        <v>26</v>
      </c>
      <c r="B1440">
        <v>0.77</v>
      </c>
      <c r="C1440">
        <v>0.05</v>
      </c>
      <c r="D1440">
        <f t="shared" si="24"/>
        <v>3</v>
      </c>
    </row>
    <row r="1441" spans="1:4" x14ac:dyDescent="0.25">
      <c r="A1441" t="s">
        <v>18</v>
      </c>
      <c r="B1441">
        <v>0.23</v>
      </c>
      <c r="C1441">
        <v>0.45</v>
      </c>
      <c r="D1441">
        <f t="shared" si="24"/>
        <v>1</v>
      </c>
    </row>
    <row r="1442" spans="1:4" x14ac:dyDescent="0.25">
      <c r="A1442" t="s">
        <v>29</v>
      </c>
      <c r="B1442">
        <v>0.87</v>
      </c>
      <c r="C1442">
        <v>0.28000000000000003</v>
      </c>
      <c r="D1442">
        <f t="shared" si="24"/>
        <v>1</v>
      </c>
    </row>
    <row r="1443" spans="1:4" x14ac:dyDescent="0.25">
      <c r="A1443" t="s">
        <v>15</v>
      </c>
      <c r="B1443">
        <v>0.27</v>
      </c>
      <c r="C1443">
        <v>0.13</v>
      </c>
      <c r="D1443">
        <f t="shared" si="24"/>
        <v>3</v>
      </c>
    </row>
    <row r="1444" spans="1:4" x14ac:dyDescent="0.25">
      <c r="A1444" t="s">
        <v>13</v>
      </c>
      <c r="B1444">
        <v>0.83</v>
      </c>
      <c r="C1444">
        <v>0.63</v>
      </c>
      <c r="D1444">
        <f t="shared" si="24"/>
        <v>3</v>
      </c>
    </row>
    <row r="1445" spans="1:4" x14ac:dyDescent="0.25">
      <c r="A1445" t="s">
        <v>23</v>
      </c>
      <c r="B1445">
        <v>0.04</v>
      </c>
      <c r="C1445">
        <v>0.59</v>
      </c>
      <c r="D1445">
        <f t="shared" si="24"/>
        <v>1</v>
      </c>
    </row>
    <row r="1446" spans="1:4" x14ac:dyDescent="0.25">
      <c r="A1446" t="s">
        <v>11</v>
      </c>
      <c r="B1446">
        <v>0.7</v>
      </c>
      <c r="C1446">
        <v>0.95</v>
      </c>
      <c r="D1446">
        <f t="shared" si="24"/>
        <v>1</v>
      </c>
    </row>
    <row r="1447" spans="1:4" x14ac:dyDescent="0.25">
      <c r="A1447" t="s">
        <v>23</v>
      </c>
      <c r="B1447">
        <v>0.65</v>
      </c>
      <c r="C1447">
        <v>0.44</v>
      </c>
      <c r="D1447">
        <f t="shared" si="24"/>
        <v>1</v>
      </c>
    </row>
    <row r="1448" spans="1:4" x14ac:dyDescent="0.25">
      <c r="A1448" t="s">
        <v>21</v>
      </c>
      <c r="B1448">
        <v>0.6</v>
      </c>
      <c r="C1448">
        <v>0.36</v>
      </c>
      <c r="D1448">
        <f t="shared" si="24"/>
        <v>2</v>
      </c>
    </row>
    <row r="1449" spans="1:4" x14ac:dyDescent="0.25">
      <c r="A1449" t="s">
        <v>19</v>
      </c>
      <c r="B1449">
        <v>0.19</v>
      </c>
      <c r="C1449">
        <v>0.94</v>
      </c>
      <c r="D1449">
        <f t="shared" si="24"/>
        <v>3</v>
      </c>
    </row>
    <row r="1450" spans="1:4" x14ac:dyDescent="0.25">
      <c r="A1450" t="s">
        <v>26</v>
      </c>
      <c r="B1450">
        <v>0.34</v>
      </c>
      <c r="C1450">
        <v>0.19</v>
      </c>
      <c r="D1450">
        <f t="shared" si="24"/>
        <v>3</v>
      </c>
    </row>
    <row r="1451" spans="1:4" x14ac:dyDescent="0.25">
      <c r="A1451" t="s">
        <v>11</v>
      </c>
      <c r="B1451">
        <v>0.85</v>
      </c>
      <c r="C1451">
        <v>0.84</v>
      </c>
      <c r="D1451">
        <f t="shared" si="24"/>
        <v>1</v>
      </c>
    </row>
    <row r="1452" spans="1:4" x14ac:dyDescent="0.25">
      <c r="A1452" t="s">
        <v>27</v>
      </c>
      <c r="B1452">
        <v>0.21</v>
      </c>
      <c r="C1452">
        <v>0.9</v>
      </c>
      <c r="D1452">
        <f t="shared" si="24"/>
        <v>3</v>
      </c>
    </row>
    <row r="1453" spans="1:4" x14ac:dyDescent="0.25">
      <c r="A1453" t="s">
        <v>30</v>
      </c>
      <c r="B1453">
        <v>0.14000000000000001</v>
      </c>
      <c r="C1453">
        <v>0.49</v>
      </c>
      <c r="D1453">
        <f t="shared" si="24"/>
        <v>3</v>
      </c>
    </row>
    <row r="1454" spans="1:4" x14ac:dyDescent="0.25">
      <c r="A1454" t="s">
        <v>30</v>
      </c>
      <c r="B1454">
        <v>0.86</v>
      </c>
      <c r="C1454">
        <v>0.56000000000000005</v>
      </c>
      <c r="D1454">
        <f t="shared" si="24"/>
        <v>3</v>
      </c>
    </row>
    <row r="1455" spans="1:4" x14ac:dyDescent="0.25">
      <c r="A1455" t="s">
        <v>26</v>
      </c>
      <c r="B1455">
        <v>0.8</v>
      </c>
      <c r="C1455">
        <v>0.12</v>
      </c>
      <c r="D1455">
        <f t="shared" si="24"/>
        <v>3</v>
      </c>
    </row>
    <row r="1456" spans="1:4" x14ac:dyDescent="0.25">
      <c r="A1456" t="s">
        <v>28</v>
      </c>
      <c r="B1456">
        <v>0.32</v>
      </c>
      <c r="C1456">
        <v>0.56000000000000005</v>
      </c>
      <c r="D1456">
        <f t="shared" si="24"/>
        <v>3</v>
      </c>
    </row>
    <row r="1457" spans="1:4" x14ac:dyDescent="0.25">
      <c r="A1457" t="s">
        <v>11</v>
      </c>
      <c r="B1457">
        <v>0.93</v>
      </c>
      <c r="C1457">
        <v>0.91</v>
      </c>
      <c r="D1457">
        <f t="shared" si="24"/>
        <v>1</v>
      </c>
    </row>
    <row r="1458" spans="1:4" x14ac:dyDescent="0.25">
      <c r="A1458" t="s">
        <v>17</v>
      </c>
      <c r="B1458">
        <v>0.1</v>
      </c>
      <c r="C1458">
        <v>0.25</v>
      </c>
      <c r="D1458">
        <f t="shared" si="24"/>
        <v>3</v>
      </c>
    </row>
    <row r="1459" spans="1:4" x14ac:dyDescent="0.25">
      <c r="A1459" t="s">
        <v>9</v>
      </c>
      <c r="B1459">
        <v>0.7</v>
      </c>
      <c r="C1459">
        <v>0.08</v>
      </c>
      <c r="D1459">
        <f t="shared" si="24"/>
        <v>3</v>
      </c>
    </row>
    <row r="1460" spans="1:4" x14ac:dyDescent="0.25">
      <c r="A1460" t="s">
        <v>15</v>
      </c>
      <c r="B1460">
        <v>0.87</v>
      </c>
      <c r="C1460">
        <v>0.26</v>
      </c>
      <c r="D1460">
        <f t="shared" si="24"/>
        <v>3</v>
      </c>
    </row>
    <row r="1461" spans="1:4" x14ac:dyDescent="0.25">
      <c r="A1461" t="s">
        <v>20</v>
      </c>
      <c r="B1461">
        <v>0.53</v>
      </c>
      <c r="C1461">
        <v>0.35</v>
      </c>
      <c r="D1461">
        <f t="shared" si="24"/>
        <v>3</v>
      </c>
    </row>
    <row r="1462" spans="1:4" x14ac:dyDescent="0.25">
      <c r="A1462" t="s">
        <v>29</v>
      </c>
      <c r="B1462">
        <v>0.53</v>
      </c>
      <c r="C1462">
        <v>0.05</v>
      </c>
      <c r="D1462">
        <f t="shared" si="24"/>
        <v>1</v>
      </c>
    </row>
    <row r="1463" spans="1:4" x14ac:dyDescent="0.25">
      <c r="A1463" t="s">
        <v>15</v>
      </c>
      <c r="B1463">
        <v>0.19</v>
      </c>
      <c r="C1463">
        <v>0.14000000000000001</v>
      </c>
      <c r="D1463">
        <f t="shared" si="24"/>
        <v>3</v>
      </c>
    </row>
    <row r="1464" spans="1:4" x14ac:dyDescent="0.25">
      <c r="A1464" t="s">
        <v>9</v>
      </c>
      <c r="B1464">
        <v>0.56000000000000005</v>
      </c>
      <c r="C1464">
        <v>0.2</v>
      </c>
      <c r="D1464">
        <f t="shared" si="24"/>
        <v>3</v>
      </c>
    </row>
    <row r="1465" spans="1:4" x14ac:dyDescent="0.25">
      <c r="A1465" t="s">
        <v>9</v>
      </c>
      <c r="B1465">
        <v>0.51</v>
      </c>
      <c r="C1465">
        <v>0.09</v>
      </c>
      <c r="D1465">
        <f t="shared" si="24"/>
        <v>3</v>
      </c>
    </row>
    <row r="1466" spans="1:4" x14ac:dyDescent="0.25">
      <c r="A1466" t="s">
        <v>23</v>
      </c>
      <c r="B1466">
        <v>0.41</v>
      </c>
      <c r="C1466">
        <v>0.65</v>
      </c>
      <c r="D1466">
        <f t="shared" si="24"/>
        <v>1</v>
      </c>
    </row>
    <row r="1467" spans="1:4" x14ac:dyDescent="0.25">
      <c r="A1467" t="s">
        <v>27</v>
      </c>
      <c r="B1467">
        <v>0.94</v>
      </c>
      <c r="C1467">
        <v>0.93</v>
      </c>
      <c r="D1467">
        <f t="shared" si="24"/>
        <v>3</v>
      </c>
    </row>
    <row r="1468" spans="1:4" x14ac:dyDescent="0.25">
      <c r="A1468" t="s">
        <v>17</v>
      </c>
      <c r="B1468">
        <v>0.08</v>
      </c>
      <c r="C1468">
        <v>0.28000000000000003</v>
      </c>
      <c r="D1468">
        <f t="shared" si="24"/>
        <v>3</v>
      </c>
    </row>
    <row r="1469" spans="1:4" x14ac:dyDescent="0.25">
      <c r="A1469" t="s">
        <v>30</v>
      </c>
      <c r="B1469">
        <v>0.83</v>
      </c>
      <c r="C1469">
        <v>0.65</v>
      </c>
      <c r="D1469">
        <f t="shared" si="24"/>
        <v>3</v>
      </c>
    </row>
    <row r="1470" spans="1:4" x14ac:dyDescent="0.25">
      <c r="A1470" t="s">
        <v>26</v>
      </c>
      <c r="B1470">
        <v>0.79</v>
      </c>
      <c r="C1470">
        <v>0.05</v>
      </c>
      <c r="D1470">
        <f t="shared" si="24"/>
        <v>3</v>
      </c>
    </row>
    <row r="1471" spans="1:4" x14ac:dyDescent="0.25">
      <c r="A1471" t="s">
        <v>7</v>
      </c>
      <c r="B1471">
        <v>0.52</v>
      </c>
      <c r="C1471">
        <v>0.72</v>
      </c>
      <c r="D1471">
        <f t="shared" si="24"/>
        <v>1</v>
      </c>
    </row>
    <row r="1472" spans="1:4" x14ac:dyDescent="0.25">
      <c r="A1472" t="s">
        <v>23</v>
      </c>
      <c r="B1472">
        <v>0.47</v>
      </c>
      <c r="C1472">
        <v>0.68</v>
      </c>
      <c r="D1472">
        <f t="shared" si="24"/>
        <v>1</v>
      </c>
    </row>
    <row r="1473" spans="1:4" x14ac:dyDescent="0.25">
      <c r="A1473" t="s">
        <v>11</v>
      </c>
      <c r="B1473">
        <v>0.05</v>
      </c>
      <c r="C1473">
        <v>0.93</v>
      </c>
      <c r="D1473">
        <f t="shared" si="24"/>
        <v>1</v>
      </c>
    </row>
    <row r="1474" spans="1:4" x14ac:dyDescent="0.25">
      <c r="A1474" t="s">
        <v>29</v>
      </c>
      <c r="B1474">
        <v>0.43</v>
      </c>
      <c r="C1474">
        <v>0.12</v>
      </c>
      <c r="D1474">
        <f t="shared" si="24"/>
        <v>1</v>
      </c>
    </row>
    <row r="1475" spans="1:4" x14ac:dyDescent="0.25">
      <c r="A1475" t="s">
        <v>23</v>
      </c>
      <c r="B1475">
        <v>0</v>
      </c>
      <c r="C1475">
        <v>0.48</v>
      </c>
      <c r="D1475">
        <f t="shared" ref="D1475:D1538" si="25">VLOOKUP(A1475,$G$2:$H$21,2)</f>
        <v>1</v>
      </c>
    </row>
    <row r="1476" spans="1:4" x14ac:dyDescent="0.25">
      <c r="A1476" t="s">
        <v>25</v>
      </c>
      <c r="B1476">
        <v>0.28999999999999998</v>
      </c>
      <c r="C1476">
        <v>0.7</v>
      </c>
      <c r="D1476">
        <f t="shared" si="25"/>
        <v>3</v>
      </c>
    </row>
    <row r="1477" spans="1:4" x14ac:dyDescent="0.25">
      <c r="A1477" t="s">
        <v>18</v>
      </c>
      <c r="B1477">
        <v>0.54</v>
      </c>
      <c r="C1477">
        <v>0.37</v>
      </c>
      <c r="D1477">
        <f t="shared" si="25"/>
        <v>1</v>
      </c>
    </row>
    <row r="1478" spans="1:4" x14ac:dyDescent="0.25">
      <c r="A1478" t="s">
        <v>26</v>
      </c>
      <c r="B1478">
        <v>0.99</v>
      </c>
      <c r="C1478">
        <v>0.19</v>
      </c>
      <c r="D1478">
        <f t="shared" si="25"/>
        <v>3</v>
      </c>
    </row>
    <row r="1479" spans="1:4" x14ac:dyDescent="0.25">
      <c r="A1479" t="s">
        <v>14</v>
      </c>
      <c r="B1479">
        <v>0.3</v>
      </c>
      <c r="C1479">
        <v>0.46</v>
      </c>
      <c r="D1479">
        <f t="shared" si="25"/>
        <v>3</v>
      </c>
    </row>
    <row r="1480" spans="1:4" x14ac:dyDescent="0.25">
      <c r="A1480" t="s">
        <v>20</v>
      </c>
      <c r="B1480">
        <v>0.18</v>
      </c>
      <c r="C1480">
        <v>0.5</v>
      </c>
      <c r="D1480">
        <f t="shared" si="25"/>
        <v>3</v>
      </c>
    </row>
    <row r="1481" spans="1:4" x14ac:dyDescent="0.25">
      <c r="A1481" t="s">
        <v>21</v>
      </c>
      <c r="B1481">
        <v>0.35</v>
      </c>
      <c r="C1481">
        <v>0.34</v>
      </c>
      <c r="D1481">
        <f t="shared" si="25"/>
        <v>2</v>
      </c>
    </row>
    <row r="1482" spans="1:4" x14ac:dyDescent="0.25">
      <c r="A1482" t="s">
        <v>23</v>
      </c>
      <c r="B1482">
        <v>0.12</v>
      </c>
      <c r="C1482">
        <v>0.63</v>
      </c>
      <c r="D1482">
        <f t="shared" si="25"/>
        <v>1</v>
      </c>
    </row>
    <row r="1483" spans="1:4" x14ac:dyDescent="0.25">
      <c r="A1483" t="s">
        <v>15</v>
      </c>
      <c r="B1483">
        <v>0.85</v>
      </c>
      <c r="C1483">
        <v>0.13</v>
      </c>
      <c r="D1483">
        <f t="shared" si="25"/>
        <v>3</v>
      </c>
    </row>
    <row r="1484" spans="1:4" x14ac:dyDescent="0.25">
      <c r="A1484" t="s">
        <v>7</v>
      </c>
      <c r="B1484">
        <v>0.96</v>
      </c>
      <c r="C1484">
        <v>0.8</v>
      </c>
      <c r="D1484">
        <f t="shared" si="25"/>
        <v>1</v>
      </c>
    </row>
    <row r="1485" spans="1:4" x14ac:dyDescent="0.25">
      <c r="A1485" t="s">
        <v>19</v>
      </c>
      <c r="B1485">
        <v>0.68</v>
      </c>
      <c r="C1485">
        <v>0.82</v>
      </c>
      <c r="D1485">
        <f t="shared" si="25"/>
        <v>3</v>
      </c>
    </row>
    <row r="1486" spans="1:4" x14ac:dyDescent="0.25">
      <c r="A1486" t="s">
        <v>18</v>
      </c>
      <c r="B1486">
        <v>0.3</v>
      </c>
      <c r="C1486">
        <v>0.47</v>
      </c>
      <c r="D1486">
        <f t="shared" si="25"/>
        <v>1</v>
      </c>
    </row>
    <row r="1487" spans="1:4" x14ac:dyDescent="0.25">
      <c r="A1487" t="s">
        <v>13</v>
      </c>
      <c r="B1487">
        <v>7.0000000000000007E-2</v>
      </c>
      <c r="C1487">
        <v>0.31</v>
      </c>
      <c r="D1487">
        <f t="shared" si="25"/>
        <v>3</v>
      </c>
    </row>
    <row r="1488" spans="1:4" x14ac:dyDescent="0.25">
      <c r="A1488" t="s">
        <v>15</v>
      </c>
      <c r="B1488">
        <v>0.89</v>
      </c>
      <c r="C1488">
        <v>0.15</v>
      </c>
      <c r="D1488">
        <f t="shared" si="25"/>
        <v>3</v>
      </c>
    </row>
    <row r="1489" spans="1:4" x14ac:dyDescent="0.25">
      <c r="A1489" t="s">
        <v>15</v>
      </c>
      <c r="B1489">
        <v>0.38</v>
      </c>
      <c r="C1489">
        <v>0.17</v>
      </c>
      <c r="D1489">
        <f t="shared" si="25"/>
        <v>3</v>
      </c>
    </row>
    <row r="1490" spans="1:4" x14ac:dyDescent="0.25">
      <c r="A1490" t="s">
        <v>20</v>
      </c>
      <c r="B1490">
        <v>0.83</v>
      </c>
      <c r="C1490">
        <v>0.63</v>
      </c>
      <c r="D1490">
        <f t="shared" si="25"/>
        <v>3</v>
      </c>
    </row>
    <row r="1491" spans="1:4" x14ac:dyDescent="0.25">
      <c r="A1491" t="s">
        <v>13</v>
      </c>
      <c r="B1491">
        <v>0.99</v>
      </c>
      <c r="C1491">
        <v>0.63</v>
      </c>
      <c r="D1491">
        <f t="shared" si="25"/>
        <v>3</v>
      </c>
    </row>
    <row r="1492" spans="1:4" x14ac:dyDescent="0.25">
      <c r="A1492" t="s">
        <v>29</v>
      </c>
      <c r="B1492">
        <v>0.97</v>
      </c>
      <c r="C1492">
        <v>0.28000000000000003</v>
      </c>
      <c r="D1492">
        <f t="shared" si="25"/>
        <v>1</v>
      </c>
    </row>
    <row r="1493" spans="1:4" x14ac:dyDescent="0.25">
      <c r="A1493" t="s">
        <v>19</v>
      </c>
      <c r="B1493">
        <v>0.14000000000000001</v>
      </c>
      <c r="C1493">
        <v>0.84</v>
      </c>
      <c r="D1493">
        <f t="shared" si="25"/>
        <v>3</v>
      </c>
    </row>
    <row r="1494" spans="1:4" x14ac:dyDescent="0.25">
      <c r="A1494" t="s">
        <v>19</v>
      </c>
      <c r="B1494">
        <v>0.6</v>
      </c>
      <c r="C1494">
        <v>0.83</v>
      </c>
      <c r="D1494">
        <f t="shared" si="25"/>
        <v>3</v>
      </c>
    </row>
    <row r="1495" spans="1:4" x14ac:dyDescent="0.25">
      <c r="A1495" t="s">
        <v>19</v>
      </c>
      <c r="B1495">
        <v>0.9</v>
      </c>
      <c r="C1495">
        <v>0.93</v>
      </c>
      <c r="D1495">
        <f t="shared" si="25"/>
        <v>3</v>
      </c>
    </row>
    <row r="1496" spans="1:4" x14ac:dyDescent="0.25">
      <c r="A1496" t="s">
        <v>25</v>
      </c>
      <c r="B1496">
        <v>0.78</v>
      </c>
      <c r="C1496">
        <v>0.88</v>
      </c>
      <c r="D1496">
        <f t="shared" si="25"/>
        <v>3</v>
      </c>
    </row>
    <row r="1497" spans="1:4" x14ac:dyDescent="0.25">
      <c r="A1497" t="s">
        <v>25</v>
      </c>
      <c r="B1497">
        <v>0.98</v>
      </c>
      <c r="C1497">
        <v>0.89</v>
      </c>
      <c r="D1497">
        <f t="shared" si="25"/>
        <v>3</v>
      </c>
    </row>
    <row r="1498" spans="1:4" x14ac:dyDescent="0.25">
      <c r="A1498" t="s">
        <v>19</v>
      </c>
      <c r="B1498">
        <v>0.15</v>
      </c>
      <c r="C1498">
        <v>0.92</v>
      </c>
      <c r="D1498">
        <f t="shared" si="25"/>
        <v>3</v>
      </c>
    </row>
    <row r="1499" spans="1:4" x14ac:dyDescent="0.25">
      <c r="A1499" t="s">
        <v>25</v>
      </c>
      <c r="B1499">
        <v>0.26</v>
      </c>
      <c r="C1499">
        <v>0.94</v>
      </c>
      <c r="D1499">
        <f t="shared" si="25"/>
        <v>3</v>
      </c>
    </row>
    <row r="1500" spans="1:4" x14ac:dyDescent="0.25">
      <c r="A1500" t="s">
        <v>23</v>
      </c>
      <c r="B1500">
        <v>0.66</v>
      </c>
      <c r="C1500">
        <v>0.55000000000000004</v>
      </c>
      <c r="D1500">
        <f t="shared" si="25"/>
        <v>1</v>
      </c>
    </row>
    <row r="1501" spans="1:4" x14ac:dyDescent="0.25">
      <c r="A1501" t="s">
        <v>27</v>
      </c>
      <c r="B1501">
        <v>0.91</v>
      </c>
      <c r="C1501">
        <v>0.72</v>
      </c>
      <c r="D1501">
        <f t="shared" si="25"/>
        <v>3</v>
      </c>
    </row>
    <row r="1502" spans="1:4" x14ac:dyDescent="0.25">
      <c r="A1502" t="s">
        <v>21</v>
      </c>
      <c r="B1502">
        <v>0.42</v>
      </c>
      <c r="C1502">
        <v>0.33</v>
      </c>
      <c r="D1502">
        <f t="shared" si="25"/>
        <v>2</v>
      </c>
    </row>
    <row r="1503" spans="1:4" x14ac:dyDescent="0.25">
      <c r="A1503" t="s">
        <v>30</v>
      </c>
      <c r="B1503">
        <v>0.42</v>
      </c>
      <c r="C1503">
        <v>0.41</v>
      </c>
      <c r="D1503">
        <f t="shared" si="25"/>
        <v>3</v>
      </c>
    </row>
    <row r="1504" spans="1:4" x14ac:dyDescent="0.25">
      <c r="A1504" t="s">
        <v>30</v>
      </c>
      <c r="B1504">
        <v>0.95</v>
      </c>
      <c r="C1504">
        <v>0.48</v>
      </c>
      <c r="D1504">
        <f t="shared" si="25"/>
        <v>3</v>
      </c>
    </row>
    <row r="1505" spans="1:4" x14ac:dyDescent="0.25">
      <c r="A1505" t="s">
        <v>27</v>
      </c>
      <c r="B1505">
        <v>0.6</v>
      </c>
      <c r="C1505">
        <v>0.8</v>
      </c>
      <c r="D1505">
        <f t="shared" si="25"/>
        <v>3</v>
      </c>
    </row>
    <row r="1506" spans="1:4" x14ac:dyDescent="0.25">
      <c r="A1506" t="s">
        <v>28</v>
      </c>
      <c r="B1506">
        <v>1</v>
      </c>
      <c r="C1506">
        <v>0.33</v>
      </c>
      <c r="D1506">
        <f t="shared" si="25"/>
        <v>3</v>
      </c>
    </row>
    <row r="1507" spans="1:4" x14ac:dyDescent="0.25">
      <c r="A1507" t="s">
        <v>30</v>
      </c>
      <c r="B1507">
        <v>0.12</v>
      </c>
      <c r="C1507">
        <v>0.7</v>
      </c>
      <c r="D1507">
        <f t="shared" si="25"/>
        <v>3</v>
      </c>
    </row>
    <row r="1508" spans="1:4" x14ac:dyDescent="0.25">
      <c r="A1508" t="s">
        <v>14</v>
      </c>
      <c r="B1508">
        <v>0.51</v>
      </c>
      <c r="C1508">
        <v>0.42</v>
      </c>
      <c r="D1508">
        <f t="shared" si="25"/>
        <v>3</v>
      </c>
    </row>
    <row r="1509" spans="1:4" x14ac:dyDescent="0.25">
      <c r="A1509" t="s">
        <v>9</v>
      </c>
      <c r="B1509">
        <v>0.02</v>
      </c>
      <c r="C1509">
        <v>0.27</v>
      </c>
      <c r="D1509">
        <f t="shared" si="25"/>
        <v>3</v>
      </c>
    </row>
    <row r="1510" spans="1:4" x14ac:dyDescent="0.25">
      <c r="A1510" t="s">
        <v>16</v>
      </c>
      <c r="B1510">
        <v>0.35</v>
      </c>
      <c r="C1510">
        <v>0.38</v>
      </c>
      <c r="D1510">
        <f t="shared" si="25"/>
        <v>3</v>
      </c>
    </row>
    <row r="1511" spans="1:4" x14ac:dyDescent="0.25">
      <c r="A1511" t="s">
        <v>23</v>
      </c>
      <c r="B1511">
        <v>0.66</v>
      </c>
      <c r="C1511">
        <v>0.41</v>
      </c>
      <c r="D1511">
        <f t="shared" si="25"/>
        <v>1</v>
      </c>
    </row>
    <row r="1512" spans="1:4" x14ac:dyDescent="0.25">
      <c r="A1512" t="s">
        <v>29</v>
      </c>
      <c r="B1512">
        <v>0.46</v>
      </c>
      <c r="C1512">
        <v>0.28000000000000003</v>
      </c>
      <c r="D1512">
        <f t="shared" si="25"/>
        <v>1</v>
      </c>
    </row>
    <row r="1513" spans="1:4" x14ac:dyDescent="0.25">
      <c r="A1513" t="s">
        <v>18</v>
      </c>
      <c r="B1513">
        <v>0.17</v>
      </c>
      <c r="C1513">
        <v>0.62</v>
      </c>
      <c r="D1513">
        <f t="shared" si="25"/>
        <v>1</v>
      </c>
    </row>
    <row r="1514" spans="1:4" x14ac:dyDescent="0.25">
      <c r="A1514" t="s">
        <v>11</v>
      </c>
      <c r="B1514">
        <v>0.7</v>
      </c>
      <c r="C1514">
        <v>0.72</v>
      </c>
      <c r="D1514">
        <f t="shared" si="25"/>
        <v>1</v>
      </c>
    </row>
    <row r="1515" spans="1:4" x14ac:dyDescent="0.25">
      <c r="A1515" t="s">
        <v>22</v>
      </c>
      <c r="B1515">
        <v>0.78</v>
      </c>
      <c r="C1515">
        <v>0.44</v>
      </c>
      <c r="D1515">
        <f t="shared" si="25"/>
        <v>1</v>
      </c>
    </row>
    <row r="1516" spans="1:4" x14ac:dyDescent="0.25">
      <c r="A1516" t="s">
        <v>23</v>
      </c>
      <c r="B1516">
        <v>0.41</v>
      </c>
      <c r="C1516">
        <v>0.63</v>
      </c>
      <c r="D1516">
        <f t="shared" si="25"/>
        <v>1</v>
      </c>
    </row>
    <row r="1517" spans="1:4" x14ac:dyDescent="0.25">
      <c r="A1517" t="s">
        <v>18</v>
      </c>
      <c r="B1517">
        <v>0.61</v>
      </c>
      <c r="C1517">
        <v>0.6</v>
      </c>
      <c r="D1517">
        <f t="shared" si="25"/>
        <v>1</v>
      </c>
    </row>
    <row r="1518" spans="1:4" x14ac:dyDescent="0.25">
      <c r="A1518" t="s">
        <v>30</v>
      </c>
      <c r="B1518">
        <v>0.9</v>
      </c>
      <c r="C1518">
        <v>0.66</v>
      </c>
      <c r="D1518">
        <f t="shared" si="25"/>
        <v>3</v>
      </c>
    </row>
    <row r="1519" spans="1:4" x14ac:dyDescent="0.25">
      <c r="A1519" t="s">
        <v>14</v>
      </c>
      <c r="B1519">
        <v>0.63</v>
      </c>
      <c r="C1519">
        <v>0.53</v>
      </c>
      <c r="D1519">
        <f t="shared" si="25"/>
        <v>3</v>
      </c>
    </row>
    <row r="1520" spans="1:4" x14ac:dyDescent="0.25">
      <c r="A1520" t="s">
        <v>27</v>
      </c>
      <c r="B1520">
        <v>0.15</v>
      </c>
      <c r="C1520">
        <v>0.8</v>
      </c>
      <c r="D1520">
        <f t="shared" si="25"/>
        <v>3</v>
      </c>
    </row>
    <row r="1521" spans="1:4" x14ac:dyDescent="0.25">
      <c r="A1521" t="s">
        <v>22</v>
      </c>
      <c r="B1521">
        <v>0.28999999999999998</v>
      </c>
      <c r="C1521">
        <v>0.64</v>
      </c>
      <c r="D1521">
        <f t="shared" si="25"/>
        <v>1</v>
      </c>
    </row>
    <row r="1522" spans="1:4" x14ac:dyDescent="0.25">
      <c r="A1522" t="s">
        <v>7</v>
      </c>
      <c r="B1522">
        <v>0.56999999999999995</v>
      </c>
      <c r="C1522">
        <v>0.8</v>
      </c>
      <c r="D1522">
        <f t="shared" si="25"/>
        <v>1</v>
      </c>
    </row>
    <row r="1523" spans="1:4" x14ac:dyDescent="0.25">
      <c r="A1523" t="s">
        <v>26</v>
      </c>
      <c r="B1523">
        <v>0.01</v>
      </c>
      <c r="C1523">
        <v>0.23</v>
      </c>
      <c r="D1523">
        <f t="shared" si="25"/>
        <v>3</v>
      </c>
    </row>
    <row r="1524" spans="1:4" x14ac:dyDescent="0.25">
      <c r="A1524" t="s">
        <v>19</v>
      </c>
      <c r="B1524">
        <v>0.33</v>
      </c>
      <c r="C1524">
        <v>0.88</v>
      </c>
      <c r="D1524">
        <f t="shared" si="25"/>
        <v>3</v>
      </c>
    </row>
    <row r="1525" spans="1:4" x14ac:dyDescent="0.25">
      <c r="A1525" t="s">
        <v>27</v>
      </c>
      <c r="B1525">
        <v>0.78</v>
      </c>
      <c r="C1525">
        <v>0.75</v>
      </c>
      <c r="D1525">
        <f t="shared" si="25"/>
        <v>3</v>
      </c>
    </row>
    <row r="1526" spans="1:4" x14ac:dyDescent="0.25">
      <c r="A1526" t="s">
        <v>29</v>
      </c>
      <c r="B1526">
        <v>0.19</v>
      </c>
      <c r="C1526">
        <v>7.0000000000000007E-2</v>
      </c>
      <c r="D1526">
        <f t="shared" si="25"/>
        <v>1</v>
      </c>
    </row>
    <row r="1527" spans="1:4" x14ac:dyDescent="0.25">
      <c r="A1527" t="s">
        <v>14</v>
      </c>
      <c r="B1527">
        <v>0.83</v>
      </c>
      <c r="C1527">
        <v>0.31</v>
      </c>
      <c r="D1527">
        <f t="shared" si="25"/>
        <v>3</v>
      </c>
    </row>
    <row r="1528" spans="1:4" x14ac:dyDescent="0.25">
      <c r="A1528" t="s">
        <v>23</v>
      </c>
      <c r="B1528">
        <v>0.37</v>
      </c>
      <c r="C1528">
        <v>0.47</v>
      </c>
      <c r="D1528">
        <f t="shared" si="25"/>
        <v>1</v>
      </c>
    </row>
    <row r="1529" spans="1:4" x14ac:dyDescent="0.25">
      <c r="A1529" t="s">
        <v>11</v>
      </c>
      <c r="B1529">
        <v>0.2</v>
      </c>
      <c r="C1529">
        <v>0.88</v>
      </c>
      <c r="D1529">
        <f t="shared" si="25"/>
        <v>1</v>
      </c>
    </row>
    <row r="1530" spans="1:4" x14ac:dyDescent="0.25">
      <c r="A1530" t="s">
        <v>28</v>
      </c>
      <c r="B1530">
        <v>0.69</v>
      </c>
      <c r="C1530">
        <v>0.67</v>
      </c>
      <c r="D1530">
        <f t="shared" si="25"/>
        <v>3</v>
      </c>
    </row>
    <row r="1531" spans="1:4" x14ac:dyDescent="0.25">
      <c r="A1531" t="s">
        <v>18</v>
      </c>
      <c r="B1531">
        <v>0.37</v>
      </c>
      <c r="C1531">
        <v>0.63</v>
      </c>
      <c r="D1531">
        <f t="shared" si="25"/>
        <v>1</v>
      </c>
    </row>
    <row r="1532" spans="1:4" x14ac:dyDescent="0.25">
      <c r="A1532" t="s">
        <v>26</v>
      </c>
      <c r="B1532">
        <v>0.11</v>
      </c>
      <c r="C1532">
        <v>7.0000000000000007E-2</v>
      </c>
      <c r="D1532">
        <f t="shared" si="25"/>
        <v>3</v>
      </c>
    </row>
    <row r="1533" spans="1:4" x14ac:dyDescent="0.25">
      <c r="A1533" t="s">
        <v>14</v>
      </c>
      <c r="B1533">
        <v>0.04</v>
      </c>
      <c r="C1533">
        <v>0.63</v>
      </c>
      <c r="D1533">
        <f t="shared" si="25"/>
        <v>3</v>
      </c>
    </row>
    <row r="1534" spans="1:4" x14ac:dyDescent="0.25">
      <c r="A1534" t="s">
        <v>15</v>
      </c>
      <c r="B1534">
        <v>0.36</v>
      </c>
      <c r="C1534">
        <v>0.11</v>
      </c>
      <c r="D1534">
        <f t="shared" si="25"/>
        <v>3</v>
      </c>
    </row>
    <row r="1535" spans="1:4" x14ac:dyDescent="0.25">
      <c r="A1535" t="s">
        <v>22</v>
      </c>
      <c r="B1535">
        <v>0.62</v>
      </c>
      <c r="C1535">
        <v>0.39</v>
      </c>
      <c r="D1535">
        <f t="shared" si="25"/>
        <v>1</v>
      </c>
    </row>
    <row r="1536" spans="1:4" x14ac:dyDescent="0.25">
      <c r="A1536" t="s">
        <v>9</v>
      </c>
      <c r="B1536">
        <v>0.09</v>
      </c>
      <c r="C1536">
        <v>0.21</v>
      </c>
      <c r="D1536">
        <f t="shared" si="25"/>
        <v>3</v>
      </c>
    </row>
    <row r="1537" spans="1:4" x14ac:dyDescent="0.25">
      <c r="A1537" t="s">
        <v>29</v>
      </c>
      <c r="B1537">
        <v>0.55000000000000004</v>
      </c>
      <c r="C1537">
        <v>0.27</v>
      </c>
      <c r="D1537">
        <f t="shared" si="25"/>
        <v>1</v>
      </c>
    </row>
    <row r="1538" spans="1:4" x14ac:dyDescent="0.25">
      <c r="A1538" t="s">
        <v>18</v>
      </c>
      <c r="B1538">
        <v>0.81</v>
      </c>
      <c r="C1538">
        <v>0.46</v>
      </c>
      <c r="D1538">
        <f t="shared" si="25"/>
        <v>1</v>
      </c>
    </row>
    <row r="1539" spans="1:4" x14ac:dyDescent="0.25">
      <c r="A1539" t="s">
        <v>26</v>
      </c>
      <c r="B1539">
        <v>0.19</v>
      </c>
      <c r="C1539">
        <v>0.19</v>
      </c>
      <c r="D1539">
        <f t="shared" ref="D1539:D1602" si="26">VLOOKUP(A1539,$G$2:$H$21,2)</f>
        <v>3</v>
      </c>
    </row>
    <row r="1540" spans="1:4" x14ac:dyDescent="0.25">
      <c r="A1540" t="s">
        <v>26</v>
      </c>
      <c r="B1540">
        <v>7.0000000000000007E-2</v>
      </c>
      <c r="C1540">
        <v>0.09</v>
      </c>
      <c r="D1540">
        <f t="shared" si="26"/>
        <v>3</v>
      </c>
    </row>
    <row r="1541" spans="1:4" x14ac:dyDescent="0.25">
      <c r="A1541" t="s">
        <v>18</v>
      </c>
      <c r="B1541">
        <v>0.72</v>
      </c>
      <c r="C1541">
        <v>0.56999999999999995</v>
      </c>
      <c r="D1541">
        <f t="shared" si="26"/>
        <v>1</v>
      </c>
    </row>
    <row r="1542" spans="1:4" x14ac:dyDescent="0.25">
      <c r="A1542" t="s">
        <v>9</v>
      </c>
      <c r="B1542">
        <v>0.77</v>
      </c>
      <c r="C1542">
        <v>0.26</v>
      </c>
      <c r="D1542">
        <f t="shared" si="26"/>
        <v>3</v>
      </c>
    </row>
    <row r="1543" spans="1:4" x14ac:dyDescent="0.25">
      <c r="A1543" t="s">
        <v>21</v>
      </c>
      <c r="B1543">
        <v>0.47</v>
      </c>
      <c r="C1543">
        <v>0.32</v>
      </c>
      <c r="D1543">
        <f t="shared" si="26"/>
        <v>2</v>
      </c>
    </row>
    <row r="1544" spans="1:4" x14ac:dyDescent="0.25">
      <c r="A1544" t="s">
        <v>30</v>
      </c>
      <c r="B1544">
        <v>0.74</v>
      </c>
      <c r="C1544">
        <v>0.45</v>
      </c>
      <c r="D1544">
        <f t="shared" si="26"/>
        <v>3</v>
      </c>
    </row>
    <row r="1545" spans="1:4" x14ac:dyDescent="0.25">
      <c r="A1545" t="s">
        <v>20</v>
      </c>
      <c r="B1545">
        <v>0.75</v>
      </c>
      <c r="C1545">
        <v>0.42</v>
      </c>
      <c r="D1545">
        <f t="shared" si="26"/>
        <v>3</v>
      </c>
    </row>
    <row r="1546" spans="1:4" x14ac:dyDescent="0.25">
      <c r="A1546" t="s">
        <v>22</v>
      </c>
      <c r="B1546">
        <v>0.52</v>
      </c>
      <c r="C1546">
        <v>0.43</v>
      </c>
      <c r="D1546">
        <f t="shared" si="26"/>
        <v>1</v>
      </c>
    </row>
    <row r="1547" spans="1:4" x14ac:dyDescent="0.25">
      <c r="A1547" t="s">
        <v>13</v>
      </c>
      <c r="B1547">
        <v>0.97</v>
      </c>
      <c r="C1547">
        <v>0.48</v>
      </c>
      <c r="D1547">
        <f t="shared" si="26"/>
        <v>3</v>
      </c>
    </row>
    <row r="1548" spans="1:4" x14ac:dyDescent="0.25">
      <c r="A1548" t="s">
        <v>22</v>
      </c>
      <c r="B1548">
        <v>0.44</v>
      </c>
      <c r="C1548">
        <v>0.4</v>
      </c>
      <c r="D1548">
        <f t="shared" si="26"/>
        <v>1</v>
      </c>
    </row>
    <row r="1549" spans="1:4" x14ac:dyDescent="0.25">
      <c r="A1549" t="s">
        <v>20</v>
      </c>
      <c r="B1549">
        <v>0.39</v>
      </c>
      <c r="C1549">
        <v>0.44</v>
      </c>
      <c r="D1549">
        <f t="shared" si="26"/>
        <v>3</v>
      </c>
    </row>
    <row r="1550" spans="1:4" x14ac:dyDescent="0.25">
      <c r="A1550" t="s">
        <v>28</v>
      </c>
      <c r="B1550">
        <v>0.34</v>
      </c>
      <c r="C1550">
        <v>0.62</v>
      </c>
      <c r="D1550">
        <f t="shared" si="26"/>
        <v>3</v>
      </c>
    </row>
    <row r="1551" spans="1:4" x14ac:dyDescent="0.25">
      <c r="A1551" t="s">
        <v>22</v>
      </c>
      <c r="B1551">
        <v>0.81</v>
      </c>
      <c r="C1551">
        <v>0.61</v>
      </c>
      <c r="D1551">
        <f t="shared" si="26"/>
        <v>1</v>
      </c>
    </row>
    <row r="1552" spans="1:4" x14ac:dyDescent="0.25">
      <c r="A1552" t="s">
        <v>26</v>
      </c>
      <c r="B1552">
        <v>0.34</v>
      </c>
      <c r="C1552">
        <v>0.26</v>
      </c>
      <c r="D1552">
        <f t="shared" si="26"/>
        <v>3</v>
      </c>
    </row>
    <row r="1553" spans="1:4" x14ac:dyDescent="0.25">
      <c r="A1553" t="s">
        <v>28</v>
      </c>
      <c r="B1553">
        <v>0.48</v>
      </c>
      <c r="C1553">
        <v>0.31</v>
      </c>
      <c r="D1553">
        <f t="shared" si="26"/>
        <v>3</v>
      </c>
    </row>
    <row r="1554" spans="1:4" x14ac:dyDescent="0.25">
      <c r="A1554" t="s">
        <v>15</v>
      </c>
      <c r="B1554">
        <v>0.05</v>
      </c>
      <c r="C1554">
        <v>0.19</v>
      </c>
      <c r="D1554">
        <f t="shared" si="26"/>
        <v>3</v>
      </c>
    </row>
    <row r="1555" spans="1:4" x14ac:dyDescent="0.25">
      <c r="A1555" t="s">
        <v>17</v>
      </c>
      <c r="B1555">
        <v>0.1</v>
      </c>
      <c r="C1555">
        <v>0.12</v>
      </c>
      <c r="D1555">
        <f t="shared" si="26"/>
        <v>3</v>
      </c>
    </row>
    <row r="1556" spans="1:4" x14ac:dyDescent="0.25">
      <c r="A1556" t="s">
        <v>17</v>
      </c>
      <c r="B1556">
        <v>0.02</v>
      </c>
      <c r="C1556">
        <v>0.2</v>
      </c>
      <c r="D1556">
        <f t="shared" si="26"/>
        <v>3</v>
      </c>
    </row>
    <row r="1557" spans="1:4" x14ac:dyDescent="0.25">
      <c r="A1557" t="s">
        <v>9</v>
      </c>
      <c r="B1557">
        <v>0.34</v>
      </c>
      <c r="C1557">
        <v>0.21</v>
      </c>
      <c r="D1557">
        <f t="shared" si="26"/>
        <v>3</v>
      </c>
    </row>
    <row r="1558" spans="1:4" x14ac:dyDescent="0.25">
      <c r="A1558" t="s">
        <v>20</v>
      </c>
      <c r="B1558">
        <v>0.43</v>
      </c>
      <c r="C1558">
        <v>0.51</v>
      </c>
      <c r="D1558">
        <f t="shared" si="26"/>
        <v>3</v>
      </c>
    </row>
    <row r="1559" spans="1:4" x14ac:dyDescent="0.25">
      <c r="A1559" t="s">
        <v>20</v>
      </c>
      <c r="B1559">
        <v>0.46</v>
      </c>
      <c r="C1559">
        <v>0.48</v>
      </c>
      <c r="D1559">
        <f t="shared" si="26"/>
        <v>3</v>
      </c>
    </row>
    <row r="1560" spans="1:4" x14ac:dyDescent="0.25">
      <c r="A1560" t="s">
        <v>7</v>
      </c>
      <c r="B1560">
        <v>0.73</v>
      </c>
      <c r="C1560">
        <v>0.89</v>
      </c>
      <c r="D1560">
        <f t="shared" si="26"/>
        <v>1</v>
      </c>
    </row>
    <row r="1561" spans="1:4" x14ac:dyDescent="0.25">
      <c r="A1561" t="s">
        <v>11</v>
      </c>
      <c r="B1561">
        <v>0.72</v>
      </c>
      <c r="C1561">
        <v>0.7</v>
      </c>
      <c r="D1561">
        <f t="shared" si="26"/>
        <v>1</v>
      </c>
    </row>
    <row r="1562" spans="1:4" x14ac:dyDescent="0.25">
      <c r="A1562" t="s">
        <v>28</v>
      </c>
      <c r="B1562">
        <v>0.69</v>
      </c>
      <c r="C1562">
        <v>0.67</v>
      </c>
      <c r="D1562">
        <f t="shared" si="26"/>
        <v>3</v>
      </c>
    </row>
    <row r="1563" spans="1:4" x14ac:dyDescent="0.25">
      <c r="A1563" t="s">
        <v>17</v>
      </c>
      <c r="B1563">
        <v>0.7</v>
      </c>
      <c r="C1563">
        <v>7.0000000000000007E-2</v>
      </c>
      <c r="D1563">
        <f t="shared" si="26"/>
        <v>3</v>
      </c>
    </row>
    <row r="1564" spans="1:4" x14ac:dyDescent="0.25">
      <c r="A1564" t="s">
        <v>25</v>
      </c>
      <c r="B1564">
        <v>0.97</v>
      </c>
      <c r="C1564">
        <v>0.86</v>
      </c>
      <c r="D1564">
        <f t="shared" si="26"/>
        <v>3</v>
      </c>
    </row>
    <row r="1565" spans="1:4" x14ac:dyDescent="0.25">
      <c r="A1565" t="s">
        <v>9</v>
      </c>
      <c r="B1565">
        <v>0.92</v>
      </c>
      <c r="C1565">
        <v>0.16</v>
      </c>
      <c r="D1565">
        <f t="shared" si="26"/>
        <v>3</v>
      </c>
    </row>
    <row r="1566" spans="1:4" x14ac:dyDescent="0.25">
      <c r="A1566" t="s">
        <v>7</v>
      </c>
      <c r="B1566">
        <v>0.76</v>
      </c>
      <c r="C1566">
        <v>0.82</v>
      </c>
      <c r="D1566">
        <f t="shared" si="26"/>
        <v>1</v>
      </c>
    </row>
    <row r="1567" spans="1:4" x14ac:dyDescent="0.25">
      <c r="A1567" t="s">
        <v>23</v>
      </c>
      <c r="B1567">
        <v>0.37</v>
      </c>
      <c r="C1567">
        <v>0.62</v>
      </c>
      <c r="D1567">
        <f t="shared" si="26"/>
        <v>1</v>
      </c>
    </row>
    <row r="1568" spans="1:4" x14ac:dyDescent="0.25">
      <c r="A1568" t="s">
        <v>18</v>
      </c>
      <c r="B1568">
        <v>0.8</v>
      </c>
      <c r="C1568">
        <v>0.32</v>
      </c>
      <c r="D1568">
        <f t="shared" si="26"/>
        <v>1</v>
      </c>
    </row>
    <row r="1569" spans="1:4" x14ac:dyDescent="0.25">
      <c r="A1569" t="s">
        <v>30</v>
      </c>
      <c r="B1569">
        <v>0.71</v>
      </c>
      <c r="C1569">
        <v>0.59</v>
      </c>
      <c r="D1569">
        <f t="shared" si="26"/>
        <v>3</v>
      </c>
    </row>
    <row r="1570" spans="1:4" x14ac:dyDescent="0.25">
      <c r="A1570" t="s">
        <v>14</v>
      </c>
      <c r="B1570">
        <v>0.28000000000000003</v>
      </c>
      <c r="C1570">
        <v>0.47</v>
      </c>
      <c r="D1570">
        <f t="shared" si="26"/>
        <v>3</v>
      </c>
    </row>
    <row r="1571" spans="1:4" x14ac:dyDescent="0.25">
      <c r="A1571" t="s">
        <v>13</v>
      </c>
      <c r="B1571">
        <v>0.3</v>
      </c>
      <c r="C1571">
        <v>0.38</v>
      </c>
      <c r="D1571">
        <f t="shared" si="26"/>
        <v>3</v>
      </c>
    </row>
    <row r="1572" spans="1:4" x14ac:dyDescent="0.25">
      <c r="A1572" t="s">
        <v>19</v>
      </c>
      <c r="B1572">
        <v>0.24</v>
      </c>
      <c r="C1572">
        <v>0.81</v>
      </c>
      <c r="D1572">
        <f t="shared" si="26"/>
        <v>3</v>
      </c>
    </row>
    <row r="1573" spans="1:4" x14ac:dyDescent="0.25">
      <c r="A1573" t="s">
        <v>14</v>
      </c>
      <c r="B1573">
        <v>0.72</v>
      </c>
      <c r="C1573">
        <v>0.31</v>
      </c>
      <c r="D1573">
        <f t="shared" si="26"/>
        <v>3</v>
      </c>
    </row>
    <row r="1574" spans="1:4" x14ac:dyDescent="0.25">
      <c r="A1574" t="s">
        <v>27</v>
      </c>
      <c r="B1574">
        <v>0.44</v>
      </c>
      <c r="C1574">
        <v>0.93</v>
      </c>
      <c r="D1574">
        <f t="shared" si="26"/>
        <v>3</v>
      </c>
    </row>
    <row r="1575" spans="1:4" x14ac:dyDescent="0.25">
      <c r="A1575" t="s">
        <v>13</v>
      </c>
      <c r="B1575">
        <v>0.23</v>
      </c>
      <c r="C1575">
        <v>0.5</v>
      </c>
      <c r="D1575">
        <f t="shared" si="26"/>
        <v>3</v>
      </c>
    </row>
    <row r="1576" spans="1:4" x14ac:dyDescent="0.25">
      <c r="A1576" t="s">
        <v>14</v>
      </c>
      <c r="B1576">
        <v>0.51</v>
      </c>
      <c r="C1576">
        <v>0.36</v>
      </c>
      <c r="D1576">
        <f t="shared" si="26"/>
        <v>3</v>
      </c>
    </row>
    <row r="1577" spans="1:4" x14ac:dyDescent="0.25">
      <c r="A1577" t="s">
        <v>28</v>
      </c>
      <c r="B1577">
        <v>0.27</v>
      </c>
      <c r="C1577">
        <v>0.32</v>
      </c>
      <c r="D1577">
        <f t="shared" si="26"/>
        <v>3</v>
      </c>
    </row>
    <row r="1578" spans="1:4" x14ac:dyDescent="0.25">
      <c r="A1578" t="s">
        <v>18</v>
      </c>
      <c r="B1578">
        <v>0.54</v>
      </c>
      <c r="C1578">
        <v>0.5</v>
      </c>
      <c r="D1578">
        <f t="shared" si="26"/>
        <v>1</v>
      </c>
    </row>
    <row r="1579" spans="1:4" x14ac:dyDescent="0.25">
      <c r="A1579" t="s">
        <v>16</v>
      </c>
      <c r="B1579">
        <v>0.74</v>
      </c>
      <c r="C1579">
        <v>0.45</v>
      </c>
      <c r="D1579">
        <f t="shared" si="26"/>
        <v>3</v>
      </c>
    </row>
    <row r="1580" spans="1:4" x14ac:dyDescent="0.25">
      <c r="A1580" t="s">
        <v>21</v>
      </c>
      <c r="B1580">
        <v>0.39</v>
      </c>
      <c r="C1580">
        <v>0.42</v>
      </c>
      <c r="D1580">
        <f t="shared" si="26"/>
        <v>2</v>
      </c>
    </row>
    <row r="1581" spans="1:4" x14ac:dyDescent="0.25">
      <c r="A1581" t="s">
        <v>11</v>
      </c>
      <c r="B1581">
        <v>0.31</v>
      </c>
      <c r="C1581">
        <v>0.89</v>
      </c>
      <c r="D1581">
        <f t="shared" si="26"/>
        <v>1</v>
      </c>
    </row>
    <row r="1582" spans="1:4" x14ac:dyDescent="0.25">
      <c r="A1582" t="s">
        <v>17</v>
      </c>
      <c r="B1582">
        <v>0.77</v>
      </c>
      <c r="C1582">
        <v>0.14000000000000001</v>
      </c>
      <c r="D1582">
        <f t="shared" si="26"/>
        <v>3</v>
      </c>
    </row>
    <row r="1583" spans="1:4" x14ac:dyDescent="0.25">
      <c r="A1583" t="s">
        <v>19</v>
      </c>
      <c r="B1583">
        <v>0.18</v>
      </c>
      <c r="C1583">
        <v>0.77</v>
      </c>
      <c r="D1583">
        <f t="shared" si="26"/>
        <v>3</v>
      </c>
    </row>
    <row r="1584" spans="1:4" x14ac:dyDescent="0.25">
      <c r="A1584" t="s">
        <v>9</v>
      </c>
      <c r="B1584">
        <v>0.57999999999999996</v>
      </c>
      <c r="C1584">
        <v>0.18</v>
      </c>
      <c r="D1584">
        <f t="shared" si="26"/>
        <v>3</v>
      </c>
    </row>
    <row r="1585" spans="1:4" x14ac:dyDescent="0.25">
      <c r="A1585" t="s">
        <v>20</v>
      </c>
      <c r="B1585">
        <v>0.88</v>
      </c>
      <c r="C1585">
        <v>0.43</v>
      </c>
      <c r="D1585">
        <f t="shared" si="26"/>
        <v>3</v>
      </c>
    </row>
    <row r="1586" spans="1:4" x14ac:dyDescent="0.25">
      <c r="A1586" t="s">
        <v>17</v>
      </c>
      <c r="B1586">
        <v>0.45</v>
      </c>
      <c r="C1586">
        <v>0.26</v>
      </c>
      <c r="D1586">
        <f t="shared" si="26"/>
        <v>3</v>
      </c>
    </row>
    <row r="1587" spans="1:4" x14ac:dyDescent="0.25">
      <c r="A1587" t="s">
        <v>13</v>
      </c>
      <c r="B1587">
        <v>0.33</v>
      </c>
      <c r="C1587">
        <v>0.56000000000000005</v>
      </c>
      <c r="D1587">
        <f t="shared" si="26"/>
        <v>3</v>
      </c>
    </row>
    <row r="1588" spans="1:4" x14ac:dyDescent="0.25">
      <c r="A1588" t="s">
        <v>19</v>
      </c>
      <c r="B1588">
        <v>0.65</v>
      </c>
      <c r="C1588">
        <v>0.76</v>
      </c>
      <c r="D1588">
        <f t="shared" si="26"/>
        <v>3</v>
      </c>
    </row>
    <row r="1589" spans="1:4" x14ac:dyDescent="0.25">
      <c r="A1589" t="s">
        <v>16</v>
      </c>
      <c r="B1589">
        <v>0.63</v>
      </c>
      <c r="C1589">
        <v>0.35</v>
      </c>
      <c r="D1589">
        <f t="shared" si="26"/>
        <v>3</v>
      </c>
    </row>
    <row r="1590" spans="1:4" x14ac:dyDescent="0.25">
      <c r="A1590" t="s">
        <v>23</v>
      </c>
      <c r="B1590">
        <v>0.67</v>
      </c>
      <c r="C1590">
        <v>0.46</v>
      </c>
      <c r="D1590">
        <f t="shared" si="26"/>
        <v>1</v>
      </c>
    </row>
    <row r="1591" spans="1:4" x14ac:dyDescent="0.25">
      <c r="A1591" t="s">
        <v>9</v>
      </c>
      <c r="B1591">
        <v>0.09</v>
      </c>
      <c r="C1591">
        <v>0.12</v>
      </c>
      <c r="D1591">
        <f t="shared" si="26"/>
        <v>3</v>
      </c>
    </row>
    <row r="1592" spans="1:4" x14ac:dyDescent="0.25">
      <c r="A1592" t="s">
        <v>13</v>
      </c>
      <c r="B1592">
        <v>7.0000000000000007E-2</v>
      </c>
      <c r="C1592">
        <v>0.49</v>
      </c>
      <c r="D1592">
        <f t="shared" si="26"/>
        <v>3</v>
      </c>
    </row>
    <row r="1593" spans="1:4" x14ac:dyDescent="0.25">
      <c r="A1593" t="s">
        <v>7</v>
      </c>
      <c r="B1593">
        <v>0.04</v>
      </c>
      <c r="C1593">
        <v>0.7</v>
      </c>
      <c r="D1593">
        <f t="shared" si="26"/>
        <v>1</v>
      </c>
    </row>
    <row r="1594" spans="1:4" x14ac:dyDescent="0.25">
      <c r="A1594" t="s">
        <v>23</v>
      </c>
      <c r="B1594">
        <v>0.86</v>
      </c>
      <c r="C1594">
        <v>0.4</v>
      </c>
      <c r="D1594">
        <f t="shared" si="26"/>
        <v>1</v>
      </c>
    </row>
    <row r="1595" spans="1:4" x14ac:dyDescent="0.25">
      <c r="A1595" t="s">
        <v>25</v>
      </c>
      <c r="B1595">
        <v>0.08</v>
      </c>
      <c r="C1595">
        <v>0.9</v>
      </c>
      <c r="D1595">
        <f t="shared" si="26"/>
        <v>3</v>
      </c>
    </row>
    <row r="1596" spans="1:4" x14ac:dyDescent="0.25">
      <c r="A1596" t="s">
        <v>22</v>
      </c>
      <c r="B1596">
        <v>0.64</v>
      </c>
      <c r="C1596">
        <v>0.31</v>
      </c>
      <c r="D1596">
        <f t="shared" si="26"/>
        <v>1</v>
      </c>
    </row>
    <row r="1597" spans="1:4" x14ac:dyDescent="0.25">
      <c r="A1597" t="s">
        <v>29</v>
      </c>
      <c r="B1597">
        <v>0.73</v>
      </c>
      <c r="C1597">
        <v>0.13</v>
      </c>
      <c r="D1597">
        <f t="shared" si="26"/>
        <v>1</v>
      </c>
    </row>
    <row r="1598" spans="1:4" x14ac:dyDescent="0.25">
      <c r="A1598" t="s">
        <v>27</v>
      </c>
      <c r="B1598">
        <v>0.28000000000000003</v>
      </c>
      <c r="C1598">
        <v>0.8</v>
      </c>
      <c r="D1598">
        <f t="shared" si="26"/>
        <v>3</v>
      </c>
    </row>
    <row r="1599" spans="1:4" x14ac:dyDescent="0.25">
      <c r="A1599" t="s">
        <v>13</v>
      </c>
      <c r="B1599">
        <v>0.96</v>
      </c>
      <c r="C1599">
        <v>0.61</v>
      </c>
      <c r="D1599">
        <f t="shared" si="26"/>
        <v>3</v>
      </c>
    </row>
    <row r="1600" spans="1:4" x14ac:dyDescent="0.25">
      <c r="A1600" t="s">
        <v>14</v>
      </c>
      <c r="B1600">
        <v>0.68</v>
      </c>
      <c r="C1600">
        <v>0.56999999999999995</v>
      </c>
      <c r="D1600">
        <f t="shared" si="26"/>
        <v>3</v>
      </c>
    </row>
    <row r="1601" spans="1:4" x14ac:dyDescent="0.25">
      <c r="A1601" t="s">
        <v>23</v>
      </c>
      <c r="B1601">
        <v>0.87</v>
      </c>
      <c r="C1601">
        <v>0.47</v>
      </c>
      <c r="D1601">
        <f t="shared" si="26"/>
        <v>1</v>
      </c>
    </row>
    <row r="1602" spans="1:4" x14ac:dyDescent="0.25">
      <c r="A1602" t="s">
        <v>20</v>
      </c>
      <c r="B1602">
        <v>0.67</v>
      </c>
      <c r="C1602">
        <v>0.37</v>
      </c>
      <c r="D1602">
        <f t="shared" si="26"/>
        <v>3</v>
      </c>
    </row>
    <row r="1603" spans="1:4" x14ac:dyDescent="0.25">
      <c r="A1603" t="s">
        <v>26</v>
      </c>
      <c r="B1603">
        <v>0.46</v>
      </c>
      <c r="C1603">
        <v>0.12</v>
      </c>
      <c r="D1603">
        <f t="shared" ref="D1603:D1666" si="27">VLOOKUP(A1603,$G$2:$H$21,2)</f>
        <v>3</v>
      </c>
    </row>
    <row r="1604" spans="1:4" x14ac:dyDescent="0.25">
      <c r="A1604" t="s">
        <v>27</v>
      </c>
      <c r="B1604">
        <v>0.61</v>
      </c>
      <c r="C1604">
        <v>0.78</v>
      </c>
      <c r="D1604">
        <f t="shared" si="27"/>
        <v>3</v>
      </c>
    </row>
    <row r="1605" spans="1:4" x14ac:dyDescent="0.25">
      <c r="A1605" t="s">
        <v>30</v>
      </c>
      <c r="B1605">
        <v>0.66</v>
      </c>
      <c r="C1605">
        <v>0.44</v>
      </c>
      <c r="D1605">
        <f t="shared" si="27"/>
        <v>3</v>
      </c>
    </row>
    <row r="1606" spans="1:4" x14ac:dyDescent="0.25">
      <c r="A1606" t="s">
        <v>9</v>
      </c>
      <c r="B1606">
        <v>0.89</v>
      </c>
      <c r="C1606">
        <v>0.19</v>
      </c>
      <c r="D1606">
        <f t="shared" si="27"/>
        <v>3</v>
      </c>
    </row>
    <row r="1607" spans="1:4" x14ac:dyDescent="0.25">
      <c r="A1607" t="s">
        <v>30</v>
      </c>
      <c r="B1607">
        <v>0.34</v>
      </c>
      <c r="C1607">
        <v>0.49</v>
      </c>
      <c r="D1607">
        <f t="shared" si="27"/>
        <v>3</v>
      </c>
    </row>
    <row r="1608" spans="1:4" x14ac:dyDescent="0.25">
      <c r="A1608" t="s">
        <v>11</v>
      </c>
      <c r="B1608">
        <v>0.5</v>
      </c>
      <c r="C1608">
        <v>0.82</v>
      </c>
      <c r="D1608">
        <f t="shared" si="27"/>
        <v>1</v>
      </c>
    </row>
    <row r="1609" spans="1:4" x14ac:dyDescent="0.25">
      <c r="A1609" t="s">
        <v>20</v>
      </c>
      <c r="B1609">
        <v>0.31</v>
      </c>
      <c r="C1609">
        <v>0.5</v>
      </c>
      <c r="D1609">
        <f t="shared" si="27"/>
        <v>3</v>
      </c>
    </row>
    <row r="1610" spans="1:4" x14ac:dyDescent="0.25">
      <c r="A1610" t="s">
        <v>26</v>
      </c>
      <c r="B1610">
        <v>0.27</v>
      </c>
      <c r="C1610">
        <v>0.28999999999999998</v>
      </c>
      <c r="D1610">
        <f t="shared" si="27"/>
        <v>3</v>
      </c>
    </row>
    <row r="1611" spans="1:4" x14ac:dyDescent="0.25">
      <c r="A1611" t="s">
        <v>17</v>
      </c>
      <c r="B1611">
        <v>0.94</v>
      </c>
      <c r="C1611">
        <v>0.15</v>
      </c>
      <c r="D1611">
        <f t="shared" si="27"/>
        <v>3</v>
      </c>
    </row>
    <row r="1612" spans="1:4" x14ac:dyDescent="0.25">
      <c r="A1612" t="s">
        <v>22</v>
      </c>
      <c r="B1612">
        <v>0.22</v>
      </c>
      <c r="C1612">
        <v>0.47</v>
      </c>
      <c r="D1612">
        <f t="shared" si="27"/>
        <v>1</v>
      </c>
    </row>
    <row r="1613" spans="1:4" x14ac:dyDescent="0.25">
      <c r="A1613" t="s">
        <v>16</v>
      </c>
      <c r="B1613">
        <v>0.51</v>
      </c>
      <c r="C1613">
        <v>0.56999999999999995</v>
      </c>
      <c r="D1613">
        <f t="shared" si="27"/>
        <v>3</v>
      </c>
    </row>
    <row r="1614" spans="1:4" x14ac:dyDescent="0.25">
      <c r="A1614" t="s">
        <v>13</v>
      </c>
      <c r="B1614">
        <v>0.77</v>
      </c>
      <c r="C1614">
        <v>0.56999999999999995</v>
      </c>
      <c r="D1614">
        <f t="shared" si="27"/>
        <v>3</v>
      </c>
    </row>
    <row r="1615" spans="1:4" x14ac:dyDescent="0.25">
      <c r="A1615" t="s">
        <v>15</v>
      </c>
      <c r="B1615">
        <v>0.54</v>
      </c>
      <c r="C1615">
        <v>0.24</v>
      </c>
      <c r="D1615">
        <f t="shared" si="27"/>
        <v>3</v>
      </c>
    </row>
    <row r="1616" spans="1:4" x14ac:dyDescent="0.25">
      <c r="A1616" t="s">
        <v>21</v>
      </c>
      <c r="B1616">
        <v>0.57999999999999996</v>
      </c>
      <c r="C1616">
        <v>0.53</v>
      </c>
      <c r="D1616">
        <f t="shared" si="27"/>
        <v>2</v>
      </c>
    </row>
    <row r="1617" spans="1:4" x14ac:dyDescent="0.25">
      <c r="A1617" t="s">
        <v>17</v>
      </c>
      <c r="B1617">
        <v>0.09</v>
      </c>
      <c r="C1617">
        <v>0.2</v>
      </c>
      <c r="D1617">
        <f t="shared" si="27"/>
        <v>3</v>
      </c>
    </row>
    <row r="1618" spans="1:4" x14ac:dyDescent="0.25">
      <c r="A1618" t="s">
        <v>7</v>
      </c>
      <c r="B1618">
        <v>0.46</v>
      </c>
      <c r="C1618">
        <v>0.88</v>
      </c>
      <c r="D1618">
        <f t="shared" si="27"/>
        <v>1</v>
      </c>
    </row>
    <row r="1619" spans="1:4" x14ac:dyDescent="0.25">
      <c r="A1619" t="s">
        <v>22</v>
      </c>
      <c r="B1619">
        <v>0.16</v>
      </c>
      <c r="C1619">
        <v>0.66</v>
      </c>
      <c r="D1619">
        <f t="shared" si="27"/>
        <v>1</v>
      </c>
    </row>
    <row r="1620" spans="1:4" x14ac:dyDescent="0.25">
      <c r="A1620" t="s">
        <v>22</v>
      </c>
      <c r="B1620">
        <v>0.08</v>
      </c>
      <c r="C1620">
        <v>0.47</v>
      </c>
      <c r="D1620">
        <f t="shared" si="27"/>
        <v>1</v>
      </c>
    </row>
    <row r="1621" spans="1:4" x14ac:dyDescent="0.25">
      <c r="A1621" t="s">
        <v>13</v>
      </c>
      <c r="B1621">
        <v>0.78</v>
      </c>
      <c r="C1621">
        <v>0.57999999999999996</v>
      </c>
      <c r="D1621">
        <f t="shared" si="27"/>
        <v>3</v>
      </c>
    </row>
    <row r="1622" spans="1:4" x14ac:dyDescent="0.25">
      <c r="A1622" t="s">
        <v>13</v>
      </c>
      <c r="B1622">
        <v>0.74</v>
      </c>
      <c r="C1622">
        <v>0.38</v>
      </c>
      <c r="D1622">
        <f t="shared" si="27"/>
        <v>3</v>
      </c>
    </row>
    <row r="1623" spans="1:4" x14ac:dyDescent="0.25">
      <c r="A1623" t="s">
        <v>13</v>
      </c>
      <c r="B1623">
        <v>0.86</v>
      </c>
      <c r="C1623">
        <v>0.55000000000000004</v>
      </c>
      <c r="D1623">
        <f t="shared" si="27"/>
        <v>3</v>
      </c>
    </row>
    <row r="1624" spans="1:4" x14ac:dyDescent="0.25">
      <c r="A1624" t="s">
        <v>13</v>
      </c>
      <c r="B1624">
        <v>0.6</v>
      </c>
      <c r="C1624">
        <v>0.49</v>
      </c>
      <c r="D1624">
        <f t="shared" si="27"/>
        <v>3</v>
      </c>
    </row>
    <row r="1625" spans="1:4" x14ac:dyDescent="0.25">
      <c r="A1625" t="s">
        <v>28</v>
      </c>
      <c r="B1625">
        <v>0.63</v>
      </c>
      <c r="C1625">
        <v>0.34</v>
      </c>
      <c r="D1625">
        <f t="shared" si="27"/>
        <v>3</v>
      </c>
    </row>
    <row r="1626" spans="1:4" x14ac:dyDescent="0.25">
      <c r="A1626" t="s">
        <v>29</v>
      </c>
      <c r="B1626">
        <v>0.54</v>
      </c>
      <c r="C1626">
        <v>0.17</v>
      </c>
      <c r="D1626">
        <f t="shared" si="27"/>
        <v>1</v>
      </c>
    </row>
    <row r="1627" spans="1:4" x14ac:dyDescent="0.25">
      <c r="A1627" t="s">
        <v>27</v>
      </c>
      <c r="B1627">
        <v>0.09</v>
      </c>
      <c r="C1627">
        <v>0.77</v>
      </c>
      <c r="D1627">
        <f t="shared" si="27"/>
        <v>3</v>
      </c>
    </row>
    <row r="1628" spans="1:4" x14ac:dyDescent="0.25">
      <c r="A1628" t="s">
        <v>11</v>
      </c>
      <c r="B1628">
        <v>0.63</v>
      </c>
      <c r="C1628">
        <v>0.8</v>
      </c>
      <c r="D1628">
        <f t="shared" si="27"/>
        <v>1</v>
      </c>
    </row>
    <row r="1629" spans="1:4" x14ac:dyDescent="0.25">
      <c r="A1629" t="s">
        <v>7</v>
      </c>
      <c r="B1629">
        <v>0.12</v>
      </c>
      <c r="C1629">
        <v>0.73</v>
      </c>
      <c r="D1629">
        <f t="shared" si="27"/>
        <v>1</v>
      </c>
    </row>
    <row r="1630" spans="1:4" x14ac:dyDescent="0.25">
      <c r="A1630" t="s">
        <v>15</v>
      </c>
      <c r="B1630">
        <v>0.99</v>
      </c>
      <c r="C1630">
        <v>0.09</v>
      </c>
      <c r="D1630">
        <f t="shared" si="27"/>
        <v>3</v>
      </c>
    </row>
    <row r="1631" spans="1:4" x14ac:dyDescent="0.25">
      <c r="A1631" t="s">
        <v>18</v>
      </c>
      <c r="B1631">
        <v>0.6</v>
      </c>
      <c r="C1631">
        <v>0.68</v>
      </c>
      <c r="D1631">
        <f t="shared" si="27"/>
        <v>1</v>
      </c>
    </row>
    <row r="1632" spans="1:4" x14ac:dyDescent="0.25">
      <c r="A1632" t="s">
        <v>30</v>
      </c>
      <c r="B1632">
        <v>0.5</v>
      </c>
      <c r="C1632">
        <v>0.33</v>
      </c>
      <c r="D1632">
        <f t="shared" si="27"/>
        <v>3</v>
      </c>
    </row>
    <row r="1633" spans="1:4" x14ac:dyDescent="0.25">
      <c r="A1633" t="s">
        <v>20</v>
      </c>
      <c r="B1633">
        <v>0.64</v>
      </c>
      <c r="C1633">
        <v>0.64</v>
      </c>
      <c r="D1633">
        <f t="shared" si="27"/>
        <v>3</v>
      </c>
    </row>
    <row r="1634" spans="1:4" x14ac:dyDescent="0.25">
      <c r="A1634" t="s">
        <v>19</v>
      </c>
      <c r="B1634">
        <v>0.28000000000000003</v>
      </c>
      <c r="C1634">
        <v>0.78</v>
      </c>
      <c r="D1634">
        <f t="shared" si="27"/>
        <v>3</v>
      </c>
    </row>
    <row r="1635" spans="1:4" x14ac:dyDescent="0.25">
      <c r="A1635" t="s">
        <v>23</v>
      </c>
      <c r="B1635">
        <v>0.84</v>
      </c>
      <c r="C1635">
        <v>0.54</v>
      </c>
      <c r="D1635">
        <f t="shared" si="27"/>
        <v>1</v>
      </c>
    </row>
    <row r="1636" spans="1:4" x14ac:dyDescent="0.25">
      <c r="A1636" t="s">
        <v>21</v>
      </c>
      <c r="B1636">
        <v>0.8</v>
      </c>
      <c r="C1636">
        <v>0.32</v>
      </c>
      <c r="D1636">
        <f t="shared" si="27"/>
        <v>2</v>
      </c>
    </row>
    <row r="1637" spans="1:4" x14ac:dyDescent="0.25">
      <c r="A1637" t="s">
        <v>20</v>
      </c>
      <c r="B1637">
        <v>0.24</v>
      </c>
      <c r="C1637">
        <v>0.37</v>
      </c>
      <c r="D1637">
        <f t="shared" si="27"/>
        <v>3</v>
      </c>
    </row>
    <row r="1638" spans="1:4" x14ac:dyDescent="0.25">
      <c r="A1638" t="s">
        <v>17</v>
      </c>
      <c r="B1638">
        <v>0.79</v>
      </c>
      <c r="C1638">
        <v>0.11</v>
      </c>
      <c r="D1638">
        <f t="shared" si="27"/>
        <v>3</v>
      </c>
    </row>
    <row r="1639" spans="1:4" x14ac:dyDescent="0.25">
      <c r="A1639" t="s">
        <v>13</v>
      </c>
      <c r="B1639">
        <v>0.66</v>
      </c>
      <c r="C1639">
        <v>0.36</v>
      </c>
      <c r="D1639">
        <f t="shared" si="27"/>
        <v>3</v>
      </c>
    </row>
    <row r="1640" spans="1:4" x14ac:dyDescent="0.25">
      <c r="A1640" t="s">
        <v>13</v>
      </c>
      <c r="B1640">
        <v>0.7</v>
      </c>
      <c r="C1640">
        <v>0.52</v>
      </c>
      <c r="D1640">
        <f t="shared" si="27"/>
        <v>3</v>
      </c>
    </row>
    <row r="1641" spans="1:4" x14ac:dyDescent="0.25">
      <c r="A1641" t="s">
        <v>7</v>
      </c>
      <c r="B1641">
        <v>0.91</v>
      </c>
      <c r="C1641">
        <v>0.75</v>
      </c>
      <c r="D1641">
        <f t="shared" si="27"/>
        <v>1</v>
      </c>
    </row>
    <row r="1642" spans="1:4" x14ac:dyDescent="0.25">
      <c r="A1642" t="s">
        <v>20</v>
      </c>
      <c r="B1642">
        <v>0.67</v>
      </c>
      <c r="C1642">
        <v>0.46</v>
      </c>
      <c r="D1642">
        <f t="shared" si="27"/>
        <v>3</v>
      </c>
    </row>
    <row r="1643" spans="1:4" x14ac:dyDescent="0.25">
      <c r="A1643" t="s">
        <v>11</v>
      </c>
      <c r="B1643">
        <v>0.57999999999999996</v>
      </c>
      <c r="C1643">
        <v>0.79</v>
      </c>
      <c r="D1643">
        <f t="shared" si="27"/>
        <v>1</v>
      </c>
    </row>
    <row r="1644" spans="1:4" x14ac:dyDescent="0.25">
      <c r="A1644" t="s">
        <v>7</v>
      </c>
      <c r="B1644">
        <v>0.45</v>
      </c>
      <c r="C1644">
        <v>0.87</v>
      </c>
      <c r="D1644">
        <f t="shared" si="27"/>
        <v>1</v>
      </c>
    </row>
    <row r="1645" spans="1:4" x14ac:dyDescent="0.25">
      <c r="A1645" t="s">
        <v>29</v>
      </c>
      <c r="B1645">
        <v>0.86</v>
      </c>
      <c r="C1645">
        <v>0.28999999999999998</v>
      </c>
      <c r="D1645">
        <f t="shared" si="27"/>
        <v>1</v>
      </c>
    </row>
    <row r="1646" spans="1:4" x14ac:dyDescent="0.25">
      <c r="A1646" t="s">
        <v>18</v>
      </c>
      <c r="B1646">
        <v>0.09</v>
      </c>
      <c r="C1646">
        <v>0.55000000000000004</v>
      </c>
      <c r="D1646">
        <f t="shared" si="27"/>
        <v>1</v>
      </c>
    </row>
    <row r="1647" spans="1:4" x14ac:dyDescent="0.25">
      <c r="A1647" t="s">
        <v>27</v>
      </c>
      <c r="B1647">
        <v>0.26</v>
      </c>
      <c r="C1647">
        <v>0.83</v>
      </c>
      <c r="D1647">
        <f t="shared" si="27"/>
        <v>3</v>
      </c>
    </row>
    <row r="1648" spans="1:4" x14ac:dyDescent="0.25">
      <c r="A1648" t="s">
        <v>17</v>
      </c>
      <c r="B1648">
        <v>0.85</v>
      </c>
      <c r="C1648">
        <v>0.17</v>
      </c>
      <c r="D1648">
        <f t="shared" si="27"/>
        <v>3</v>
      </c>
    </row>
    <row r="1649" spans="1:4" x14ac:dyDescent="0.25">
      <c r="A1649" t="s">
        <v>20</v>
      </c>
      <c r="B1649">
        <v>0.63</v>
      </c>
      <c r="C1649">
        <v>0.41</v>
      </c>
      <c r="D1649">
        <f t="shared" si="27"/>
        <v>3</v>
      </c>
    </row>
    <row r="1650" spans="1:4" x14ac:dyDescent="0.25">
      <c r="A1650" t="s">
        <v>11</v>
      </c>
      <c r="B1650">
        <v>0.18</v>
      </c>
      <c r="C1650">
        <v>0.85</v>
      </c>
      <c r="D1650">
        <f t="shared" si="27"/>
        <v>1</v>
      </c>
    </row>
    <row r="1651" spans="1:4" x14ac:dyDescent="0.25">
      <c r="A1651" t="s">
        <v>18</v>
      </c>
      <c r="B1651">
        <v>0.34</v>
      </c>
      <c r="C1651">
        <v>0.32</v>
      </c>
      <c r="D1651">
        <f t="shared" si="27"/>
        <v>1</v>
      </c>
    </row>
    <row r="1652" spans="1:4" x14ac:dyDescent="0.25">
      <c r="A1652" t="s">
        <v>25</v>
      </c>
      <c r="B1652">
        <v>0.01</v>
      </c>
      <c r="C1652">
        <v>0.73</v>
      </c>
      <c r="D1652">
        <f t="shared" si="27"/>
        <v>3</v>
      </c>
    </row>
    <row r="1653" spans="1:4" x14ac:dyDescent="0.25">
      <c r="A1653" t="s">
        <v>13</v>
      </c>
      <c r="B1653">
        <v>0.43</v>
      </c>
      <c r="C1653">
        <v>0.36</v>
      </c>
      <c r="D1653">
        <f t="shared" si="27"/>
        <v>3</v>
      </c>
    </row>
    <row r="1654" spans="1:4" x14ac:dyDescent="0.25">
      <c r="A1654" t="s">
        <v>30</v>
      </c>
      <c r="B1654">
        <v>0.66</v>
      </c>
      <c r="C1654">
        <v>0.5</v>
      </c>
      <c r="D1654">
        <f t="shared" si="27"/>
        <v>3</v>
      </c>
    </row>
    <row r="1655" spans="1:4" x14ac:dyDescent="0.25">
      <c r="A1655" t="s">
        <v>29</v>
      </c>
      <c r="B1655">
        <v>7.0000000000000007E-2</v>
      </c>
      <c r="C1655">
        <v>0.11</v>
      </c>
      <c r="D1655">
        <f t="shared" si="27"/>
        <v>1</v>
      </c>
    </row>
    <row r="1656" spans="1:4" x14ac:dyDescent="0.25">
      <c r="A1656" t="s">
        <v>11</v>
      </c>
      <c r="B1656">
        <v>0.55000000000000004</v>
      </c>
      <c r="C1656">
        <v>0.83</v>
      </c>
      <c r="D1656">
        <f t="shared" si="27"/>
        <v>1</v>
      </c>
    </row>
    <row r="1657" spans="1:4" x14ac:dyDescent="0.25">
      <c r="A1657" t="s">
        <v>7</v>
      </c>
      <c r="B1657">
        <v>0.97</v>
      </c>
      <c r="C1657">
        <v>0.93</v>
      </c>
      <c r="D1657">
        <f t="shared" si="27"/>
        <v>1</v>
      </c>
    </row>
    <row r="1658" spans="1:4" x14ac:dyDescent="0.25">
      <c r="A1658" t="s">
        <v>22</v>
      </c>
      <c r="B1658">
        <v>0.64</v>
      </c>
      <c r="C1658">
        <v>0.4</v>
      </c>
      <c r="D1658">
        <f t="shared" si="27"/>
        <v>1</v>
      </c>
    </row>
    <row r="1659" spans="1:4" x14ac:dyDescent="0.25">
      <c r="A1659" t="s">
        <v>9</v>
      </c>
      <c r="B1659">
        <v>0.48</v>
      </c>
      <c r="C1659">
        <v>0.1</v>
      </c>
      <c r="D1659">
        <f t="shared" si="27"/>
        <v>3</v>
      </c>
    </row>
    <row r="1660" spans="1:4" x14ac:dyDescent="0.25">
      <c r="A1660" t="s">
        <v>25</v>
      </c>
      <c r="B1660">
        <v>0.17</v>
      </c>
      <c r="C1660">
        <v>0.91</v>
      </c>
      <c r="D1660">
        <f t="shared" si="27"/>
        <v>3</v>
      </c>
    </row>
    <row r="1661" spans="1:4" x14ac:dyDescent="0.25">
      <c r="A1661" t="s">
        <v>22</v>
      </c>
      <c r="B1661">
        <v>0.39</v>
      </c>
      <c r="C1661">
        <v>0.48</v>
      </c>
      <c r="D1661">
        <f t="shared" si="27"/>
        <v>1</v>
      </c>
    </row>
    <row r="1662" spans="1:4" x14ac:dyDescent="0.25">
      <c r="A1662" t="s">
        <v>19</v>
      </c>
      <c r="B1662">
        <v>0.27</v>
      </c>
      <c r="C1662">
        <v>0.75</v>
      </c>
      <c r="D1662">
        <f t="shared" si="27"/>
        <v>3</v>
      </c>
    </row>
    <row r="1663" spans="1:4" x14ac:dyDescent="0.25">
      <c r="A1663" t="s">
        <v>17</v>
      </c>
      <c r="B1663">
        <v>0.27</v>
      </c>
      <c r="C1663">
        <v>0.17</v>
      </c>
      <c r="D1663">
        <f t="shared" si="27"/>
        <v>3</v>
      </c>
    </row>
    <row r="1664" spans="1:4" x14ac:dyDescent="0.25">
      <c r="A1664" t="s">
        <v>18</v>
      </c>
      <c r="B1664">
        <v>0.33</v>
      </c>
      <c r="C1664">
        <v>0.7</v>
      </c>
      <c r="D1664">
        <f t="shared" si="27"/>
        <v>1</v>
      </c>
    </row>
    <row r="1665" spans="1:4" x14ac:dyDescent="0.25">
      <c r="A1665" t="s">
        <v>19</v>
      </c>
      <c r="B1665">
        <v>0.65</v>
      </c>
      <c r="C1665">
        <v>0.83</v>
      </c>
      <c r="D1665">
        <f t="shared" si="27"/>
        <v>3</v>
      </c>
    </row>
    <row r="1666" spans="1:4" x14ac:dyDescent="0.25">
      <c r="A1666" t="s">
        <v>30</v>
      </c>
      <c r="B1666">
        <v>0.46</v>
      </c>
      <c r="C1666">
        <v>0.69</v>
      </c>
      <c r="D1666">
        <f t="shared" si="27"/>
        <v>3</v>
      </c>
    </row>
    <row r="1667" spans="1:4" x14ac:dyDescent="0.25">
      <c r="A1667" t="s">
        <v>21</v>
      </c>
      <c r="B1667">
        <v>0.46</v>
      </c>
      <c r="C1667">
        <v>0.64</v>
      </c>
      <c r="D1667">
        <f t="shared" ref="D1667:D1730" si="28">VLOOKUP(A1667,$G$2:$H$21,2)</f>
        <v>2</v>
      </c>
    </row>
    <row r="1668" spans="1:4" x14ac:dyDescent="0.25">
      <c r="A1668" t="s">
        <v>13</v>
      </c>
      <c r="B1668">
        <v>0.82</v>
      </c>
      <c r="C1668">
        <v>0.6</v>
      </c>
      <c r="D1668">
        <f t="shared" si="28"/>
        <v>3</v>
      </c>
    </row>
    <row r="1669" spans="1:4" x14ac:dyDescent="0.25">
      <c r="A1669" t="s">
        <v>17</v>
      </c>
      <c r="B1669">
        <v>0.46</v>
      </c>
      <c r="C1669">
        <v>0.16</v>
      </c>
      <c r="D1669">
        <f t="shared" si="28"/>
        <v>3</v>
      </c>
    </row>
    <row r="1670" spans="1:4" x14ac:dyDescent="0.25">
      <c r="A1670" t="s">
        <v>22</v>
      </c>
      <c r="B1670">
        <v>0.13</v>
      </c>
      <c r="C1670">
        <v>0.56999999999999995</v>
      </c>
      <c r="D1670">
        <f t="shared" si="28"/>
        <v>1</v>
      </c>
    </row>
    <row r="1671" spans="1:4" x14ac:dyDescent="0.25">
      <c r="A1671" t="s">
        <v>19</v>
      </c>
      <c r="B1671">
        <v>0.53</v>
      </c>
      <c r="C1671">
        <v>0.78</v>
      </c>
      <c r="D1671">
        <f t="shared" si="28"/>
        <v>3</v>
      </c>
    </row>
    <row r="1672" spans="1:4" x14ac:dyDescent="0.25">
      <c r="A1672" t="s">
        <v>11</v>
      </c>
      <c r="B1672">
        <v>0.43</v>
      </c>
      <c r="C1672">
        <v>0.75</v>
      </c>
      <c r="D1672">
        <f t="shared" si="28"/>
        <v>1</v>
      </c>
    </row>
    <row r="1673" spans="1:4" x14ac:dyDescent="0.25">
      <c r="A1673" t="s">
        <v>9</v>
      </c>
      <c r="B1673">
        <v>0.73</v>
      </c>
      <c r="C1673">
        <v>7.0000000000000007E-2</v>
      </c>
      <c r="D1673">
        <f t="shared" si="28"/>
        <v>3</v>
      </c>
    </row>
    <row r="1674" spans="1:4" x14ac:dyDescent="0.25">
      <c r="A1674" t="s">
        <v>28</v>
      </c>
      <c r="B1674">
        <v>0.56999999999999995</v>
      </c>
      <c r="C1674">
        <v>0.56000000000000005</v>
      </c>
      <c r="D1674">
        <f t="shared" si="28"/>
        <v>3</v>
      </c>
    </row>
    <row r="1675" spans="1:4" x14ac:dyDescent="0.25">
      <c r="A1675" t="s">
        <v>13</v>
      </c>
      <c r="B1675">
        <v>0.64</v>
      </c>
      <c r="C1675">
        <v>0.52</v>
      </c>
      <c r="D1675">
        <f t="shared" si="28"/>
        <v>3</v>
      </c>
    </row>
    <row r="1676" spans="1:4" x14ac:dyDescent="0.25">
      <c r="A1676" t="s">
        <v>29</v>
      </c>
      <c r="B1676">
        <v>7.0000000000000007E-2</v>
      </c>
      <c r="C1676">
        <v>0.28999999999999998</v>
      </c>
      <c r="D1676">
        <f t="shared" si="28"/>
        <v>1</v>
      </c>
    </row>
    <row r="1677" spans="1:4" x14ac:dyDescent="0.25">
      <c r="A1677" t="s">
        <v>17</v>
      </c>
      <c r="B1677">
        <v>0.8</v>
      </c>
      <c r="C1677">
        <v>0.19</v>
      </c>
      <c r="D1677">
        <f t="shared" si="28"/>
        <v>3</v>
      </c>
    </row>
    <row r="1678" spans="1:4" x14ac:dyDescent="0.25">
      <c r="A1678" t="s">
        <v>9</v>
      </c>
      <c r="B1678">
        <v>0.89</v>
      </c>
      <c r="C1678">
        <v>0.2</v>
      </c>
      <c r="D1678">
        <f t="shared" si="28"/>
        <v>3</v>
      </c>
    </row>
    <row r="1679" spans="1:4" x14ac:dyDescent="0.25">
      <c r="A1679" t="s">
        <v>26</v>
      </c>
      <c r="B1679">
        <v>0.34</v>
      </c>
      <c r="C1679">
        <v>0.18</v>
      </c>
      <c r="D1679">
        <f t="shared" si="28"/>
        <v>3</v>
      </c>
    </row>
    <row r="1680" spans="1:4" x14ac:dyDescent="0.25">
      <c r="A1680" t="s">
        <v>30</v>
      </c>
      <c r="B1680">
        <v>0.95</v>
      </c>
      <c r="C1680">
        <v>0.59</v>
      </c>
      <c r="D1680">
        <f t="shared" si="28"/>
        <v>3</v>
      </c>
    </row>
    <row r="1681" spans="1:4" x14ac:dyDescent="0.25">
      <c r="A1681" t="s">
        <v>30</v>
      </c>
      <c r="B1681">
        <v>0.82</v>
      </c>
      <c r="C1681">
        <v>0.45</v>
      </c>
      <c r="D1681">
        <f t="shared" si="28"/>
        <v>3</v>
      </c>
    </row>
    <row r="1682" spans="1:4" x14ac:dyDescent="0.25">
      <c r="A1682" t="s">
        <v>19</v>
      </c>
      <c r="B1682">
        <v>0.95</v>
      </c>
      <c r="C1682">
        <v>0.95</v>
      </c>
      <c r="D1682">
        <f t="shared" si="28"/>
        <v>3</v>
      </c>
    </row>
    <row r="1683" spans="1:4" x14ac:dyDescent="0.25">
      <c r="A1683" t="s">
        <v>26</v>
      </c>
      <c r="B1683">
        <v>0.47</v>
      </c>
      <c r="C1683">
        <v>0.27</v>
      </c>
      <c r="D1683">
        <f t="shared" si="28"/>
        <v>3</v>
      </c>
    </row>
    <row r="1684" spans="1:4" x14ac:dyDescent="0.25">
      <c r="A1684" t="s">
        <v>26</v>
      </c>
      <c r="B1684">
        <v>0.75</v>
      </c>
      <c r="C1684">
        <v>0.21</v>
      </c>
      <c r="D1684">
        <f t="shared" si="28"/>
        <v>3</v>
      </c>
    </row>
    <row r="1685" spans="1:4" x14ac:dyDescent="0.25">
      <c r="A1685" t="s">
        <v>13</v>
      </c>
      <c r="B1685">
        <v>0.28999999999999998</v>
      </c>
      <c r="C1685">
        <v>0.65</v>
      </c>
      <c r="D1685">
        <f t="shared" si="28"/>
        <v>3</v>
      </c>
    </row>
    <row r="1686" spans="1:4" x14ac:dyDescent="0.25">
      <c r="A1686" t="s">
        <v>22</v>
      </c>
      <c r="B1686">
        <v>0.5</v>
      </c>
      <c r="C1686">
        <v>0.55000000000000004</v>
      </c>
      <c r="D1686">
        <f t="shared" si="28"/>
        <v>1</v>
      </c>
    </row>
    <row r="1687" spans="1:4" x14ac:dyDescent="0.25">
      <c r="A1687" t="s">
        <v>26</v>
      </c>
      <c r="B1687">
        <v>0.96</v>
      </c>
      <c r="C1687">
        <v>0.28999999999999998</v>
      </c>
      <c r="D1687">
        <f t="shared" si="28"/>
        <v>3</v>
      </c>
    </row>
    <row r="1688" spans="1:4" x14ac:dyDescent="0.25">
      <c r="A1688" t="s">
        <v>17</v>
      </c>
      <c r="B1688">
        <v>0.1</v>
      </c>
      <c r="C1688">
        <v>0.1</v>
      </c>
      <c r="D1688">
        <f t="shared" si="28"/>
        <v>3</v>
      </c>
    </row>
    <row r="1689" spans="1:4" x14ac:dyDescent="0.25">
      <c r="A1689" t="s">
        <v>11</v>
      </c>
      <c r="B1689">
        <v>0.55000000000000004</v>
      </c>
      <c r="C1689">
        <v>0.73</v>
      </c>
      <c r="D1689">
        <f t="shared" si="28"/>
        <v>1</v>
      </c>
    </row>
    <row r="1690" spans="1:4" x14ac:dyDescent="0.25">
      <c r="A1690" t="s">
        <v>25</v>
      </c>
      <c r="B1690">
        <v>0.53</v>
      </c>
      <c r="C1690">
        <v>0.93</v>
      </c>
      <c r="D1690">
        <f t="shared" si="28"/>
        <v>3</v>
      </c>
    </row>
    <row r="1691" spans="1:4" x14ac:dyDescent="0.25">
      <c r="A1691" t="s">
        <v>21</v>
      </c>
      <c r="B1691">
        <v>0.03</v>
      </c>
      <c r="C1691">
        <v>0.46</v>
      </c>
      <c r="D1691">
        <f t="shared" si="28"/>
        <v>2</v>
      </c>
    </row>
    <row r="1692" spans="1:4" x14ac:dyDescent="0.25">
      <c r="A1692" t="s">
        <v>28</v>
      </c>
      <c r="B1692">
        <v>0.7</v>
      </c>
      <c r="C1692">
        <v>0.48</v>
      </c>
      <c r="D1692">
        <f t="shared" si="28"/>
        <v>3</v>
      </c>
    </row>
    <row r="1693" spans="1:4" x14ac:dyDescent="0.25">
      <c r="A1693" t="s">
        <v>9</v>
      </c>
      <c r="B1693">
        <v>0.16</v>
      </c>
      <c r="C1693">
        <v>0.15</v>
      </c>
      <c r="D1693">
        <f t="shared" si="28"/>
        <v>3</v>
      </c>
    </row>
    <row r="1694" spans="1:4" x14ac:dyDescent="0.25">
      <c r="A1694" t="s">
        <v>28</v>
      </c>
      <c r="B1694">
        <v>0.33</v>
      </c>
      <c r="C1694">
        <v>0.53</v>
      </c>
      <c r="D1694">
        <f t="shared" si="28"/>
        <v>3</v>
      </c>
    </row>
    <row r="1695" spans="1:4" x14ac:dyDescent="0.25">
      <c r="A1695" t="s">
        <v>28</v>
      </c>
      <c r="B1695">
        <v>0.69</v>
      </c>
      <c r="C1695">
        <v>0.45</v>
      </c>
      <c r="D1695">
        <f t="shared" si="28"/>
        <v>3</v>
      </c>
    </row>
    <row r="1696" spans="1:4" x14ac:dyDescent="0.25">
      <c r="A1696" t="s">
        <v>16</v>
      </c>
      <c r="B1696">
        <v>0.57999999999999996</v>
      </c>
      <c r="C1696">
        <v>0.39</v>
      </c>
      <c r="D1696">
        <f t="shared" si="28"/>
        <v>3</v>
      </c>
    </row>
    <row r="1697" spans="1:4" x14ac:dyDescent="0.25">
      <c r="A1697" t="s">
        <v>25</v>
      </c>
      <c r="B1697">
        <v>0.19</v>
      </c>
      <c r="C1697">
        <v>0.85</v>
      </c>
      <c r="D1697">
        <f t="shared" si="28"/>
        <v>3</v>
      </c>
    </row>
    <row r="1698" spans="1:4" x14ac:dyDescent="0.25">
      <c r="A1698" t="s">
        <v>14</v>
      </c>
      <c r="B1698">
        <v>0.81</v>
      </c>
      <c r="C1698">
        <v>0.45</v>
      </c>
      <c r="D1698">
        <f t="shared" si="28"/>
        <v>3</v>
      </c>
    </row>
    <row r="1699" spans="1:4" x14ac:dyDescent="0.25">
      <c r="A1699" t="s">
        <v>19</v>
      </c>
      <c r="B1699">
        <v>0.02</v>
      </c>
      <c r="C1699">
        <v>0.8</v>
      </c>
      <c r="D1699">
        <f t="shared" si="28"/>
        <v>3</v>
      </c>
    </row>
    <row r="1700" spans="1:4" x14ac:dyDescent="0.25">
      <c r="A1700" t="s">
        <v>23</v>
      </c>
      <c r="B1700">
        <v>0.73</v>
      </c>
      <c r="C1700">
        <v>0.52</v>
      </c>
      <c r="D1700">
        <f t="shared" si="28"/>
        <v>1</v>
      </c>
    </row>
    <row r="1701" spans="1:4" x14ac:dyDescent="0.25">
      <c r="A1701" t="s">
        <v>21</v>
      </c>
      <c r="B1701">
        <v>0.47</v>
      </c>
      <c r="C1701">
        <v>0.43</v>
      </c>
      <c r="D1701">
        <f t="shared" si="28"/>
        <v>2</v>
      </c>
    </row>
    <row r="1702" spans="1:4" x14ac:dyDescent="0.25">
      <c r="A1702" t="s">
        <v>7</v>
      </c>
      <c r="B1702">
        <v>0.33</v>
      </c>
      <c r="C1702">
        <v>0.82</v>
      </c>
      <c r="D1702">
        <f t="shared" si="28"/>
        <v>1</v>
      </c>
    </row>
    <row r="1703" spans="1:4" x14ac:dyDescent="0.25">
      <c r="A1703" t="s">
        <v>26</v>
      </c>
      <c r="B1703">
        <v>7.0000000000000007E-2</v>
      </c>
      <c r="C1703">
        <v>0.26</v>
      </c>
      <c r="D1703">
        <f t="shared" si="28"/>
        <v>3</v>
      </c>
    </row>
    <row r="1704" spans="1:4" x14ac:dyDescent="0.25">
      <c r="A1704" t="s">
        <v>20</v>
      </c>
      <c r="B1704">
        <v>0.63</v>
      </c>
      <c r="C1704">
        <v>0.49</v>
      </c>
      <c r="D1704">
        <f t="shared" si="28"/>
        <v>3</v>
      </c>
    </row>
    <row r="1705" spans="1:4" x14ac:dyDescent="0.25">
      <c r="A1705" t="s">
        <v>29</v>
      </c>
      <c r="B1705">
        <v>0.78</v>
      </c>
      <c r="C1705">
        <v>0.16</v>
      </c>
      <c r="D1705">
        <f t="shared" si="28"/>
        <v>1</v>
      </c>
    </row>
    <row r="1706" spans="1:4" x14ac:dyDescent="0.25">
      <c r="A1706" t="s">
        <v>21</v>
      </c>
      <c r="B1706">
        <v>0.66</v>
      </c>
      <c r="C1706">
        <v>0.63</v>
      </c>
      <c r="D1706">
        <f t="shared" si="28"/>
        <v>2</v>
      </c>
    </row>
    <row r="1707" spans="1:4" x14ac:dyDescent="0.25">
      <c r="A1707" t="s">
        <v>20</v>
      </c>
      <c r="B1707">
        <v>0.61</v>
      </c>
      <c r="C1707">
        <v>0.42</v>
      </c>
      <c r="D1707">
        <f t="shared" si="28"/>
        <v>3</v>
      </c>
    </row>
    <row r="1708" spans="1:4" x14ac:dyDescent="0.25">
      <c r="A1708" t="s">
        <v>17</v>
      </c>
      <c r="B1708">
        <v>0.47</v>
      </c>
      <c r="C1708">
        <v>0.28000000000000003</v>
      </c>
      <c r="D1708">
        <f t="shared" si="28"/>
        <v>3</v>
      </c>
    </row>
    <row r="1709" spans="1:4" x14ac:dyDescent="0.25">
      <c r="A1709" t="s">
        <v>29</v>
      </c>
      <c r="B1709">
        <v>0.22</v>
      </c>
      <c r="C1709">
        <v>0.24</v>
      </c>
      <c r="D1709">
        <f t="shared" si="28"/>
        <v>1</v>
      </c>
    </row>
    <row r="1710" spans="1:4" x14ac:dyDescent="0.25">
      <c r="A1710" t="s">
        <v>17</v>
      </c>
      <c r="B1710">
        <v>0.96</v>
      </c>
      <c r="C1710">
        <v>0.09</v>
      </c>
      <c r="D1710">
        <f t="shared" si="28"/>
        <v>3</v>
      </c>
    </row>
    <row r="1711" spans="1:4" x14ac:dyDescent="0.25">
      <c r="A1711" t="s">
        <v>30</v>
      </c>
      <c r="B1711">
        <v>0.53</v>
      </c>
      <c r="C1711">
        <v>0.45</v>
      </c>
      <c r="D1711">
        <f t="shared" si="28"/>
        <v>3</v>
      </c>
    </row>
    <row r="1712" spans="1:4" x14ac:dyDescent="0.25">
      <c r="A1712" t="s">
        <v>13</v>
      </c>
      <c r="B1712">
        <v>0.06</v>
      </c>
      <c r="C1712">
        <v>0.32</v>
      </c>
      <c r="D1712">
        <f t="shared" si="28"/>
        <v>3</v>
      </c>
    </row>
    <row r="1713" spans="1:4" x14ac:dyDescent="0.25">
      <c r="A1713" t="s">
        <v>14</v>
      </c>
      <c r="B1713">
        <v>0.4</v>
      </c>
      <c r="C1713">
        <v>0.56000000000000005</v>
      </c>
      <c r="D1713">
        <f t="shared" si="28"/>
        <v>3</v>
      </c>
    </row>
    <row r="1714" spans="1:4" x14ac:dyDescent="0.25">
      <c r="A1714" t="s">
        <v>28</v>
      </c>
      <c r="B1714">
        <v>0.12</v>
      </c>
      <c r="C1714">
        <v>0.47</v>
      </c>
      <c r="D1714">
        <f t="shared" si="28"/>
        <v>3</v>
      </c>
    </row>
    <row r="1715" spans="1:4" x14ac:dyDescent="0.25">
      <c r="A1715" t="s">
        <v>22</v>
      </c>
      <c r="B1715">
        <v>0.56000000000000005</v>
      </c>
      <c r="C1715">
        <v>0.44</v>
      </c>
      <c r="D1715">
        <f t="shared" si="28"/>
        <v>1</v>
      </c>
    </row>
    <row r="1716" spans="1:4" x14ac:dyDescent="0.25">
      <c r="A1716" t="s">
        <v>26</v>
      </c>
      <c r="B1716">
        <v>0.26</v>
      </c>
      <c r="C1716">
        <v>0.14000000000000001</v>
      </c>
      <c r="D1716">
        <f t="shared" si="28"/>
        <v>3</v>
      </c>
    </row>
    <row r="1717" spans="1:4" x14ac:dyDescent="0.25">
      <c r="A1717" t="s">
        <v>13</v>
      </c>
      <c r="B1717">
        <v>0.87</v>
      </c>
      <c r="C1717">
        <v>0.67</v>
      </c>
      <c r="D1717">
        <f t="shared" si="28"/>
        <v>3</v>
      </c>
    </row>
    <row r="1718" spans="1:4" x14ac:dyDescent="0.25">
      <c r="A1718" t="s">
        <v>22</v>
      </c>
      <c r="B1718">
        <v>0.85</v>
      </c>
      <c r="C1718">
        <v>0.42</v>
      </c>
      <c r="D1718">
        <f t="shared" si="28"/>
        <v>1</v>
      </c>
    </row>
    <row r="1719" spans="1:4" x14ac:dyDescent="0.25">
      <c r="A1719" t="s">
        <v>7</v>
      </c>
      <c r="B1719">
        <v>0.49</v>
      </c>
      <c r="C1719">
        <v>0.79</v>
      </c>
      <c r="D1719">
        <f t="shared" si="28"/>
        <v>1</v>
      </c>
    </row>
    <row r="1720" spans="1:4" x14ac:dyDescent="0.25">
      <c r="A1720" t="s">
        <v>19</v>
      </c>
      <c r="B1720">
        <v>0.44</v>
      </c>
      <c r="C1720">
        <v>0.9</v>
      </c>
      <c r="D1720">
        <f t="shared" si="28"/>
        <v>3</v>
      </c>
    </row>
    <row r="1721" spans="1:4" x14ac:dyDescent="0.25">
      <c r="A1721" t="s">
        <v>13</v>
      </c>
      <c r="B1721">
        <v>0.08</v>
      </c>
      <c r="C1721">
        <v>0.69</v>
      </c>
      <c r="D1721">
        <f t="shared" si="28"/>
        <v>3</v>
      </c>
    </row>
    <row r="1722" spans="1:4" x14ac:dyDescent="0.25">
      <c r="A1722" t="s">
        <v>13</v>
      </c>
      <c r="B1722">
        <v>0.5</v>
      </c>
      <c r="C1722">
        <v>0.64</v>
      </c>
      <c r="D1722">
        <f t="shared" si="28"/>
        <v>3</v>
      </c>
    </row>
    <row r="1723" spans="1:4" x14ac:dyDescent="0.25">
      <c r="A1723" t="s">
        <v>25</v>
      </c>
      <c r="B1723">
        <v>0.36</v>
      </c>
      <c r="C1723">
        <v>0.78</v>
      </c>
      <c r="D1723">
        <f t="shared" si="28"/>
        <v>3</v>
      </c>
    </row>
    <row r="1724" spans="1:4" x14ac:dyDescent="0.25">
      <c r="A1724" t="s">
        <v>22</v>
      </c>
      <c r="B1724">
        <v>0.68</v>
      </c>
      <c r="C1724">
        <v>0.31</v>
      </c>
      <c r="D1724">
        <f t="shared" si="28"/>
        <v>1</v>
      </c>
    </row>
    <row r="1725" spans="1:4" x14ac:dyDescent="0.25">
      <c r="A1725" t="s">
        <v>18</v>
      </c>
      <c r="B1725">
        <v>0.47</v>
      </c>
      <c r="C1725">
        <v>0.39</v>
      </c>
      <c r="D1725">
        <f t="shared" si="28"/>
        <v>1</v>
      </c>
    </row>
    <row r="1726" spans="1:4" x14ac:dyDescent="0.25">
      <c r="A1726" t="s">
        <v>15</v>
      </c>
      <c r="B1726">
        <v>0.64</v>
      </c>
      <c r="C1726">
        <v>7.0000000000000007E-2</v>
      </c>
      <c r="D1726">
        <f t="shared" si="28"/>
        <v>3</v>
      </c>
    </row>
    <row r="1727" spans="1:4" x14ac:dyDescent="0.25">
      <c r="A1727" t="s">
        <v>29</v>
      </c>
      <c r="B1727">
        <v>0.19</v>
      </c>
      <c r="C1727">
        <v>0.06</v>
      </c>
      <c r="D1727">
        <f t="shared" si="28"/>
        <v>1</v>
      </c>
    </row>
    <row r="1728" spans="1:4" x14ac:dyDescent="0.25">
      <c r="A1728" t="s">
        <v>7</v>
      </c>
      <c r="B1728">
        <v>0.06</v>
      </c>
      <c r="C1728">
        <v>0.8</v>
      </c>
      <c r="D1728">
        <f t="shared" si="28"/>
        <v>1</v>
      </c>
    </row>
    <row r="1729" spans="1:4" x14ac:dyDescent="0.25">
      <c r="A1729" t="s">
        <v>15</v>
      </c>
      <c r="B1729">
        <v>0.48</v>
      </c>
      <c r="C1729">
        <v>0.25</v>
      </c>
      <c r="D1729">
        <f t="shared" si="28"/>
        <v>3</v>
      </c>
    </row>
    <row r="1730" spans="1:4" x14ac:dyDescent="0.25">
      <c r="A1730" t="s">
        <v>18</v>
      </c>
      <c r="B1730">
        <v>0.49</v>
      </c>
      <c r="C1730">
        <v>0.42</v>
      </c>
      <c r="D1730">
        <f t="shared" si="28"/>
        <v>1</v>
      </c>
    </row>
    <row r="1731" spans="1:4" x14ac:dyDescent="0.25">
      <c r="A1731" t="s">
        <v>17</v>
      </c>
      <c r="B1731">
        <v>0.7</v>
      </c>
      <c r="C1731">
        <v>0.22</v>
      </c>
      <c r="D1731">
        <f t="shared" ref="D1731:D1794" si="29">VLOOKUP(A1731,$G$2:$H$21,2)</f>
        <v>3</v>
      </c>
    </row>
    <row r="1732" spans="1:4" x14ac:dyDescent="0.25">
      <c r="A1732" t="s">
        <v>23</v>
      </c>
      <c r="B1732">
        <v>0.79</v>
      </c>
      <c r="C1732">
        <v>0.61</v>
      </c>
      <c r="D1732">
        <f t="shared" si="29"/>
        <v>1</v>
      </c>
    </row>
    <row r="1733" spans="1:4" x14ac:dyDescent="0.25">
      <c r="A1733" t="s">
        <v>26</v>
      </c>
      <c r="B1733">
        <v>0.19</v>
      </c>
      <c r="C1733">
        <v>0.23</v>
      </c>
      <c r="D1733">
        <f t="shared" si="29"/>
        <v>3</v>
      </c>
    </row>
    <row r="1734" spans="1:4" x14ac:dyDescent="0.25">
      <c r="A1734" t="s">
        <v>9</v>
      </c>
      <c r="B1734">
        <v>0.02</v>
      </c>
      <c r="C1734">
        <v>0.26</v>
      </c>
      <c r="D1734">
        <f t="shared" si="29"/>
        <v>3</v>
      </c>
    </row>
    <row r="1735" spans="1:4" x14ac:dyDescent="0.25">
      <c r="A1735" t="s">
        <v>14</v>
      </c>
      <c r="B1735">
        <v>0.47</v>
      </c>
      <c r="C1735">
        <v>0.6</v>
      </c>
      <c r="D1735">
        <f t="shared" si="29"/>
        <v>3</v>
      </c>
    </row>
    <row r="1736" spans="1:4" x14ac:dyDescent="0.25">
      <c r="A1736" t="s">
        <v>30</v>
      </c>
      <c r="B1736">
        <v>0.14000000000000001</v>
      </c>
      <c r="C1736">
        <v>0.36</v>
      </c>
      <c r="D1736">
        <f t="shared" si="29"/>
        <v>3</v>
      </c>
    </row>
    <row r="1737" spans="1:4" x14ac:dyDescent="0.25">
      <c r="A1737" t="s">
        <v>29</v>
      </c>
      <c r="B1737">
        <v>0.76</v>
      </c>
      <c r="C1737">
        <v>0.25</v>
      </c>
      <c r="D1737">
        <f t="shared" si="29"/>
        <v>1</v>
      </c>
    </row>
    <row r="1738" spans="1:4" x14ac:dyDescent="0.25">
      <c r="A1738" t="s">
        <v>27</v>
      </c>
      <c r="B1738">
        <v>0.61</v>
      </c>
      <c r="C1738">
        <v>0.75</v>
      </c>
      <c r="D1738">
        <f t="shared" si="29"/>
        <v>3</v>
      </c>
    </row>
    <row r="1739" spans="1:4" x14ac:dyDescent="0.25">
      <c r="A1739" t="s">
        <v>28</v>
      </c>
      <c r="B1739">
        <v>0.05</v>
      </c>
      <c r="C1739">
        <v>0.4</v>
      </c>
      <c r="D1739">
        <f t="shared" si="29"/>
        <v>3</v>
      </c>
    </row>
    <row r="1740" spans="1:4" x14ac:dyDescent="0.25">
      <c r="A1740" t="s">
        <v>13</v>
      </c>
      <c r="B1740">
        <v>0.16</v>
      </c>
      <c r="C1740">
        <v>0.52</v>
      </c>
      <c r="D1740">
        <f t="shared" si="29"/>
        <v>3</v>
      </c>
    </row>
    <row r="1741" spans="1:4" x14ac:dyDescent="0.25">
      <c r="A1741" t="s">
        <v>20</v>
      </c>
      <c r="B1741">
        <v>0.7</v>
      </c>
      <c r="C1741">
        <v>0.41</v>
      </c>
      <c r="D1741">
        <f t="shared" si="29"/>
        <v>3</v>
      </c>
    </row>
    <row r="1742" spans="1:4" x14ac:dyDescent="0.25">
      <c r="A1742" t="s">
        <v>27</v>
      </c>
      <c r="B1742">
        <v>0.79</v>
      </c>
      <c r="C1742">
        <v>0.95</v>
      </c>
      <c r="D1742">
        <f t="shared" si="29"/>
        <v>3</v>
      </c>
    </row>
    <row r="1743" spans="1:4" x14ac:dyDescent="0.25">
      <c r="A1743" t="s">
        <v>7</v>
      </c>
      <c r="B1743">
        <v>0.08</v>
      </c>
      <c r="C1743">
        <v>0.9</v>
      </c>
      <c r="D1743">
        <f t="shared" si="29"/>
        <v>1</v>
      </c>
    </row>
    <row r="1744" spans="1:4" x14ac:dyDescent="0.25">
      <c r="A1744" t="s">
        <v>13</v>
      </c>
      <c r="B1744">
        <v>0.81</v>
      </c>
      <c r="C1744">
        <v>0.69</v>
      </c>
      <c r="D1744">
        <f t="shared" si="29"/>
        <v>3</v>
      </c>
    </row>
    <row r="1745" spans="1:4" x14ac:dyDescent="0.25">
      <c r="A1745" t="s">
        <v>11</v>
      </c>
      <c r="B1745">
        <v>0.95</v>
      </c>
      <c r="C1745">
        <v>0.89</v>
      </c>
      <c r="D1745">
        <f t="shared" si="29"/>
        <v>1</v>
      </c>
    </row>
    <row r="1746" spans="1:4" x14ac:dyDescent="0.25">
      <c r="A1746" t="s">
        <v>26</v>
      </c>
      <c r="B1746">
        <v>0.56000000000000005</v>
      </c>
      <c r="C1746">
        <v>0.09</v>
      </c>
      <c r="D1746">
        <f t="shared" si="29"/>
        <v>3</v>
      </c>
    </row>
    <row r="1747" spans="1:4" x14ac:dyDescent="0.25">
      <c r="A1747" t="s">
        <v>14</v>
      </c>
      <c r="B1747">
        <v>0.77</v>
      </c>
      <c r="C1747">
        <v>0.42</v>
      </c>
      <c r="D1747">
        <f t="shared" si="29"/>
        <v>3</v>
      </c>
    </row>
    <row r="1748" spans="1:4" x14ac:dyDescent="0.25">
      <c r="A1748" t="s">
        <v>9</v>
      </c>
      <c r="B1748">
        <v>0.2</v>
      </c>
      <c r="C1748">
        <v>0.28999999999999998</v>
      </c>
      <c r="D1748">
        <f t="shared" si="29"/>
        <v>3</v>
      </c>
    </row>
    <row r="1749" spans="1:4" x14ac:dyDescent="0.25">
      <c r="A1749" t="s">
        <v>23</v>
      </c>
      <c r="B1749">
        <v>0.04</v>
      </c>
      <c r="C1749">
        <v>0.32</v>
      </c>
      <c r="D1749">
        <f t="shared" si="29"/>
        <v>1</v>
      </c>
    </row>
    <row r="1750" spans="1:4" x14ac:dyDescent="0.25">
      <c r="A1750" t="s">
        <v>27</v>
      </c>
      <c r="B1750">
        <v>0.19</v>
      </c>
      <c r="C1750">
        <v>0.83</v>
      </c>
      <c r="D1750">
        <f t="shared" si="29"/>
        <v>3</v>
      </c>
    </row>
    <row r="1751" spans="1:4" x14ac:dyDescent="0.25">
      <c r="A1751" t="s">
        <v>22</v>
      </c>
      <c r="B1751">
        <v>0.52</v>
      </c>
      <c r="C1751">
        <v>0.56000000000000005</v>
      </c>
      <c r="D1751">
        <f t="shared" si="29"/>
        <v>1</v>
      </c>
    </row>
    <row r="1752" spans="1:4" x14ac:dyDescent="0.25">
      <c r="A1752" t="s">
        <v>29</v>
      </c>
      <c r="B1752">
        <v>0.34</v>
      </c>
      <c r="C1752">
        <v>0.09</v>
      </c>
      <c r="D1752">
        <f t="shared" si="29"/>
        <v>1</v>
      </c>
    </row>
    <row r="1753" spans="1:4" x14ac:dyDescent="0.25">
      <c r="A1753" t="s">
        <v>11</v>
      </c>
      <c r="B1753">
        <v>0.19</v>
      </c>
      <c r="C1753">
        <v>0.91</v>
      </c>
      <c r="D1753">
        <f t="shared" si="29"/>
        <v>1</v>
      </c>
    </row>
    <row r="1754" spans="1:4" x14ac:dyDescent="0.25">
      <c r="A1754" t="s">
        <v>9</v>
      </c>
      <c r="B1754">
        <v>0.26</v>
      </c>
      <c r="C1754">
        <v>0.09</v>
      </c>
      <c r="D1754">
        <f t="shared" si="29"/>
        <v>3</v>
      </c>
    </row>
    <row r="1755" spans="1:4" x14ac:dyDescent="0.25">
      <c r="A1755" t="s">
        <v>25</v>
      </c>
      <c r="B1755">
        <v>0.44</v>
      </c>
      <c r="C1755">
        <v>0.83</v>
      </c>
      <c r="D1755">
        <f t="shared" si="29"/>
        <v>3</v>
      </c>
    </row>
    <row r="1756" spans="1:4" x14ac:dyDescent="0.25">
      <c r="A1756" t="s">
        <v>14</v>
      </c>
      <c r="B1756">
        <v>0.77</v>
      </c>
      <c r="C1756">
        <v>0.44</v>
      </c>
      <c r="D1756">
        <f t="shared" si="29"/>
        <v>3</v>
      </c>
    </row>
    <row r="1757" spans="1:4" x14ac:dyDescent="0.25">
      <c r="A1757" t="s">
        <v>13</v>
      </c>
      <c r="B1757">
        <v>0.28000000000000003</v>
      </c>
      <c r="C1757">
        <v>0.56999999999999995</v>
      </c>
      <c r="D1757">
        <f t="shared" si="29"/>
        <v>3</v>
      </c>
    </row>
    <row r="1758" spans="1:4" x14ac:dyDescent="0.25">
      <c r="A1758" t="s">
        <v>14</v>
      </c>
      <c r="B1758">
        <v>0.84</v>
      </c>
      <c r="C1758">
        <v>0.6</v>
      </c>
      <c r="D1758">
        <f t="shared" si="29"/>
        <v>3</v>
      </c>
    </row>
    <row r="1759" spans="1:4" x14ac:dyDescent="0.25">
      <c r="A1759" t="s">
        <v>16</v>
      </c>
      <c r="B1759">
        <v>0.28999999999999998</v>
      </c>
      <c r="C1759">
        <v>0.46</v>
      </c>
      <c r="D1759">
        <f t="shared" si="29"/>
        <v>3</v>
      </c>
    </row>
    <row r="1760" spans="1:4" x14ac:dyDescent="0.25">
      <c r="A1760" t="s">
        <v>9</v>
      </c>
      <c r="B1760">
        <v>0.11</v>
      </c>
      <c r="C1760">
        <v>0.18</v>
      </c>
      <c r="D1760">
        <f t="shared" si="29"/>
        <v>3</v>
      </c>
    </row>
    <row r="1761" spans="1:4" x14ac:dyDescent="0.25">
      <c r="A1761" t="s">
        <v>26</v>
      </c>
      <c r="B1761">
        <v>0.96</v>
      </c>
      <c r="C1761">
        <v>0.13</v>
      </c>
      <c r="D1761">
        <f t="shared" si="29"/>
        <v>3</v>
      </c>
    </row>
    <row r="1762" spans="1:4" x14ac:dyDescent="0.25">
      <c r="A1762" t="s">
        <v>7</v>
      </c>
      <c r="B1762">
        <v>0.41</v>
      </c>
      <c r="C1762">
        <v>0.92</v>
      </c>
      <c r="D1762">
        <f t="shared" si="29"/>
        <v>1</v>
      </c>
    </row>
    <row r="1763" spans="1:4" x14ac:dyDescent="0.25">
      <c r="A1763" t="s">
        <v>25</v>
      </c>
      <c r="B1763">
        <v>0.46</v>
      </c>
      <c r="C1763">
        <v>0.83</v>
      </c>
      <c r="D1763">
        <f t="shared" si="29"/>
        <v>3</v>
      </c>
    </row>
    <row r="1764" spans="1:4" x14ac:dyDescent="0.25">
      <c r="A1764" t="s">
        <v>27</v>
      </c>
      <c r="B1764">
        <v>0.21</v>
      </c>
      <c r="C1764">
        <v>0.82</v>
      </c>
      <c r="D1764">
        <f t="shared" si="29"/>
        <v>3</v>
      </c>
    </row>
    <row r="1765" spans="1:4" x14ac:dyDescent="0.25">
      <c r="A1765" t="s">
        <v>25</v>
      </c>
      <c r="B1765">
        <v>0.78</v>
      </c>
      <c r="C1765">
        <v>0.76</v>
      </c>
      <c r="D1765">
        <f t="shared" si="29"/>
        <v>3</v>
      </c>
    </row>
    <row r="1766" spans="1:4" x14ac:dyDescent="0.25">
      <c r="A1766" t="s">
        <v>13</v>
      </c>
      <c r="B1766">
        <v>0.41</v>
      </c>
      <c r="C1766">
        <v>0.34</v>
      </c>
      <c r="D1766">
        <f t="shared" si="29"/>
        <v>3</v>
      </c>
    </row>
    <row r="1767" spans="1:4" x14ac:dyDescent="0.25">
      <c r="A1767" t="s">
        <v>20</v>
      </c>
      <c r="B1767">
        <v>0.77</v>
      </c>
      <c r="C1767">
        <v>0.36</v>
      </c>
      <c r="D1767">
        <f t="shared" si="29"/>
        <v>3</v>
      </c>
    </row>
    <row r="1768" spans="1:4" x14ac:dyDescent="0.25">
      <c r="A1768" t="s">
        <v>11</v>
      </c>
      <c r="B1768">
        <v>0.03</v>
      </c>
      <c r="C1768">
        <v>0.77</v>
      </c>
      <c r="D1768">
        <f t="shared" si="29"/>
        <v>1</v>
      </c>
    </row>
    <row r="1769" spans="1:4" x14ac:dyDescent="0.25">
      <c r="A1769" t="s">
        <v>9</v>
      </c>
      <c r="B1769">
        <v>0.52</v>
      </c>
      <c r="C1769">
        <v>0.24</v>
      </c>
      <c r="D1769">
        <f t="shared" si="29"/>
        <v>3</v>
      </c>
    </row>
    <row r="1770" spans="1:4" x14ac:dyDescent="0.25">
      <c r="A1770" t="s">
        <v>15</v>
      </c>
      <c r="B1770">
        <v>0.37</v>
      </c>
      <c r="C1770">
        <v>0.08</v>
      </c>
      <c r="D1770">
        <f t="shared" si="29"/>
        <v>3</v>
      </c>
    </row>
    <row r="1771" spans="1:4" x14ac:dyDescent="0.25">
      <c r="A1771" t="s">
        <v>21</v>
      </c>
      <c r="B1771">
        <v>0.59</v>
      </c>
      <c r="C1771">
        <v>0.56000000000000005</v>
      </c>
      <c r="D1771">
        <f t="shared" si="29"/>
        <v>2</v>
      </c>
    </row>
    <row r="1772" spans="1:4" x14ac:dyDescent="0.25">
      <c r="A1772" t="s">
        <v>25</v>
      </c>
      <c r="B1772">
        <v>0.13</v>
      </c>
      <c r="C1772">
        <v>0.89</v>
      </c>
      <c r="D1772">
        <f t="shared" si="29"/>
        <v>3</v>
      </c>
    </row>
    <row r="1773" spans="1:4" x14ac:dyDescent="0.25">
      <c r="A1773" t="s">
        <v>22</v>
      </c>
      <c r="B1773">
        <v>0.88</v>
      </c>
      <c r="C1773">
        <v>0.48</v>
      </c>
      <c r="D1773">
        <f t="shared" si="29"/>
        <v>1</v>
      </c>
    </row>
    <row r="1774" spans="1:4" x14ac:dyDescent="0.25">
      <c r="A1774" t="s">
        <v>15</v>
      </c>
      <c r="B1774">
        <v>0.68</v>
      </c>
      <c r="C1774">
        <v>0.17</v>
      </c>
      <c r="D1774">
        <f t="shared" si="29"/>
        <v>3</v>
      </c>
    </row>
    <row r="1775" spans="1:4" x14ac:dyDescent="0.25">
      <c r="A1775" t="s">
        <v>17</v>
      </c>
      <c r="B1775">
        <v>0.04</v>
      </c>
      <c r="C1775">
        <v>0.1</v>
      </c>
      <c r="D1775">
        <f t="shared" si="29"/>
        <v>3</v>
      </c>
    </row>
    <row r="1776" spans="1:4" x14ac:dyDescent="0.25">
      <c r="A1776" t="s">
        <v>14</v>
      </c>
      <c r="B1776">
        <v>0.75</v>
      </c>
      <c r="C1776">
        <v>0.67</v>
      </c>
      <c r="D1776">
        <f t="shared" si="29"/>
        <v>3</v>
      </c>
    </row>
    <row r="1777" spans="1:4" x14ac:dyDescent="0.25">
      <c r="A1777" t="s">
        <v>20</v>
      </c>
      <c r="B1777">
        <v>0.41</v>
      </c>
      <c r="C1777">
        <v>0.33</v>
      </c>
      <c r="D1777">
        <f t="shared" si="29"/>
        <v>3</v>
      </c>
    </row>
    <row r="1778" spans="1:4" x14ac:dyDescent="0.25">
      <c r="A1778" t="s">
        <v>19</v>
      </c>
      <c r="B1778">
        <v>0.5</v>
      </c>
      <c r="C1778">
        <v>0.82</v>
      </c>
      <c r="D1778">
        <f t="shared" si="29"/>
        <v>3</v>
      </c>
    </row>
    <row r="1779" spans="1:4" x14ac:dyDescent="0.25">
      <c r="A1779" t="s">
        <v>25</v>
      </c>
      <c r="B1779">
        <v>0.79</v>
      </c>
      <c r="C1779">
        <v>0.85</v>
      </c>
      <c r="D1779">
        <f t="shared" si="29"/>
        <v>3</v>
      </c>
    </row>
    <row r="1780" spans="1:4" x14ac:dyDescent="0.25">
      <c r="A1780" t="s">
        <v>19</v>
      </c>
      <c r="B1780">
        <v>0.46</v>
      </c>
      <c r="C1780">
        <v>0.72</v>
      </c>
      <c r="D1780">
        <f t="shared" si="29"/>
        <v>3</v>
      </c>
    </row>
    <row r="1781" spans="1:4" x14ac:dyDescent="0.25">
      <c r="A1781" t="s">
        <v>7</v>
      </c>
      <c r="B1781">
        <v>0.78</v>
      </c>
      <c r="C1781">
        <v>0.91</v>
      </c>
      <c r="D1781">
        <f t="shared" si="29"/>
        <v>1</v>
      </c>
    </row>
    <row r="1782" spans="1:4" x14ac:dyDescent="0.25">
      <c r="A1782" t="s">
        <v>23</v>
      </c>
      <c r="B1782">
        <v>0.11</v>
      </c>
      <c r="C1782">
        <v>0.36</v>
      </c>
      <c r="D1782">
        <f t="shared" si="29"/>
        <v>1</v>
      </c>
    </row>
    <row r="1783" spans="1:4" x14ac:dyDescent="0.25">
      <c r="A1783" t="s">
        <v>21</v>
      </c>
      <c r="B1783">
        <v>0.28000000000000003</v>
      </c>
      <c r="C1783">
        <v>0.38</v>
      </c>
      <c r="D1783">
        <f t="shared" si="29"/>
        <v>2</v>
      </c>
    </row>
    <row r="1784" spans="1:4" x14ac:dyDescent="0.25">
      <c r="A1784" t="s">
        <v>20</v>
      </c>
      <c r="B1784">
        <v>0.01</v>
      </c>
      <c r="C1784">
        <v>0.39</v>
      </c>
      <c r="D1784">
        <f t="shared" si="29"/>
        <v>3</v>
      </c>
    </row>
    <row r="1785" spans="1:4" x14ac:dyDescent="0.25">
      <c r="A1785" t="s">
        <v>17</v>
      </c>
      <c r="B1785">
        <v>0.19</v>
      </c>
      <c r="C1785">
        <v>0.06</v>
      </c>
      <c r="D1785">
        <f t="shared" si="29"/>
        <v>3</v>
      </c>
    </row>
    <row r="1786" spans="1:4" x14ac:dyDescent="0.25">
      <c r="A1786" t="s">
        <v>21</v>
      </c>
      <c r="B1786">
        <v>0.81</v>
      </c>
      <c r="C1786">
        <v>0.56999999999999995</v>
      </c>
      <c r="D1786">
        <f t="shared" si="29"/>
        <v>2</v>
      </c>
    </row>
    <row r="1787" spans="1:4" x14ac:dyDescent="0.25">
      <c r="A1787" t="s">
        <v>18</v>
      </c>
      <c r="B1787">
        <v>0.11</v>
      </c>
      <c r="C1787">
        <v>0.37</v>
      </c>
      <c r="D1787">
        <f t="shared" si="29"/>
        <v>1</v>
      </c>
    </row>
    <row r="1788" spans="1:4" x14ac:dyDescent="0.25">
      <c r="A1788" t="s">
        <v>23</v>
      </c>
      <c r="B1788">
        <v>0.67</v>
      </c>
      <c r="C1788">
        <v>0.56999999999999995</v>
      </c>
      <c r="D1788">
        <f t="shared" si="29"/>
        <v>1</v>
      </c>
    </row>
    <row r="1789" spans="1:4" x14ac:dyDescent="0.25">
      <c r="A1789" t="s">
        <v>18</v>
      </c>
      <c r="B1789">
        <v>0.32</v>
      </c>
      <c r="C1789">
        <v>0.64</v>
      </c>
      <c r="D1789">
        <f t="shared" si="29"/>
        <v>1</v>
      </c>
    </row>
    <row r="1790" spans="1:4" x14ac:dyDescent="0.25">
      <c r="A1790" t="s">
        <v>18</v>
      </c>
      <c r="B1790">
        <v>0.08</v>
      </c>
      <c r="C1790">
        <v>0.56999999999999995</v>
      </c>
      <c r="D1790">
        <f t="shared" si="29"/>
        <v>1</v>
      </c>
    </row>
    <row r="1791" spans="1:4" x14ac:dyDescent="0.25">
      <c r="A1791" t="s">
        <v>14</v>
      </c>
      <c r="B1791">
        <v>0.63</v>
      </c>
      <c r="C1791">
        <v>0.53</v>
      </c>
      <c r="D1791">
        <f t="shared" si="29"/>
        <v>3</v>
      </c>
    </row>
    <row r="1792" spans="1:4" x14ac:dyDescent="0.25">
      <c r="A1792" t="s">
        <v>23</v>
      </c>
      <c r="B1792">
        <v>0.97</v>
      </c>
      <c r="C1792">
        <v>0.35</v>
      </c>
      <c r="D1792">
        <f t="shared" si="29"/>
        <v>1</v>
      </c>
    </row>
    <row r="1793" spans="1:4" x14ac:dyDescent="0.25">
      <c r="A1793" t="s">
        <v>28</v>
      </c>
      <c r="B1793">
        <v>0.84</v>
      </c>
      <c r="C1793">
        <v>0.59</v>
      </c>
      <c r="D1793">
        <f t="shared" si="29"/>
        <v>3</v>
      </c>
    </row>
    <row r="1794" spans="1:4" x14ac:dyDescent="0.25">
      <c r="A1794" t="s">
        <v>7</v>
      </c>
      <c r="B1794">
        <v>7.0000000000000007E-2</v>
      </c>
      <c r="C1794">
        <v>0.86</v>
      </c>
      <c r="D1794">
        <f t="shared" si="29"/>
        <v>1</v>
      </c>
    </row>
    <row r="1795" spans="1:4" x14ac:dyDescent="0.25">
      <c r="A1795" t="s">
        <v>13</v>
      </c>
      <c r="B1795">
        <v>0.77</v>
      </c>
      <c r="C1795">
        <v>0.62</v>
      </c>
      <c r="D1795">
        <f t="shared" ref="D1795:D1858" si="30">VLOOKUP(A1795,$G$2:$H$21,2)</f>
        <v>3</v>
      </c>
    </row>
    <row r="1796" spans="1:4" x14ac:dyDescent="0.25">
      <c r="A1796" t="s">
        <v>16</v>
      </c>
      <c r="B1796">
        <v>0.17</v>
      </c>
      <c r="C1796">
        <v>0.34</v>
      </c>
      <c r="D1796">
        <f t="shared" si="30"/>
        <v>3</v>
      </c>
    </row>
    <row r="1797" spans="1:4" x14ac:dyDescent="0.25">
      <c r="A1797" t="s">
        <v>27</v>
      </c>
      <c r="B1797">
        <v>0.67</v>
      </c>
      <c r="C1797">
        <v>0.71</v>
      </c>
      <c r="D1797">
        <f t="shared" si="30"/>
        <v>3</v>
      </c>
    </row>
    <row r="1798" spans="1:4" x14ac:dyDescent="0.25">
      <c r="A1798" t="s">
        <v>30</v>
      </c>
      <c r="B1798">
        <v>0.31</v>
      </c>
      <c r="C1798">
        <v>0.44</v>
      </c>
      <c r="D1798">
        <f t="shared" si="30"/>
        <v>3</v>
      </c>
    </row>
    <row r="1799" spans="1:4" x14ac:dyDescent="0.25">
      <c r="A1799" t="s">
        <v>20</v>
      </c>
      <c r="B1799">
        <v>0.01</v>
      </c>
      <c r="C1799">
        <v>0.57999999999999996</v>
      </c>
      <c r="D1799">
        <f t="shared" si="30"/>
        <v>3</v>
      </c>
    </row>
    <row r="1800" spans="1:4" x14ac:dyDescent="0.25">
      <c r="A1800" t="s">
        <v>26</v>
      </c>
      <c r="B1800">
        <v>0.33</v>
      </c>
      <c r="C1800">
        <v>0.19</v>
      </c>
      <c r="D1800">
        <f t="shared" si="30"/>
        <v>3</v>
      </c>
    </row>
    <row r="1801" spans="1:4" x14ac:dyDescent="0.25">
      <c r="A1801" t="s">
        <v>30</v>
      </c>
      <c r="B1801">
        <v>0.71</v>
      </c>
      <c r="C1801">
        <v>0.53</v>
      </c>
      <c r="D1801">
        <f t="shared" si="30"/>
        <v>3</v>
      </c>
    </row>
    <row r="1802" spans="1:4" x14ac:dyDescent="0.25">
      <c r="A1802" t="s">
        <v>21</v>
      </c>
      <c r="B1802">
        <v>0.05</v>
      </c>
      <c r="C1802">
        <v>0.32</v>
      </c>
      <c r="D1802">
        <f t="shared" si="30"/>
        <v>2</v>
      </c>
    </row>
    <row r="1803" spans="1:4" x14ac:dyDescent="0.25">
      <c r="A1803" t="s">
        <v>20</v>
      </c>
      <c r="B1803">
        <v>0.64</v>
      </c>
      <c r="C1803">
        <v>0.54</v>
      </c>
      <c r="D1803">
        <f t="shared" si="30"/>
        <v>3</v>
      </c>
    </row>
    <row r="1804" spans="1:4" x14ac:dyDescent="0.25">
      <c r="A1804" t="s">
        <v>28</v>
      </c>
      <c r="B1804">
        <v>0.38</v>
      </c>
      <c r="C1804">
        <v>0.56000000000000005</v>
      </c>
      <c r="D1804">
        <f t="shared" si="30"/>
        <v>3</v>
      </c>
    </row>
    <row r="1805" spans="1:4" x14ac:dyDescent="0.25">
      <c r="A1805" t="s">
        <v>13</v>
      </c>
      <c r="B1805">
        <v>0.38</v>
      </c>
      <c r="C1805">
        <v>0.64</v>
      </c>
      <c r="D1805">
        <f t="shared" si="30"/>
        <v>3</v>
      </c>
    </row>
    <row r="1806" spans="1:4" x14ac:dyDescent="0.25">
      <c r="A1806" t="s">
        <v>13</v>
      </c>
      <c r="B1806">
        <v>0.88</v>
      </c>
      <c r="C1806">
        <v>0.47</v>
      </c>
      <c r="D1806">
        <f t="shared" si="30"/>
        <v>3</v>
      </c>
    </row>
    <row r="1807" spans="1:4" x14ac:dyDescent="0.25">
      <c r="A1807" t="s">
        <v>15</v>
      </c>
      <c r="B1807">
        <v>0.34</v>
      </c>
      <c r="C1807">
        <v>0.28999999999999998</v>
      </c>
      <c r="D1807">
        <f t="shared" si="30"/>
        <v>3</v>
      </c>
    </row>
    <row r="1808" spans="1:4" x14ac:dyDescent="0.25">
      <c r="A1808" t="s">
        <v>26</v>
      </c>
      <c r="B1808">
        <v>0.14000000000000001</v>
      </c>
      <c r="C1808">
        <v>0.25</v>
      </c>
      <c r="D1808">
        <f t="shared" si="30"/>
        <v>3</v>
      </c>
    </row>
    <row r="1809" spans="1:4" x14ac:dyDescent="0.25">
      <c r="A1809" t="s">
        <v>26</v>
      </c>
      <c r="B1809">
        <v>0.67</v>
      </c>
      <c r="C1809">
        <v>0.23</v>
      </c>
      <c r="D1809">
        <f t="shared" si="30"/>
        <v>3</v>
      </c>
    </row>
    <row r="1810" spans="1:4" x14ac:dyDescent="0.25">
      <c r="A1810" t="s">
        <v>22</v>
      </c>
      <c r="B1810">
        <v>0.6</v>
      </c>
      <c r="C1810">
        <v>0.43</v>
      </c>
      <c r="D1810">
        <f t="shared" si="30"/>
        <v>1</v>
      </c>
    </row>
    <row r="1811" spans="1:4" x14ac:dyDescent="0.25">
      <c r="A1811" t="s">
        <v>23</v>
      </c>
      <c r="B1811">
        <v>0.56000000000000005</v>
      </c>
      <c r="C1811">
        <v>0.31</v>
      </c>
      <c r="D1811">
        <f t="shared" si="30"/>
        <v>1</v>
      </c>
    </row>
    <row r="1812" spans="1:4" x14ac:dyDescent="0.25">
      <c r="A1812" t="s">
        <v>16</v>
      </c>
      <c r="B1812">
        <v>0.56000000000000005</v>
      </c>
      <c r="C1812">
        <v>0.61</v>
      </c>
      <c r="D1812">
        <f t="shared" si="30"/>
        <v>3</v>
      </c>
    </row>
    <row r="1813" spans="1:4" x14ac:dyDescent="0.25">
      <c r="A1813" t="s">
        <v>18</v>
      </c>
      <c r="B1813">
        <v>0.68</v>
      </c>
      <c r="C1813">
        <v>0.35</v>
      </c>
      <c r="D1813">
        <f t="shared" si="30"/>
        <v>1</v>
      </c>
    </row>
    <row r="1814" spans="1:4" x14ac:dyDescent="0.25">
      <c r="A1814" t="s">
        <v>16</v>
      </c>
      <c r="B1814">
        <v>0.65</v>
      </c>
      <c r="C1814">
        <v>0.62</v>
      </c>
      <c r="D1814">
        <f t="shared" si="30"/>
        <v>3</v>
      </c>
    </row>
    <row r="1815" spans="1:4" x14ac:dyDescent="0.25">
      <c r="A1815" t="s">
        <v>14</v>
      </c>
      <c r="B1815">
        <v>0.43</v>
      </c>
      <c r="C1815">
        <v>0.54</v>
      </c>
      <c r="D1815">
        <f t="shared" si="30"/>
        <v>3</v>
      </c>
    </row>
    <row r="1816" spans="1:4" x14ac:dyDescent="0.25">
      <c r="A1816" t="s">
        <v>25</v>
      </c>
      <c r="B1816">
        <v>0.86</v>
      </c>
      <c r="C1816">
        <v>0.75</v>
      </c>
      <c r="D1816">
        <f t="shared" si="30"/>
        <v>3</v>
      </c>
    </row>
    <row r="1817" spans="1:4" x14ac:dyDescent="0.25">
      <c r="A1817" t="s">
        <v>20</v>
      </c>
      <c r="B1817">
        <v>0.5</v>
      </c>
      <c r="C1817">
        <v>0.55000000000000004</v>
      </c>
      <c r="D1817">
        <f t="shared" si="30"/>
        <v>3</v>
      </c>
    </row>
    <row r="1818" spans="1:4" x14ac:dyDescent="0.25">
      <c r="A1818" t="s">
        <v>27</v>
      </c>
      <c r="B1818">
        <v>0.9</v>
      </c>
      <c r="C1818">
        <v>0.73</v>
      </c>
      <c r="D1818">
        <f t="shared" si="30"/>
        <v>3</v>
      </c>
    </row>
    <row r="1819" spans="1:4" x14ac:dyDescent="0.25">
      <c r="A1819" t="s">
        <v>14</v>
      </c>
      <c r="B1819">
        <v>0.28000000000000003</v>
      </c>
      <c r="C1819">
        <v>0.45</v>
      </c>
      <c r="D1819">
        <f t="shared" si="30"/>
        <v>3</v>
      </c>
    </row>
    <row r="1820" spans="1:4" x14ac:dyDescent="0.25">
      <c r="A1820" t="s">
        <v>23</v>
      </c>
      <c r="B1820">
        <v>0.1</v>
      </c>
      <c r="C1820">
        <v>0.35</v>
      </c>
      <c r="D1820">
        <f t="shared" si="30"/>
        <v>1</v>
      </c>
    </row>
    <row r="1821" spans="1:4" x14ac:dyDescent="0.25">
      <c r="A1821" t="s">
        <v>19</v>
      </c>
      <c r="B1821">
        <v>0.88</v>
      </c>
      <c r="C1821">
        <v>0.74</v>
      </c>
      <c r="D1821">
        <f t="shared" si="30"/>
        <v>3</v>
      </c>
    </row>
    <row r="1822" spans="1:4" x14ac:dyDescent="0.25">
      <c r="A1822" t="s">
        <v>14</v>
      </c>
      <c r="B1822">
        <v>0.78</v>
      </c>
      <c r="C1822">
        <v>0.4</v>
      </c>
      <c r="D1822">
        <f t="shared" si="30"/>
        <v>3</v>
      </c>
    </row>
    <row r="1823" spans="1:4" x14ac:dyDescent="0.25">
      <c r="A1823" t="s">
        <v>27</v>
      </c>
      <c r="B1823">
        <v>0.47</v>
      </c>
      <c r="C1823">
        <v>0.75</v>
      </c>
      <c r="D1823">
        <f t="shared" si="30"/>
        <v>3</v>
      </c>
    </row>
    <row r="1824" spans="1:4" x14ac:dyDescent="0.25">
      <c r="A1824" t="s">
        <v>14</v>
      </c>
      <c r="B1824">
        <v>0.31</v>
      </c>
      <c r="C1824">
        <v>0.51</v>
      </c>
      <c r="D1824">
        <f t="shared" si="30"/>
        <v>3</v>
      </c>
    </row>
    <row r="1825" spans="1:4" x14ac:dyDescent="0.25">
      <c r="A1825" t="s">
        <v>7</v>
      </c>
      <c r="B1825">
        <v>0.68</v>
      </c>
      <c r="C1825">
        <v>0.83</v>
      </c>
      <c r="D1825">
        <f t="shared" si="30"/>
        <v>1</v>
      </c>
    </row>
    <row r="1826" spans="1:4" x14ac:dyDescent="0.25">
      <c r="A1826" t="s">
        <v>26</v>
      </c>
      <c r="B1826">
        <v>0.94</v>
      </c>
      <c r="C1826">
        <v>0.12</v>
      </c>
      <c r="D1826">
        <f t="shared" si="30"/>
        <v>3</v>
      </c>
    </row>
    <row r="1827" spans="1:4" x14ac:dyDescent="0.25">
      <c r="A1827" t="s">
        <v>16</v>
      </c>
      <c r="B1827">
        <v>0.42</v>
      </c>
      <c r="C1827">
        <v>0.36</v>
      </c>
      <c r="D1827">
        <f t="shared" si="30"/>
        <v>3</v>
      </c>
    </row>
    <row r="1828" spans="1:4" x14ac:dyDescent="0.25">
      <c r="A1828" t="s">
        <v>29</v>
      </c>
      <c r="B1828">
        <v>0.98</v>
      </c>
      <c r="C1828">
        <v>0.14000000000000001</v>
      </c>
      <c r="D1828">
        <f t="shared" si="30"/>
        <v>1</v>
      </c>
    </row>
    <row r="1829" spans="1:4" x14ac:dyDescent="0.25">
      <c r="A1829" t="s">
        <v>29</v>
      </c>
      <c r="B1829">
        <v>0.92</v>
      </c>
      <c r="C1829">
        <v>0.3</v>
      </c>
      <c r="D1829">
        <f t="shared" si="30"/>
        <v>1</v>
      </c>
    </row>
    <row r="1830" spans="1:4" x14ac:dyDescent="0.25">
      <c r="A1830" t="s">
        <v>21</v>
      </c>
      <c r="B1830">
        <v>0</v>
      </c>
      <c r="C1830">
        <v>0.32</v>
      </c>
      <c r="D1830">
        <f t="shared" si="30"/>
        <v>2</v>
      </c>
    </row>
    <row r="1831" spans="1:4" x14ac:dyDescent="0.25">
      <c r="A1831" t="s">
        <v>28</v>
      </c>
      <c r="B1831">
        <v>0.65</v>
      </c>
      <c r="C1831">
        <v>0.55000000000000004</v>
      </c>
      <c r="D1831">
        <f t="shared" si="30"/>
        <v>3</v>
      </c>
    </row>
    <row r="1832" spans="1:4" x14ac:dyDescent="0.25">
      <c r="A1832" t="s">
        <v>28</v>
      </c>
      <c r="B1832">
        <v>0.9</v>
      </c>
      <c r="C1832">
        <v>0.67</v>
      </c>
      <c r="D1832">
        <f t="shared" si="30"/>
        <v>3</v>
      </c>
    </row>
    <row r="1833" spans="1:4" x14ac:dyDescent="0.25">
      <c r="A1833" t="s">
        <v>29</v>
      </c>
      <c r="B1833">
        <v>0.83</v>
      </c>
      <c r="C1833">
        <v>7.0000000000000007E-2</v>
      </c>
      <c r="D1833">
        <f t="shared" si="30"/>
        <v>1</v>
      </c>
    </row>
    <row r="1834" spans="1:4" x14ac:dyDescent="0.25">
      <c r="A1834" t="s">
        <v>29</v>
      </c>
      <c r="B1834">
        <v>0.66</v>
      </c>
      <c r="C1834">
        <v>0.22</v>
      </c>
      <c r="D1834">
        <f t="shared" si="30"/>
        <v>1</v>
      </c>
    </row>
    <row r="1835" spans="1:4" x14ac:dyDescent="0.25">
      <c r="A1835" t="s">
        <v>29</v>
      </c>
      <c r="B1835">
        <v>0.37</v>
      </c>
      <c r="C1835">
        <v>0.14000000000000001</v>
      </c>
      <c r="D1835">
        <f t="shared" si="30"/>
        <v>1</v>
      </c>
    </row>
    <row r="1836" spans="1:4" x14ac:dyDescent="0.25">
      <c r="A1836" t="s">
        <v>21</v>
      </c>
      <c r="B1836">
        <v>0.99</v>
      </c>
      <c r="C1836">
        <v>0.54</v>
      </c>
      <c r="D1836">
        <f t="shared" si="30"/>
        <v>2</v>
      </c>
    </row>
    <row r="1837" spans="1:4" x14ac:dyDescent="0.25">
      <c r="A1837" t="s">
        <v>30</v>
      </c>
      <c r="B1837">
        <v>0.27</v>
      </c>
      <c r="C1837">
        <v>0.57999999999999996</v>
      </c>
      <c r="D1837">
        <f t="shared" si="30"/>
        <v>3</v>
      </c>
    </row>
    <row r="1838" spans="1:4" x14ac:dyDescent="0.25">
      <c r="A1838" t="s">
        <v>9</v>
      </c>
      <c r="B1838">
        <v>0.39</v>
      </c>
      <c r="C1838">
        <v>0.27</v>
      </c>
      <c r="D1838">
        <f t="shared" si="30"/>
        <v>3</v>
      </c>
    </row>
    <row r="1839" spans="1:4" x14ac:dyDescent="0.25">
      <c r="A1839" t="s">
        <v>28</v>
      </c>
      <c r="B1839">
        <v>0.25</v>
      </c>
      <c r="C1839">
        <v>0.65</v>
      </c>
      <c r="D1839">
        <f t="shared" si="30"/>
        <v>3</v>
      </c>
    </row>
    <row r="1840" spans="1:4" x14ac:dyDescent="0.25">
      <c r="A1840" t="s">
        <v>29</v>
      </c>
      <c r="B1840">
        <v>7.0000000000000007E-2</v>
      </c>
      <c r="C1840">
        <v>0.26</v>
      </c>
      <c r="D1840">
        <f t="shared" si="30"/>
        <v>1</v>
      </c>
    </row>
    <row r="1841" spans="1:4" x14ac:dyDescent="0.25">
      <c r="A1841" t="s">
        <v>29</v>
      </c>
      <c r="B1841">
        <v>0.35</v>
      </c>
      <c r="C1841">
        <v>0.2</v>
      </c>
      <c r="D1841">
        <f t="shared" si="30"/>
        <v>1</v>
      </c>
    </row>
    <row r="1842" spans="1:4" x14ac:dyDescent="0.25">
      <c r="A1842" t="s">
        <v>29</v>
      </c>
      <c r="B1842">
        <v>0.28999999999999998</v>
      </c>
      <c r="C1842">
        <v>0.24</v>
      </c>
      <c r="D1842">
        <f t="shared" si="30"/>
        <v>1</v>
      </c>
    </row>
    <row r="1843" spans="1:4" x14ac:dyDescent="0.25">
      <c r="A1843" t="s">
        <v>29</v>
      </c>
      <c r="B1843">
        <v>0.84</v>
      </c>
      <c r="C1843">
        <v>0.26</v>
      </c>
      <c r="D1843">
        <f t="shared" si="30"/>
        <v>1</v>
      </c>
    </row>
    <row r="1844" spans="1:4" x14ac:dyDescent="0.25">
      <c r="A1844" t="s">
        <v>23</v>
      </c>
      <c r="B1844">
        <v>0.47</v>
      </c>
      <c r="C1844">
        <v>0.5</v>
      </c>
      <c r="D1844">
        <f t="shared" si="30"/>
        <v>1</v>
      </c>
    </row>
    <row r="1845" spans="1:4" x14ac:dyDescent="0.25">
      <c r="A1845" t="s">
        <v>25</v>
      </c>
      <c r="B1845">
        <v>0.97</v>
      </c>
      <c r="C1845">
        <v>0.93</v>
      </c>
      <c r="D1845">
        <f t="shared" si="30"/>
        <v>3</v>
      </c>
    </row>
    <row r="1846" spans="1:4" x14ac:dyDescent="0.25">
      <c r="A1846" t="s">
        <v>23</v>
      </c>
      <c r="B1846">
        <v>0.47</v>
      </c>
      <c r="C1846">
        <v>0.47</v>
      </c>
      <c r="D1846">
        <f t="shared" si="30"/>
        <v>1</v>
      </c>
    </row>
    <row r="1847" spans="1:4" x14ac:dyDescent="0.25">
      <c r="A1847" t="s">
        <v>26</v>
      </c>
      <c r="B1847">
        <v>0.05</v>
      </c>
      <c r="C1847">
        <v>0.22</v>
      </c>
      <c r="D1847">
        <f t="shared" si="30"/>
        <v>3</v>
      </c>
    </row>
    <row r="1848" spans="1:4" x14ac:dyDescent="0.25">
      <c r="A1848" t="s">
        <v>9</v>
      </c>
      <c r="B1848">
        <v>0.68</v>
      </c>
      <c r="C1848">
        <v>0.27</v>
      </c>
      <c r="D1848">
        <f t="shared" si="30"/>
        <v>3</v>
      </c>
    </row>
    <row r="1849" spans="1:4" x14ac:dyDescent="0.25">
      <c r="A1849" t="s">
        <v>26</v>
      </c>
      <c r="B1849">
        <v>0.46</v>
      </c>
      <c r="C1849">
        <v>0.11</v>
      </c>
      <c r="D1849">
        <f t="shared" si="30"/>
        <v>3</v>
      </c>
    </row>
    <row r="1850" spans="1:4" x14ac:dyDescent="0.25">
      <c r="A1850" t="s">
        <v>7</v>
      </c>
      <c r="B1850">
        <v>0.77</v>
      </c>
      <c r="C1850">
        <v>0.88</v>
      </c>
      <c r="D1850">
        <f t="shared" si="30"/>
        <v>1</v>
      </c>
    </row>
    <row r="1851" spans="1:4" x14ac:dyDescent="0.25">
      <c r="A1851" t="s">
        <v>14</v>
      </c>
      <c r="B1851">
        <v>0.83</v>
      </c>
      <c r="C1851">
        <v>0.67</v>
      </c>
      <c r="D1851">
        <f t="shared" si="30"/>
        <v>3</v>
      </c>
    </row>
    <row r="1852" spans="1:4" x14ac:dyDescent="0.25">
      <c r="A1852" t="s">
        <v>20</v>
      </c>
      <c r="B1852">
        <v>0.05</v>
      </c>
      <c r="C1852">
        <v>0.46</v>
      </c>
      <c r="D1852">
        <f t="shared" si="30"/>
        <v>3</v>
      </c>
    </row>
    <row r="1853" spans="1:4" x14ac:dyDescent="0.25">
      <c r="A1853" t="s">
        <v>25</v>
      </c>
      <c r="B1853">
        <v>0.3</v>
      </c>
      <c r="C1853">
        <v>0.73</v>
      </c>
      <c r="D1853">
        <f t="shared" si="30"/>
        <v>3</v>
      </c>
    </row>
    <row r="1854" spans="1:4" x14ac:dyDescent="0.25">
      <c r="A1854" t="s">
        <v>7</v>
      </c>
      <c r="B1854">
        <v>0.14000000000000001</v>
      </c>
      <c r="C1854">
        <v>0.7</v>
      </c>
      <c r="D1854">
        <f t="shared" si="30"/>
        <v>1</v>
      </c>
    </row>
    <row r="1855" spans="1:4" x14ac:dyDescent="0.25">
      <c r="A1855" t="s">
        <v>14</v>
      </c>
      <c r="B1855">
        <v>0.93</v>
      </c>
      <c r="C1855">
        <v>0.47</v>
      </c>
      <c r="D1855">
        <f t="shared" si="30"/>
        <v>3</v>
      </c>
    </row>
    <row r="1856" spans="1:4" x14ac:dyDescent="0.25">
      <c r="A1856" t="s">
        <v>15</v>
      </c>
      <c r="B1856">
        <v>0.74</v>
      </c>
      <c r="C1856">
        <v>0.18</v>
      </c>
      <c r="D1856">
        <f t="shared" si="30"/>
        <v>3</v>
      </c>
    </row>
    <row r="1857" spans="1:4" x14ac:dyDescent="0.25">
      <c r="A1857" t="s">
        <v>26</v>
      </c>
      <c r="B1857">
        <v>0.4</v>
      </c>
      <c r="C1857">
        <v>0.13</v>
      </c>
      <c r="D1857">
        <f t="shared" si="30"/>
        <v>3</v>
      </c>
    </row>
    <row r="1858" spans="1:4" x14ac:dyDescent="0.25">
      <c r="A1858" t="s">
        <v>21</v>
      </c>
      <c r="B1858">
        <v>0.73</v>
      </c>
      <c r="C1858">
        <v>0.36</v>
      </c>
      <c r="D1858">
        <f t="shared" si="30"/>
        <v>2</v>
      </c>
    </row>
    <row r="1859" spans="1:4" x14ac:dyDescent="0.25">
      <c r="A1859" t="s">
        <v>20</v>
      </c>
      <c r="B1859">
        <v>0.6</v>
      </c>
      <c r="C1859">
        <v>0.43</v>
      </c>
      <c r="D1859">
        <f t="shared" ref="D1859:D1922" si="31">VLOOKUP(A1859,$G$2:$H$21,2)</f>
        <v>3</v>
      </c>
    </row>
    <row r="1860" spans="1:4" x14ac:dyDescent="0.25">
      <c r="A1860" t="s">
        <v>17</v>
      </c>
      <c r="B1860">
        <v>0.73</v>
      </c>
      <c r="C1860">
        <v>0.11</v>
      </c>
      <c r="D1860">
        <f t="shared" si="31"/>
        <v>3</v>
      </c>
    </row>
    <row r="1861" spans="1:4" x14ac:dyDescent="0.25">
      <c r="A1861" t="s">
        <v>21</v>
      </c>
      <c r="B1861">
        <v>0.77</v>
      </c>
      <c r="C1861">
        <v>0.65</v>
      </c>
      <c r="D1861">
        <f t="shared" si="31"/>
        <v>2</v>
      </c>
    </row>
    <row r="1862" spans="1:4" x14ac:dyDescent="0.25">
      <c r="A1862" t="s">
        <v>17</v>
      </c>
      <c r="B1862">
        <v>0.98</v>
      </c>
      <c r="C1862">
        <v>0.26</v>
      </c>
      <c r="D1862">
        <f t="shared" si="31"/>
        <v>3</v>
      </c>
    </row>
    <row r="1863" spans="1:4" x14ac:dyDescent="0.25">
      <c r="A1863" t="s">
        <v>9</v>
      </c>
      <c r="B1863">
        <v>0.95</v>
      </c>
      <c r="C1863">
        <v>0.27</v>
      </c>
      <c r="D1863">
        <f t="shared" si="31"/>
        <v>3</v>
      </c>
    </row>
    <row r="1864" spans="1:4" x14ac:dyDescent="0.25">
      <c r="A1864" t="s">
        <v>14</v>
      </c>
      <c r="B1864">
        <v>0.06</v>
      </c>
      <c r="C1864">
        <v>0.67</v>
      </c>
      <c r="D1864">
        <f t="shared" si="31"/>
        <v>3</v>
      </c>
    </row>
    <row r="1865" spans="1:4" x14ac:dyDescent="0.25">
      <c r="A1865" t="s">
        <v>23</v>
      </c>
      <c r="B1865">
        <v>0.8</v>
      </c>
      <c r="C1865">
        <v>0.44</v>
      </c>
      <c r="D1865">
        <f t="shared" si="31"/>
        <v>1</v>
      </c>
    </row>
    <row r="1866" spans="1:4" x14ac:dyDescent="0.25">
      <c r="A1866" t="s">
        <v>29</v>
      </c>
      <c r="B1866">
        <v>0.65</v>
      </c>
      <c r="C1866">
        <v>0.25</v>
      </c>
      <c r="D1866">
        <f t="shared" si="31"/>
        <v>1</v>
      </c>
    </row>
    <row r="1867" spans="1:4" x14ac:dyDescent="0.25">
      <c r="A1867" t="s">
        <v>20</v>
      </c>
      <c r="B1867">
        <v>0.49</v>
      </c>
      <c r="C1867">
        <v>0.67</v>
      </c>
      <c r="D1867">
        <f t="shared" si="31"/>
        <v>3</v>
      </c>
    </row>
    <row r="1868" spans="1:4" x14ac:dyDescent="0.25">
      <c r="A1868" t="s">
        <v>18</v>
      </c>
      <c r="B1868">
        <v>0.63</v>
      </c>
      <c r="C1868">
        <v>0.46</v>
      </c>
      <c r="D1868">
        <f t="shared" si="31"/>
        <v>1</v>
      </c>
    </row>
    <row r="1869" spans="1:4" x14ac:dyDescent="0.25">
      <c r="A1869" t="s">
        <v>13</v>
      </c>
      <c r="B1869">
        <v>0.74</v>
      </c>
      <c r="C1869">
        <v>0.56000000000000005</v>
      </c>
      <c r="D1869">
        <f t="shared" si="31"/>
        <v>3</v>
      </c>
    </row>
    <row r="1870" spans="1:4" x14ac:dyDescent="0.25">
      <c r="A1870" t="s">
        <v>17</v>
      </c>
      <c r="B1870">
        <v>0.06</v>
      </c>
      <c r="C1870">
        <v>0.23</v>
      </c>
      <c r="D1870">
        <f t="shared" si="31"/>
        <v>3</v>
      </c>
    </row>
    <row r="1871" spans="1:4" x14ac:dyDescent="0.25">
      <c r="A1871" t="s">
        <v>15</v>
      </c>
      <c r="B1871">
        <v>0.72</v>
      </c>
      <c r="C1871">
        <v>0.05</v>
      </c>
      <c r="D1871">
        <f t="shared" si="31"/>
        <v>3</v>
      </c>
    </row>
    <row r="1872" spans="1:4" x14ac:dyDescent="0.25">
      <c r="A1872" t="s">
        <v>7</v>
      </c>
      <c r="B1872">
        <v>0.92</v>
      </c>
      <c r="C1872">
        <v>0.8</v>
      </c>
      <c r="D1872">
        <f t="shared" si="31"/>
        <v>1</v>
      </c>
    </row>
    <row r="1873" spans="1:4" x14ac:dyDescent="0.25">
      <c r="A1873" t="s">
        <v>30</v>
      </c>
      <c r="B1873">
        <v>0.22</v>
      </c>
      <c r="C1873">
        <v>0.52</v>
      </c>
      <c r="D1873">
        <f t="shared" si="31"/>
        <v>3</v>
      </c>
    </row>
    <row r="1874" spans="1:4" x14ac:dyDescent="0.25">
      <c r="A1874" t="s">
        <v>25</v>
      </c>
      <c r="B1874">
        <v>0.47</v>
      </c>
      <c r="C1874">
        <v>0.85</v>
      </c>
      <c r="D1874">
        <f t="shared" si="31"/>
        <v>3</v>
      </c>
    </row>
    <row r="1875" spans="1:4" x14ac:dyDescent="0.25">
      <c r="A1875" t="s">
        <v>13</v>
      </c>
      <c r="B1875">
        <v>0.12</v>
      </c>
      <c r="C1875">
        <v>0.59</v>
      </c>
      <c r="D1875">
        <f t="shared" si="31"/>
        <v>3</v>
      </c>
    </row>
    <row r="1876" spans="1:4" x14ac:dyDescent="0.25">
      <c r="A1876" t="s">
        <v>27</v>
      </c>
      <c r="B1876">
        <v>0.11</v>
      </c>
      <c r="C1876">
        <v>0.73</v>
      </c>
      <c r="D1876">
        <f t="shared" si="31"/>
        <v>3</v>
      </c>
    </row>
    <row r="1877" spans="1:4" x14ac:dyDescent="0.25">
      <c r="A1877" t="s">
        <v>22</v>
      </c>
      <c r="B1877">
        <v>0.33</v>
      </c>
      <c r="C1877">
        <v>0.41</v>
      </c>
      <c r="D1877">
        <f t="shared" si="31"/>
        <v>1</v>
      </c>
    </row>
    <row r="1878" spans="1:4" x14ac:dyDescent="0.25">
      <c r="A1878" t="s">
        <v>28</v>
      </c>
      <c r="B1878">
        <v>0.56999999999999995</v>
      </c>
      <c r="C1878">
        <v>0.68</v>
      </c>
      <c r="D1878">
        <f t="shared" si="31"/>
        <v>3</v>
      </c>
    </row>
    <row r="1879" spans="1:4" x14ac:dyDescent="0.25">
      <c r="A1879" t="s">
        <v>11</v>
      </c>
      <c r="B1879">
        <v>0.56999999999999995</v>
      </c>
      <c r="C1879">
        <v>0.92</v>
      </c>
      <c r="D1879">
        <f t="shared" si="31"/>
        <v>1</v>
      </c>
    </row>
    <row r="1880" spans="1:4" x14ac:dyDescent="0.25">
      <c r="A1880" t="s">
        <v>11</v>
      </c>
      <c r="B1880">
        <v>0.24</v>
      </c>
      <c r="C1880">
        <v>0.9</v>
      </c>
      <c r="D1880">
        <f t="shared" si="31"/>
        <v>1</v>
      </c>
    </row>
    <row r="1881" spans="1:4" x14ac:dyDescent="0.25">
      <c r="A1881" t="s">
        <v>11</v>
      </c>
      <c r="B1881">
        <v>0.67</v>
      </c>
      <c r="C1881">
        <v>0.93</v>
      </c>
      <c r="D1881">
        <f t="shared" si="31"/>
        <v>1</v>
      </c>
    </row>
    <row r="1882" spans="1:4" x14ac:dyDescent="0.25">
      <c r="A1882" t="s">
        <v>22</v>
      </c>
      <c r="B1882">
        <v>0.25</v>
      </c>
      <c r="C1882">
        <v>0.68</v>
      </c>
      <c r="D1882">
        <f t="shared" si="31"/>
        <v>1</v>
      </c>
    </row>
    <row r="1883" spans="1:4" x14ac:dyDescent="0.25">
      <c r="A1883" t="s">
        <v>23</v>
      </c>
      <c r="B1883">
        <v>0.33</v>
      </c>
      <c r="C1883">
        <v>0.41</v>
      </c>
      <c r="D1883">
        <f t="shared" si="31"/>
        <v>1</v>
      </c>
    </row>
    <row r="1884" spans="1:4" x14ac:dyDescent="0.25">
      <c r="A1884" t="s">
        <v>30</v>
      </c>
      <c r="B1884">
        <v>0.37</v>
      </c>
      <c r="C1884">
        <v>0.41</v>
      </c>
      <c r="D1884">
        <f t="shared" si="31"/>
        <v>3</v>
      </c>
    </row>
    <row r="1885" spans="1:4" x14ac:dyDescent="0.25">
      <c r="A1885" t="s">
        <v>26</v>
      </c>
      <c r="B1885">
        <v>0.38</v>
      </c>
      <c r="C1885">
        <v>0.25</v>
      </c>
      <c r="D1885">
        <f t="shared" si="31"/>
        <v>3</v>
      </c>
    </row>
    <row r="1886" spans="1:4" x14ac:dyDescent="0.25">
      <c r="A1886" t="s">
        <v>17</v>
      </c>
      <c r="B1886">
        <v>0.03</v>
      </c>
      <c r="C1886">
        <v>0.12</v>
      </c>
      <c r="D1886">
        <f t="shared" si="31"/>
        <v>3</v>
      </c>
    </row>
    <row r="1887" spans="1:4" x14ac:dyDescent="0.25">
      <c r="A1887" t="s">
        <v>29</v>
      </c>
      <c r="B1887">
        <v>0.12</v>
      </c>
      <c r="C1887">
        <v>0.28000000000000003</v>
      </c>
      <c r="D1887">
        <f t="shared" si="31"/>
        <v>1</v>
      </c>
    </row>
    <row r="1888" spans="1:4" x14ac:dyDescent="0.25">
      <c r="A1888" t="s">
        <v>9</v>
      </c>
      <c r="B1888">
        <v>0.66</v>
      </c>
      <c r="C1888">
        <v>0.22</v>
      </c>
      <c r="D1888">
        <f t="shared" si="31"/>
        <v>3</v>
      </c>
    </row>
    <row r="1889" spans="1:4" x14ac:dyDescent="0.25">
      <c r="A1889" t="s">
        <v>11</v>
      </c>
      <c r="B1889">
        <v>0.98</v>
      </c>
      <c r="C1889">
        <v>0.82</v>
      </c>
      <c r="D1889">
        <f t="shared" si="31"/>
        <v>1</v>
      </c>
    </row>
    <row r="1890" spans="1:4" x14ac:dyDescent="0.25">
      <c r="A1890" t="s">
        <v>22</v>
      </c>
      <c r="B1890">
        <v>0.36</v>
      </c>
      <c r="C1890">
        <v>0.42</v>
      </c>
      <c r="D1890">
        <f t="shared" si="31"/>
        <v>1</v>
      </c>
    </row>
    <row r="1891" spans="1:4" x14ac:dyDescent="0.25">
      <c r="A1891" t="s">
        <v>30</v>
      </c>
      <c r="B1891">
        <v>0.49</v>
      </c>
      <c r="C1891">
        <v>0.51</v>
      </c>
      <c r="D1891">
        <f t="shared" si="31"/>
        <v>3</v>
      </c>
    </row>
    <row r="1892" spans="1:4" x14ac:dyDescent="0.25">
      <c r="A1892" t="s">
        <v>27</v>
      </c>
      <c r="B1892">
        <v>0.22</v>
      </c>
      <c r="C1892">
        <v>0.81</v>
      </c>
      <c r="D1892">
        <f t="shared" si="31"/>
        <v>3</v>
      </c>
    </row>
    <row r="1893" spans="1:4" x14ac:dyDescent="0.25">
      <c r="A1893" t="s">
        <v>14</v>
      </c>
      <c r="B1893">
        <v>0.62</v>
      </c>
      <c r="C1893">
        <v>0.32</v>
      </c>
      <c r="D1893">
        <f t="shared" si="31"/>
        <v>3</v>
      </c>
    </row>
    <row r="1894" spans="1:4" x14ac:dyDescent="0.25">
      <c r="A1894" t="s">
        <v>22</v>
      </c>
      <c r="B1894">
        <v>0.26</v>
      </c>
      <c r="C1894">
        <v>0.5</v>
      </c>
      <c r="D1894">
        <f t="shared" si="31"/>
        <v>1</v>
      </c>
    </row>
    <row r="1895" spans="1:4" x14ac:dyDescent="0.25">
      <c r="A1895" t="s">
        <v>26</v>
      </c>
      <c r="B1895">
        <v>0.36</v>
      </c>
      <c r="C1895">
        <v>0.17</v>
      </c>
      <c r="D1895">
        <f t="shared" si="31"/>
        <v>3</v>
      </c>
    </row>
    <row r="1896" spans="1:4" x14ac:dyDescent="0.25">
      <c r="A1896" t="s">
        <v>29</v>
      </c>
      <c r="B1896">
        <v>0.2</v>
      </c>
      <c r="C1896">
        <v>0.22</v>
      </c>
      <c r="D1896">
        <f t="shared" si="31"/>
        <v>1</v>
      </c>
    </row>
    <row r="1897" spans="1:4" x14ac:dyDescent="0.25">
      <c r="A1897" t="s">
        <v>11</v>
      </c>
      <c r="B1897">
        <v>0.03</v>
      </c>
      <c r="C1897">
        <v>0.81</v>
      </c>
      <c r="D1897">
        <f t="shared" si="31"/>
        <v>1</v>
      </c>
    </row>
    <row r="1898" spans="1:4" x14ac:dyDescent="0.25">
      <c r="A1898" t="s">
        <v>21</v>
      </c>
      <c r="B1898">
        <v>0.05</v>
      </c>
      <c r="C1898">
        <v>0.44</v>
      </c>
      <c r="D1898">
        <f t="shared" si="31"/>
        <v>2</v>
      </c>
    </row>
    <row r="1899" spans="1:4" x14ac:dyDescent="0.25">
      <c r="A1899" t="s">
        <v>21</v>
      </c>
      <c r="B1899">
        <v>0.62</v>
      </c>
      <c r="C1899">
        <v>0.59</v>
      </c>
      <c r="D1899">
        <f t="shared" si="31"/>
        <v>2</v>
      </c>
    </row>
    <row r="1900" spans="1:4" x14ac:dyDescent="0.25">
      <c r="A1900" t="s">
        <v>28</v>
      </c>
      <c r="B1900">
        <v>0.67</v>
      </c>
      <c r="C1900">
        <v>0.67</v>
      </c>
      <c r="D1900">
        <f t="shared" si="31"/>
        <v>3</v>
      </c>
    </row>
    <row r="1901" spans="1:4" x14ac:dyDescent="0.25">
      <c r="A1901" t="s">
        <v>17</v>
      </c>
      <c r="B1901">
        <v>0.26</v>
      </c>
      <c r="C1901">
        <v>0.18</v>
      </c>
      <c r="D1901">
        <f t="shared" si="31"/>
        <v>3</v>
      </c>
    </row>
    <row r="1902" spans="1:4" x14ac:dyDescent="0.25">
      <c r="A1902" t="s">
        <v>29</v>
      </c>
      <c r="B1902">
        <v>0.62</v>
      </c>
      <c r="C1902">
        <v>0.22</v>
      </c>
      <c r="D1902">
        <f t="shared" si="31"/>
        <v>1</v>
      </c>
    </row>
    <row r="1903" spans="1:4" x14ac:dyDescent="0.25">
      <c r="A1903" t="s">
        <v>25</v>
      </c>
      <c r="B1903">
        <v>0.54</v>
      </c>
      <c r="C1903">
        <v>0.76</v>
      </c>
      <c r="D1903">
        <f t="shared" si="31"/>
        <v>3</v>
      </c>
    </row>
    <row r="1904" spans="1:4" x14ac:dyDescent="0.25">
      <c r="A1904" t="s">
        <v>19</v>
      </c>
      <c r="B1904">
        <v>0.09</v>
      </c>
      <c r="C1904">
        <v>0.79</v>
      </c>
      <c r="D1904">
        <f t="shared" si="31"/>
        <v>3</v>
      </c>
    </row>
    <row r="1905" spans="1:4" x14ac:dyDescent="0.25">
      <c r="A1905" t="s">
        <v>19</v>
      </c>
      <c r="B1905">
        <v>0.85</v>
      </c>
      <c r="C1905">
        <v>0.91</v>
      </c>
      <c r="D1905">
        <f t="shared" si="31"/>
        <v>3</v>
      </c>
    </row>
    <row r="1906" spans="1:4" x14ac:dyDescent="0.25">
      <c r="A1906" t="s">
        <v>25</v>
      </c>
      <c r="B1906">
        <v>0.32</v>
      </c>
      <c r="C1906">
        <v>0.82</v>
      </c>
      <c r="D1906">
        <f t="shared" si="31"/>
        <v>3</v>
      </c>
    </row>
    <row r="1907" spans="1:4" x14ac:dyDescent="0.25">
      <c r="A1907" t="s">
        <v>25</v>
      </c>
      <c r="B1907">
        <v>0.62</v>
      </c>
      <c r="C1907">
        <v>0.75</v>
      </c>
      <c r="D1907">
        <f t="shared" si="31"/>
        <v>3</v>
      </c>
    </row>
    <row r="1908" spans="1:4" x14ac:dyDescent="0.25">
      <c r="A1908" t="s">
        <v>14</v>
      </c>
      <c r="B1908">
        <v>0.05</v>
      </c>
      <c r="C1908">
        <v>0.33</v>
      </c>
      <c r="D1908">
        <f t="shared" si="31"/>
        <v>3</v>
      </c>
    </row>
    <row r="1909" spans="1:4" x14ac:dyDescent="0.25">
      <c r="A1909" t="s">
        <v>29</v>
      </c>
      <c r="B1909">
        <v>0.43</v>
      </c>
      <c r="C1909">
        <v>0.25</v>
      </c>
      <c r="D1909">
        <f t="shared" si="31"/>
        <v>1</v>
      </c>
    </row>
    <row r="1910" spans="1:4" x14ac:dyDescent="0.25">
      <c r="A1910" t="s">
        <v>19</v>
      </c>
      <c r="B1910">
        <v>0.3</v>
      </c>
      <c r="C1910">
        <v>0.87</v>
      </c>
      <c r="D1910">
        <f t="shared" si="31"/>
        <v>3</v>
      </c>
    </row>
    <row r="1911" spans="1:4" x14ac:dyDescent="0.25">
      <c r="A1911" t="s">
        <v>18</v>
      </c>
      <c r="B1911">
        <v>0.82</v>
      </c>
      <c r="C1911">
        <v>0.33</v>
      </c>
      <c r="D1911">
        <f t="shared" si="31"/>
        <v>1</v>
      </c>
    </row>
    <row r="1912" spans="1:4" x14ac:dyDescent="0.25">
      <c r="A1912" t="s">
        <v>13</v>
      </c>
      <c r="B1912">
        <v>0.63</v>
      </c>
      <c r="C1912">
        <v>0.39</v>
      </c>
      <c r="D1912">
        <f t="shared" si="31"/>
        <v>3</v>
      </c>
    </row>
    <row r="1913" spans="1:4" x14ac:dyDescent="0.25">
      <c r="A1913" t="s">
        <v>27</v>
      </c>
      <c r="B1913">
        <v>0.41</v>
      </c>
      <c r="C1913">
        <v>0.81</v>
      </c>
      <c r="D1913">
        <f t="shared" si="31"/>
        <v>3</v>
      </c>
    </row>
    <row r="1914" spans="1:4" x14ac:dyDescent="0.25">
      <c r="A1914" t="s">
        <v>9</v>
      </c>
      <c r="B1914">
        <v>0.78</v>
      </c>
      <c r="C1914">
        <v>0.09</v>
      </c>
      <c r="D1914">
        <f t="shared" si="31"/>
        <v>3</v>
      </c>
    </row>
    <row r="1915" spans="1:4" x14ac:dyDescent="0.25">
      <c r="A1915" t="s">
        <v>11</v>
      </c>
      <c r="B1915">
        <v>0.92</v>
      </c>
      <c r="C1915">
        <v>0.91</v>
      </c>
      <c r="D1915">
        <f t="shared" si="31"/>
        <v>1</v>
      </c>
    </row>
    <row r="1916" spans="1:4" x14ac:dyDescent="0.25">
      <c r="A1916" t="s">
        <v>18</v>
      </c>
      <c r="B1916">
        <v>0.17</v>
      </c>
      <c r="C1916">
        <v>0.54</v>
      </c>
      <c r="D1916">
        <f t="shared" si="31"/>
        <v>1</v>
      </c>
    </row>
    <row r="1917" spans="1:4" x14ac:dyDescent="0.25">
      <c r="A1917" t="s">
        <v>22</v>
      </c>
      <c r="B1917">
        <v>0</v>
      </c>
      <c r="C1917">
        <v>0.52</v>
      </c>
      <c r="D1917">
        <f t="shared" si="31"/>
        <v>1</v>
      </c>
    </row>
    <row r="1918" spans="1:4" x14ac:dyDescent="0.25">
      <c r="A1918" t="s">
        <v>17</v>
      </c>
      <c r="B1918">
        <v>0.33</v>
      </c>
      <c r="C1918">
        <v>0.28000000000000003</v>
      </c>
      <c r="D1918">
        <f t="shared" si="31"/>
        <v>3</v>
      </c>
    </row>
    <row r="1919" spans="1:4" x14ac:dyDescent="0.25">
      <c r="A1919" t="s">
        <v>16</v>
      </c>
      <c r="B1919">
        <v>0.35</v>
      </c>
      <c r="C1919">
        <v>0.31</v>
      </c>
      <c r="D1919">
        <f t="shared" si="31"/>
        <v>3</v>
      </c>
    </row>
    <row r="1920" spans="1:4" x14ac:dyDescent="0.25">
      <c r="A1920" t="s">
        <v>13</v>
      </c>
      <c r="B1920">
        <v>0.86</v>
      </c>
      <c r="C1920">
        <v>0.45</v>
      </c>
      <c r="D1920">
        <f t="shared" si="31"/>
        <v>3</v>
      </c>
    </row>
    <row r="1921" spans="1:4" x14ac:dyDescent="0.25">
      <c r="A1921" t="s">
        <v>27</v>
      </c>
      <c r="B1921">
        <v>0.9</v>
      </c>
      <c r="C1921">
        <v>0.93</v>
      </c>
      <c r="D1921">
        <f t="shared" si="31"/>
        <v>3</v>
      </c>
    </row>
    <row r="1922" spans="1:4" x14ac:dyDescent="0.25">
      <c r="A1922" t="s">
        <v>21</v>
      </c>
      <c r="B1922">
        <v>0.42</v>
      </c>
      <c r="C1922">
        <v>0.42</v>
      </c>
      <c r="D1922">
        <f t="shared" si="31"/>
        <v>2</v>
      </c>
    </row>
    <row r="1923" spans="1:4" x14ac:dyDescent="0.25">
      <c r="A1923" t="s">
        <v>16</v>
      </c>
      <c r="B1923">
        <v>0.11</v>
      </c>
      <c r="C1923">
        <v>0.48</v>
      </c>
      <c r="D1923">
        <f t="shared" ref="D1923:D1986" si="32">VLOOKUP(A1923,$G$2:$H$21,2)</f>
        <v>3</v>
      </c>
    </row>
    <row r="1924" spans="1:4" x14ac:dyDescent="0.25">
      <c r="A1924" t="s">
        <v>13</v>
      </c>
      <c r="B1924">
        <v>0.77</v>
      </c>
      <c r="C1924">
        <v>0.54</v>
      </c>
      <c r="D1924">
        <f t="shared" si="32"/>
        <v>3</v>
      </c>
    </row>
    <row r="1925" spans="1:4" x14ac:dyDescent="0.25">
      <c r="A1925" t="s">
        <v>15</v>
      </c>
      <c r="B1925">
        <v>0.37</v>
      </c>
      <c r="C1925">
        <v>0.13</v>
      </c>
      <c r="D1925">
        <f t="shared" si="32"/>
        <v>3</v>
      </c>
    </row>
    <row r="1926" spans="1:4" x14ac:dyDescent="0.25">
      <c r="A1926" t="s">
        <v>29</v>
      </c>
      <c r="B1926">
        <v>0.62</v>
      </c>
      <c r="C1926">
        <v>0.16</v>
      </c>
      <c r="D1926">
        <f t="shared" si="32"/>
        <v>1</v>
      </c>
    </row>
    <row r="1927" spans="1:4" x14ac:dyDescent="0.25">
      <c r="A1927" t="s">
        <v>28</v>
      </c>
      <c r="B1927">
        <v>0.82</v>
      </c>
      <c r="C1927">
        <v>0.65</v>
      </c>
      <c r="D1927">
        <f t="shared" si="32"/>
        <v>3</v>
      </c>
    </row>
    <row r="1928" spans="1:4" x14ac:dyDescent="0.25">
      <c r="A1928" t="s">
        <v>30</v>
      </c>
      <c r="B1928">
        <v>0.65</v>
      </c>
      <c r="C1928">
        <v>0.5</v>
      </c>
      <c r="D1928">
        <f t="shared" si="32"/>
        <v>3</v>
      </c>
    </row>
    <row r="1929" spans="1:4" x14ac:dyDescent="0.25">
      <c r="A1929" t="s">
        <v>27</v>
      </c>
      <c r="B1929">
        <v>0.9</v>
      </c>
      <c r="C1929">
        <v>0.8</v>
      </c>
      <c r="D1929">
        <f t="shared" si="32"/>
        <v>3</v>
      </c>
    </row>
    <row r="1930" spans="1:4" x14ac:dyDescent="0.25">
      <c r="A1930" t="s">
        <v>23</v>
      </c>
      <c r="B1930">
        <v>0.5</v>
      </c>
      <c r="C1930">
        <v>0.4</v>
      </c>
      <c r="D1930">
        <f t="shared" si="32"/>
        <v>1</v>
      </c>
    </row>
    <row r="1931" spans="1:4" x14ac:dyDescent="0.25">
      <c r="A1931" t="s">
        <v>30</v>
      </c>
      <c r="B1931">
        <v>0.06</v>
      </c>
      <c r="C1931">
        <v>0.33</v>
      </c>
      <c r="D1931">
        <f t="shared" si="32"/>
        <v>3</v>
      </c>
    </row>
    <row r="1932" spans="1:4" x14ac:dyDescent="0.25">
      <c r="A1932" t="s">
        <v>20</v>
      </c>
      <c r="B1932">
        <v>0.66</v>
      </c>
      <c r="C1932">
        <v>0.41</v>
      </c>
      <c r="D1932">
        <f t="shared" si="32"/>
        <v>3</v>
      </c>
    </row>
    <row r="1933" spans="1:4" x14ac:dyDescent="0.25">
      <c r="A1933" t="s">
        <v>15</v>
      </c>
      <c r="B1933">
        <v>0.68</v>
      </c>
      <c r="C1933">
        <v>0.12</v>
      </c>
      <c r="D1933">
        <f t="shared" si="32"/>
        <v>3</v>
      </c>
    </row>
    <row r="1934" spans="1:4" x14ac:dyDescent="0.25">
      <c r="A1934" t="s">
        <v>7</v>
      </c>
      <c r="B1934">
        <v>0.9</v>
      </c>
      <c r="C1934">
        <v>0.8</v>
      </c>
      <c r="D1934">
        <f t="shared" si="32"/>
        <v>1</v>
      </c>
    </row>
    <row r="1935" spans="1:4" x14ac:dyDescent="0.25">
      <c r="A1935" t="s">
        <v>27</v>
      </c>
      <c r="B1935">
        <v>0.5</v>
      </c>
      <c r="C1935">
        <v>0.85</v>
      </c>
      <c r="D1935">
        <f t="shared" si="32"/>
        <v>3</v>
      </c>
    </row>
    <row r="1936" spans="1:4" x14ac:dyDescent="0.25">
      <c r="A1936" t="s">
        <v>7</v>
      </c>
      <c r="B1936">
        <v>0.33</v>
      </c>
      <c r="C1936">
        <v>0.94</v>
      </c>
      <c r="D1936">
        <f t="shared" si="32"/>
        <v>1</v>
      </c>
    </row>
    <row r="1937" spans="1:4" x14ac:dyDescent="0.25">
      <c r="A1937" t="s">
        <v>7</v>
      </c>
      <c r="B1937">
        <v>0.43</v>
      </c>
      <c r="C1937">
        <v>0.73</v>
      </c>
      <c r="D1937">
        <f t="shared" si="32"/>
        <v>1</v>
      </c>
    </row>
    <row r="1938" spans="1:4" x14ac:dyDescent="0.25">
      <c r="A1938" t="s">
        <v>29</v>
      </c>
      <c r="B1938">
        <v>0.6</v>
      </c>
      <c r="C1938">
        <v>0.08</v>
      </c>
      <c r="D1938">
        <f t="shared" si="32"/>
        <v>1</v>
      </c>
    </row>
    <row r="1939" spans="1:4" x14ac:dyDescent="0.25">
      <c r="A1939" t="s">
        <v>23</v>
      </c>
      <c r="B1939">
        <v>0.35</v>
      </c>
      <c r="C1939">
        <v>0.35</v>
      </c>
      <c r="D1939">
        <f t="shared" si="32"/>
        <v>1</v>
      </c>
    </row>
    <row r="1940" spans="1:4" x14ac:dyDescent="0.25">
      <c r="A1940" t="s">
        <v>25</v>
      </c>
      <c r="B1940">
        <v>0.01</v>
      </c>
      <c r="C1940">
        <v>0.72</v>
      </c>
      <c r="D1940">
        <f t="shared" si="32"/>
        <v>3</v>
      </c>
    </row>
    <row r="1941" spans="1:4" x14ac:dyDescent="0.25">
      <c r="A1941" t="s">
        <v>11</v>
      </c>
      <c r="B1941">
        <v>0.6</v>
      </c>
      <c r="C1941">
        <v>0.72</v>
      </c>
      <c r="D1941">
        <f t="shared" si="32"/>
        <v>1</v>
      </c>
    </row>
    <row r="1942" spans="1:4" x14ac:dyDescent="0.25">
      <c r="A1942" t="s">
        <v>21</v>
      </c>
      <c r="B1942">
        <v>0.64</v>
      </c>
      <c r="C1942">
        <v>0.49</v>
      </c>
      <c r="D1942">
        <f t="shared" si="32"/>
        <v>2</v>
      </c>
    </row>
    <row r="1943" spans="1:4" x14ac:dyDescent="0.25">
      <c r="A1943" t="s">
        <v>22</v>
      </c>
      <c r="B1943">
        <v>0.12</v>
      </c>
      <c r="C1943">
        <v>0.56999999999999995</v>
      </c>
      <c r="D1943">
        <f t="shared" si="32"/>
        <v>1</v>
      </c>
    </row>
    <row r="1944" spans="1:4" x14ac:dyDescent="0.25">
      <c r="A1944" t="s">
        <v>11</v>
      </c>
      <c r="B1944">
        <v>0.98</v>
      </c>
      <c r="C1944">
        <v>0.83</v>
      </c>
      <c r="D1944">
        <f t="shared" si="32"/>
        <v>1</v>
      </c>
    </row>
    <row r="1945" spans="1:4" x14ac:dyDescent="0.25">
      <c r="A1945" t="s">
        <v>25</v>
      </c>
      <c r="B1945">
        <v>0.92</v>
      </c>
      <c r="C1945">
        <v>0.88</v>
      </c>
      <c r="D1945">
        <f t="shared" si="32"/>
        <v>3</v>
      </c>
    </row>
    <row r="1946" spans="1:4" x14ac:dyDescent="0.25">
      <c r="A1946" t="s">
        <v>19</v>
      </c>
      <c r="B1946">
        <v>0.01</v>
      </c>
      <c r="C1946">
        <v>0.86</v>
      </c>
      <c r="D1946">
        <f t="shared" si="32"/>
        <v>3</v>
      </c>
    </row>
    <row r="1947" spans="1:4" x14ac:dyDescent="0.25">
      <c r="A1947" t="s">
        <v>9</v>
      </c>
      <c r="B1947">
        <v>0.14000000000000001</v>
      </c>
      <c r="C1947">
        <v>0.06</v>
      </c>
      <c r="D1947">
        <f t="shared" si="32"/>
        <v>3</v>
      </c>
    </row>
    <row r="1948" spans="1:4" x14ac:dyDescent="0.25">
      <c r="A1948" t="s">
        <v>29</v>
      </c>
      <c r="B1948">
        <v>0.69</v>
      </c>
      <c r="C1948">
        <v>0.16</v>
      </c>
      <c r="D1948">
        <f t="shared" si="32"/>
        <v>1</v>
      </c>
    </row>
    <row r="1949" spans="1:4" x14ac:dyDescent="0.25">
      <c r="A1949" t="s">
        <v>29</v>
      </c>
      <c r="B1949">
        <v>0.91</v>
      </c>
      <c r="C1949">
        <v>0.19</v>
      </c>
      <c r="D1949">
        <f t="shared" si="32"/>
        <v>1</v>
      </c>
    </row>
    <row r="1950" spans="1:4" x14ac:dyDescent="0.25">
      <c r="A1950" t="s">
        <v>28</v>
      </c>
      <c r="B1950">
        <v>0.78</v>
      </c>
      <c r="C1950">
        <v>0.61</v>
      </c>
      <c r="D1950">
        <f t="shared" si="32"/>
        <v>3</v>
      </c>
    </row>
    <row r="1951" spans="1:4" x14ac:dyDescent="0.25">
      <c r="A1951" t="s">
        <v>26</v>
      </c>
      <c r="B1951">
        <v>0.77</v>
      </c>
      <c r="C1951">
        <v>0.12</v>
      </c>
      <c r="D1951">
        <f t="shared" si="32"/>
        <v>3</v>
      </c>
    </row>
    <row r="1952" spans="1:4" x14ac:dyDescent="0.25">
      <c r="A1952" t="s">
        <v>17</v>
      </c>
      <c r="B1952">
        <v>0.98</v>
      </c>
      <c r="C1952">
        <v>0.2</v>
      </c>
      <c r="D1952">
        <f t="shared" si="32"/>
        <v>3</v>
      </c>
    </row>
    <row r="1953" spans="1:4" x14ac:dyDescent="0.25">
      <c r="A1953" t="s">
        <v>14</v>
      </c>
      <c r="B1953">
        <v>0.5</v>
      </c>
      <c r="C1953">
        <v>0.44</v>
      </c>
      <c r="D1953">
        <f t="shared" si="32"/>
        <v>3</v>
      </c>
    </row>
    <row r="1954" spans="1:4" x14ac:dyDescent="0.25">
      <c r="A1954" t="s">
        <v>11</v>
      </c>
      <c r="B1954">
        <v>0.97</v>
      </c>
      <c r="C1954">
        <v>0.93</v>
      </c>
      <c r="D1954">
        <f t="shared" si="32"/>
        <v>1</v>
      </c>
    </row>
    <row r="1955" spans="1:4" x14ac:dyDescent="0.25">
      <c r="A1955" t="s">
        <v>20</v>
      </c>
      <c r="B1955">
        <v>0.64</v>
      </c>
      <c r="C1955">
        <v>0.4</v>
      </c>
      <c r="D1955">
        <f t="shared" si="32"/>
        <v>3</v>
      </c>
    </row>
    <row r="1956" spans="1:4" x14ac:dyDescent="0.25">
      <c r="A1956" t="s">
        <v>16</v>
      </c>
      <c r="B1956">
        <v>0.15</v>
      </c>
      <c r="C1956">
        <v>0.32</v>
      </c>
      <c r="D1956">
        <f t="shared" si="32"/>
        <v>3</v>
      </c>
    </row>
    <row r="1957" spans="1:4" x14ac:dyDescent="0.25">
      <c r="A1957" t="s">
        <v>17</v>
      </c>
      <c r="B1957">
        <v>0.26</v>
      </c>
      <c r="C1957">
        <v>0.19</v>
      </c>
      <c r="D1957">
        <f t="shared" si="32"/>
        <v>3</v>
      </c>
    </row>
    <row r="1958" spans="1:4" x14ac:dyDescent="0.25">
      <c r="A1958" t="s">
        <v>7</v>
      </c>
      <c r="B1958">
        <v>0.43</v>
      </c>
      <c r="C1958">
        <v>0.75</v>
      </c>
      <c r="D1958">
        <f t="shared" si="32"/>
        <v>1</v>
      </c>
    </row>
    <row r="1959" spans="1:4" x14ac:dyDescent="0.25">
      <c r="A1959" t="s">
        <v>18</v>
      </c>
      <c r="B1959">
        <v>0.48</v>
      </c>
      <c r="C1959">
        <v>0.31</v>
      </c>
      <c r="D1959">
        <f t="shared" si="32"/>
        <v>1</v>
      </c>
    </row>
    <row r="1960" spans="1:4" x14ac:dyDescent="0.25">
      <c r="A1960" t="s">
        <v>22</v>
      </c>
      <c r="B1960">
        <v>0.73</v>
      </c>
      <c r="C1960">
        <v>0.47</v>
      </c>
      <c r="D1960">
        <f t="shared" si="32"/>
        <v>1</v>
      </c>
    </row>
    <row r="1961" spans="1:4" x14ac:dyDescent="0.25">
      <c r="A1961" t="s">
        <v>30</v>
      </c>
      <c r="B1961">
        <v>0.52</v>
      </c>
      <c r="C1961">
        <v>0.39</v>
      </c>
      <c r="D1961">
        <f t="shared" si="32"/>
        <v>3</v>
      </c>
    </row>
    <row r="1962" spans="1:4" x14ac:dyDescent="0.25">
      <c r="A1962" t="s">
        <v>28</v>
      </c>
      <c r="B1962">
        <v>0.32</v>
      </c>
      <c r="C1962">
        <v>0.63</v>
      </c>
      <c r="D1962">
        <f t="shared" si="32"/>
        <v>3</v>
      </c>
    </row>
    <row r="1963" spans="1:4" x14ac:dyDescent="0.25">
      <c r="A1963" t="s">
        <v>23</v>
      </c>
      <c r="B1963">
        <v>0.96</v>
      </c>
      <c r="C1963">
        <v>0.39</v>
      </c>
      <c r="D1963">
        <f t="shared" si="32"/>
        <v>1</v>
      </c>
    </row>
    <row r="1964" spans="1:4" x14ac:dyDescent="0.25">
      <c r="A1964" t="s">
        <v>11</v>
      </c>
      <c r="B1964">
        <v>0.45</v>
      </c>
      <c r="C1964">
        <v>0.78</v>
      </c>
      <c r="D1964">
        <f t="shared" si="32"/>
        <v>1</v>
      </c>
    </row>
    <row r="1965" spans="1:4" x14ac:dyDescent="0.25">
      <c r="A1965" t="s">
        <v>13</v>
      </c>
      <c r="B1965">
        <v>0.42</v>
      </c>
      <c r="C1965">
        <v>0.3</v>
      </c>
      <c r="D1965">
        <f t="shared" si="32"/>
        <v>3</v>
      </c>
    </row>
    <row r="1966" spans="1:4" x14ac:dyDescent="0.25">
      <c r="A1966" t="s">
        <v>16</v>
      </c>
      <c r="B1966">
        <v>0.37</v>
      </c>
      <c r="C1966">
        <v>0.6</v>
      </c>
      <c r="D1966">
        <f t="shared" si="32"/>
        <v>3</v>
      </c>
    </row>
    <row r="1967" spans="1:4" x14ac:dyDescent="0.25">
      <c r="A1967" t="s">
        <v>13</v>
      </c>
      <c r="B1967">
        <v>0.06</v>
      </c>
      <c r="C1967">
        <v>0.45</v>
      </c>
      <c r="D1967">
        <f t="shared" si="32"/>
        <v>3</v>
      </c>
    </row>
    <row r="1968" spans="1:4" x14ac:dyDescent="0.25">
      <c r="A1968" t="s">
        <v>15</v>
      </c>
      <c r="B1968">
        <v>0.25</v>
      </c>
      <c r="C1968">
        <v>0.22</v>
      </c>
      <c r="D1968">
        <f t="shared" si="32"/>
        <v>3</v>
      </c>
    </row>
    <row r="1969" spans="1:4" x14ac:dyDescent="0.25">
      <c r="A1969" t="s">
        <v>30</v>
      </c>
      <c r="B1969">
        <v>0.93</v>
      </c>
      <c r="C1969">
        <v>0.32</v>
      </c>
      <c r="D1969">
        <f t="shared" si="32"/>
        <v>3</v>
      </c>
    </row>
    <row r="1970" spans="1:4" x14ac:dyDescent="0.25">
      <c r="A1970" t="s">
        <v>17</v>
      </c>
      <c r="B1970">
        <v>0.64</v>
      </c>
      <c r="C1970">
        <v>0.22</v>
      </c>
      <c r="D1970">
        <f t="shared" si="32"/>
        <v>3</v>
      </c>
    </row>
    <row r="1971" spans="1:4" x14ac:dyDescent="0.25">
      <c r="A1971" t="s">
        <v>20</v>
      </c>
      <c r="B1971">
        <v>0.63</v>
      </c>
      <c r="C1971">
        <v>0.44</v>
      </c>
      <c r="D1971">
        <f t="shared" si="32"/>
        <v>3</v>
      </c>
    </row>
    <row r="1972" spans="1:4" x14ac:dyDescent="0.25">
      <c r="A1972" t="s">
        <v>25</v>
      </c>
      <c r="B1972">
        <v>7.0000000000000007E-2</v>
      </c>
      <c r="C1972">
        <v>0.71</v>
      </c>
      <c r="D1972">
        <f t="shared" si="32"/>
        <v>3</v>
      </c>
    </row>
    <row r="1973" spans="1:4" x14ac:dyDescent="0.25">
      <c r="A1973" t="s">
        <v>28</v>
      </c>
      <c r="B1973">
        <v>0.13</v>
      </c>
      <c r="C1973">
        <v>0.53</v>
      </c>
      <c r="D1973">
        <f t="shared" si="32"/>
        <v>3</v>
      </c>
    </row>
    <row r="1974" spans="1:4" x14ac:dyDescent="0.25">
      <c r="A1974" t="s">
        <v>17</v>
      </c>
      <c r="B1974">
        <v>0.93</v>
      </c>
      <c r="C1974">
        <v>0.05</v>
      </c>
      <c r="D1974">
        <f t="shared" si="32"/>
        <v>3</v>
      </c>
    </row>
    <row r="1975" spans="1:4" x14ac:dyDescent="0.25">
      <c r="A1975" t="s">
        <v>9</v>
      </c>
      <c r="B1975">
        <v>0.32</v>
      </c>
      <c r="C1975">
        <v>7.0000000000000007E-2</v>
      </c>
      <c r="D1975">
        <f t="shared" si="32"/>
        <v>3</v>
      </c>
    </row>
    <row r="1976" spans="1:4" x14ac:dyDescent="0.25">
      <c r="A1976" t="s">
        <v>17</v>
      </c>
      <c r="B1976">
        <v>0.43</v>
      </c>
      <c r="C1976">
        <v>0.28000000000000003</v>
      </c>
      <c r="D1976">
        <f t="shared" si="32"/>
        <v>3</v>
      </c>
    </row>
    <row r="1977" spans="1:4" x14ac:dyDescent="0.25">
      <c r="A1977" t="s">
        <v>28</v>
      </c>
      <c r="B1977">
        <v>0.82</v>
      </c>
      <c r="C1977">
        <v>0.56000000000000005</v>
      </c>
      <c r="D1977">
        <f t="shared" si="32"/>
        <v>3</v>
      </c>
    </row>
    <row r="1978" spans="1:4" x14ac:dyDescent="0.25">
      <c r="A1978" t="s">
        <v>22</v>
      </c>
      <c r="B1978">
        <v>0.02</v>
      </c>
      <c r="C1978">
        <v>0.61</v>
      </c>
      <c r="D1978">
        <f t="shared" si="32"/>
        <v>1</v>
      </c>
    </row>
    <row r="1979" spans="1:4" x14ac:dyDescent="0.25">
      <c r="A1979" t="s">
        <v>17</v>
      </c>
      <c r="B1979">
        <v>0.88</v>
      </c>
      <c r="C1979">
        <v>0.28000000000000003</v>
      </c>
      <c r="D1979">
        <f t="shared" si="32"/>
        <v>3</v>
      </c>
    </row>
    <row r="1980" spans="1:4" x14ac:dyDescent="0.25">
      <c r="A1980" t="s">
        <v>9</v>
      </c>
      <c r="B1980">
        <v>0.96</v>
      </c>
      <c r="C1980">
        <v>0.15</v>
      </c>
      <c r="D1980">
        <f t="shared" si="32"/>
        <v>3</v>
      </c>
    </row>
    <row r="1981" spans="1:4" x14ac:dyDescent="0.25">
      <c r="A1981" t="s">
        <v>18</v>
      </c>
      <c r="B1981">
        <v>0.67</v>
      </c>
      <c r="C1981">
        <v>0.69</v>
      </c>
      <c r="D1981">
        <f t="shared" si="32"/>
        <v>1</v>
      </c>
    </row>
    <row r="1982" spans="1:4" x14ac:dyDescent="0.25">
      <c r="A1982" t="s">
        <v>7</v>
      </c>
      <c r="B1982">
        <v>0.33</v>
      </c>
      <c r="C1982">
        <v>0.82</v>
      </c>
      <c r="D1982">
        <f t="shared" si="32"/>
        <v>1</v>
      </c>
    </row>
    <row r="1983" spans="1:4" x14ac:dyDescent="0.25">
      <c r="A1983" t="s">
        <v>26</v>
      </c>
      <c r="B1983">
        <v>0.23</v>
      </c>
      <c r="C1983">
        <v>0.28000000000000003</v>
      </c>
      <c r="D1983">
        <f t="shared" si="32"/>
        <v>3</v>
      </c>
    </row>
    <row r="1984" spans="1:4" x14ac:dyDescent="0.25">
      <c r="A1984" t="s">
        <v>20</v>
      </c>
      <c r="B1984">
        <v>0.28999999999999998</v>
      </c>
      <c r="C1984">
        <v>0.44</v>
      </c>
      <c r="D1984">
        <f t="shared" si="32"/>
        <v>3</v>
      </c>
    </row>
    <row r="1985" spans="1:4" x14ac:dyDescent="0.25">
      <c r="A1985" t="s">
        <v>7</v>
      </c>
      <c r="B1985">
        <v>0.55000000000000004</v>
      </c>
      <c r="C1985">
        <v>0.9</v>
      </c>
      <c r="D1985">
        <f t="shared" si="32"/>
        <v>1</v>
      </c>
    </row>
    <row r="1986" spans="1:4" x14ac:dyDescent="0.25">
      <c r="A1986" t="s">
        <v>7</v>
      </c>
      <c r="B1986">
        <v>0.85</v>
      </c>
      <c r="C1986">
        <v>0.94</v>
      </c>
      <c r="D1986">
        <f t="shared" si="32"/>
        <v>1</v>
      </c>
    </row>
    <row r="1987" spans="1:4" x14ac:dyDescent="0.25">
      <c r="A1987" t="s">
        <v>29</v>
      </c>
      <c r="B1987">
        <v>0.91</v>
      </c>
      <c r="C1987">
        <v>0.24</v>
      </c>
      <c r="D1987">
        <f t="shared" ref="D1987:D2050" si="33">VLOOKUP(A1987,$G$2:$H$21,2)</f>
        <v>1</v>
      </c>
    </row>
    <row r="1988" spans="1:4" x14ac:dyDescent="0.25">
      <c r="A1988" t="s">
        <v>17</v>
      </c>
      <c r="B1988">
        <v>0.34</v>
      </c>
      <c r="C1988">
        <v>0.18</v>
      </c>
      <c r="D1988">
        <f t="shared" si="33"/>
        <v>3</v>
      </c>
    </row>
    <row r="1989" spans="1:4" x14ac:dyDescent="0.25">
      <c r="A1989" t="s">
        <v>22</v>
      </c>
      <c r="B1989">
        <v>0.47</v>
      </c>
      <c r="C1989">
        <v>0.53</v>
      </c>
      <c r="D1989">
        <f t="shared" si="33"/>
        <v>1</v>
      </c>
    </row>
    <row r="1990" spans="1:4" x14ac:dyDescent="0.25">
      <c r="A1990" t="s">
        <v>14</v>
      </c>
      <c r="B1990">
        <v>0.31</v>
      </c>
      <c r="C1990">
        <v>0.55000000000000004</v>
      </c>
      <c r="D1990">
        <f t="shared" si="33"/>
        <v>3</v>
      </c>
    </row>
    <row r="1991" spans="1:4" x14ac:dyDescent="0.25">
      <c r="A1991" t="s">
        <v>22</v>
      </c>
      <c r="B1991">
        <v>0.21</v>
      </c>
      <c r="C1991">
        <v>0.64</v>
      </c>
      <c r="D1991">
        <f t="shared" si="33"/>
        <v>1</v>
      </c>
    </row>
    <row r="1992" spans="1:4" x14ac:dyDescent="0.25">
      <c r="A1992" t="s">
        <v>30</v>
      </c>
      <c r="B1992">
        <v>0.4</v>
      </c>
      <c r="C1992">
        <v>0.43</v>
      </c>
      <c r="D1992">
        <f t="shared" si="33"/>
        <v>3</v>
      </c>
    </row>
    <row r="1993" spans="1:4" x14ac:dyDescent="0.25">
      <c r="A1993" t="s">
        <v>17</v>
      </c>
      <c r="B1993">
        <v>0.44</v>
      </c>
      <c r="C1993">
        <v>0.14000000000000001</v>
      </c>
      <c r="D1993">
        <f t="shared" si="33"/>
        <v>3</v>
      </c>
    </row>
    <row r="1994" spans="1:4" x14ac:dyDescent="0.25">
      <c r="A1994" t="s">
        <v>17</v>
      </c>
      <c r="B1994">
        <v>0.7</v>
      </c>
      <c r="C1994">
        <v>0.21</v>
      </c>
      <c r="D1994">
        <f t="shared" si="33"/>
        <v>3</v>
      </c>
    </row>
    <row r="1995" spans="1:4" x14ac:dyDescent="0.25">
      <c r="A1995" t="s">
        <v>17</v>
      </c>
      <c r="B1995">
        <v>0.17</v>
      </c>
      <c r="C1995">
        <v>0.11</v>
      </c>
      <c r="D1995">
        <f t="shared" si="33"/>
        <v>3</v>
      </c>
    </row>
    <row r="1996" spans="1:4" x14ac:dyDescent="0.25">
      <c r="A1996" t="s">
        <v>25</v>
      </c>
      <c r="B1996">
        <v>0.02</v>
      </c>
      <c r="C1996">
        <v>0.87</v>
      </c>
      <c r="D1996">
        <f t="shared" si="33"/>
        <v>3</v>
      </c>
    </row>
    <row r="1997" spans="1:4" x14ac:dyDescent="0.25">
      <c r="A1997" t="s">
        <v>17</v>
      </c>
      <c r="B1997">
        <v>0.86</v>
      </c>
      <c r="C1997">
        <v>0.23</v>
      </c>
      <c r="D1997">
        <f t="shared" si="33"/>
        <v>3</v>
      </c>
    </row>
    <row r="1998" spans="1:4" x14ac:dyDescent="0.25">
      <c r="A1998" t="s">
        <v>16</v>
      </c>
      <c r="B1998">
        <v>0.09</v>
      </c>
      <c r="C1998">
        <v>0.66</v>
      </c>
      <c r="D1998">
        <f t="shared" si="33"/>
        <v>3</v>
      </c>
    </row>
    <row r="1999" spans="1:4" x14ac:dyDescent="0.25">
      <c r="A1999" t="s">
        <v>20</v>
      </c>
      <c r="B1999">
        <v>0.01</v>
      </c>
      <c r="C1999">
        <v>0.55000000000000004</v>
      </c>
      <c r="D1999">
        <f t="shared" si="33"/>
        <v>3</v>
      </c>
    </row>
    <row r="2000" spans="1:4" x14ac:dyDescent="0.25">
      <c r="A2000" t="s">
        <v>27</v>
      </c>
      <c r="B2000">
        <v>0.84</v>
      </c>
      <c r="C2000">
        <v>0.74</v>
      </c>
      <c r="D2000">
        <f t="shared" si="33"/>
        <v>3</v>
      </c>
    </row>
    <row r="2001" spans="1:4" x14ac:dyDescent="0.25">
      <c r="A2001" t="s">
        <v>21</v>
      </c>
      <c r="B2001">
        <v>0.08</v>
      </c>
      <c r="C2001">
        <v>0.66</v>
      </c>
      <c r="D2001">
        <f t="shared" si="33"/>
        <v>2</v>
      </c>
    </row>
    <row r="2002" spans="1:4" x14ac:dyDescent="0.25">
      <c r="A2002" t="s">
        <v>18</v>
      </c>
      <c r="B2002">
        <v>1</v>
      </c>
      <c r="C2002">
        <v>0.4</v>
      </c>
      <c r="D2002">
        <f t="shared" si="33"/>
        <v>1</v>
      </c>
    </row>
    <row r="2003" spans="1:4" x14ac:dyDescent="0.25">
      <c r="A2003" t="s">
        <v>20</v>
      </c>
      <c r="B2003">
        <v>0.8</v>
      </c>
      <c r="C2003">
        <v>0.41</v>
      </c>
      <c r="D2003">
        <f t="shared" si="33"/>
        <v>3</v>
      </c>
    </row>
    <row r="2004" spans="1:4" x14ac:dyDescent="0.25">
      <c r="A2004" t="s">
        <v>21</v>
      </c>
      <c r="B2004">
        <v>0.67</v>
      </c>
      <c r="C2004">
        <v>0.39</v>
      </c>
      <c r="D2004">
        <f t="shared" si="33"/>
        <v>2</v>
      </c>
    </row>
    <row r="2005" spans="1:4" x14ac:dyDescent="0.25">
      <c r="A2005" t="s">
        <v>21</v>
      </c>
      <c r="B2005">
        <v>0.59</v>
      </c>
      <c r="C2005">
        <v>0.49</v>
      </c>
      <c r="D2005">
        <f t="shared" si="33"/>
        <v>2</v>
      </c>
    </row>
    <row r="2006" spans="1:4" x14ac:dyDescent="0.25">
      <c r="A2006" t="s">
        <v>11</v>
      </c>
      <c r="B2006">
        <v>0.79</v>
      </c>
      <c r="C2006">
        <v>0.9</v>
      </c>
      <c r="D2006">
        <f t="shared" si="33"/>
        <v>1</v>
      </c>
    </row>
    <row r="2007" spans="1:4" x14ac:dyDescent="0.25">
      <c r="A2007" t="s">
        <v>25</v>
      </c>
      <c r="B2007">
        <v>0.52</v>
      </c>
      <c r="C2007">
        <v>0.81</v>
      </c>
      <c r="D2007">
        <f t="shared" si="33"/>
        <v>3</v>
      </c>
    </row>
    <row r="2008" spans="1:4" x14ac:dyDescent="0.25">
      <c r="A2008" t="s">
        <v>11</v>
      </c>
      <c r="B2008">
        <v>0.54</v>
      </c>
      <c r="C2008">
        <v>0.78</v>
      </c>
      <c r="D2008">
        <f t="shared" si="33"/>
        <v>1</v>
      </c>
    </row>
    <row r="2009" spans="1:4" x14ac:dyDescent="0.25">
      <c r="A2009" t="s">
        <v>15</v>
      </c>
      <c r="B2009">
        <v>0.99</v>
      </c>
      <c r="C2009">
        <v>0.21</v>
      </c>
      <c r="D2009">
        <f t="shared" si="33"/>
        <v>3</v>
      </c>
    </row>
    <row r="2010" spans="1:4" x14ac:dyDescent="0.25">
      <c r="A2010" t="s">
        <v>17</v>
      </c>
      <c r="B2010">
        <v>0.17</v>
      </c>
      <c r="C2010">
        <v>7.0000000000000007E-2</v>
      </c>
      <c r="D2010">
        <f t="shared" si="33"/>
        <v>3</v>
      </c>
    </row>
    <row r="2011" spans="1:4" x14ac:dyDescent="0.25">
      <c r="A2011" t="s">
        <v>11</v>
      </c>
      <c r="B2011">
        <v>0.2</v>
      </c>
      <c r="C2011">
        <v>0.72</v>
      </c>
      <c r="D2011">
        <f t="shared" si="33"/>
        <v>1</v>
      </c>
    </row>
    <row r="2012" spans="1:4" x14ac:dyDescent="0.25">
      <c r="A2012" t="s">
        <v>11</v>
      </c>
      <c r="B2012">
        <v>0.1</v>
      </c>
      <c r="C2012">
        <v>0.78</v>
      </c>
      <c r="D2012">
        <f t="shared" si="33"/>
        <v>1</v>
      </c>
    </row>
    <row r="2013" spans="1:4" x14ac:dyDescent="0.25">
      <c r="A2013" t="s">
        <v>25</v>
      </c>
      <c r="B2013">
        <v>0.81</v>
      </c>
      <c r="C2013">
        <v>0.89</v>
      </c>
      <c r="D2013">
        <f t="shared" si="33"/>
        <v>3</v>
      </c>
    </row>
    <row r="2014" spans="1:4" x14ac:dyDescent="0.25">
      <c r="A2014" t="s">
        <v>11</v>
      </c>
      <c r="B2014">
        <v>0.67</v>
      </c>
      <c r="C2014">
        <v>0.88</v>
      </c>
      <c r="D2014">
        <f t="shared" si="33"/>
        <v>1</v>
      </c>
    </row>
    <row r="2015" spans="1:4" x14ac:dyDescent="0.25">
      <c r="A2015" t="s">
        <v>13</v>
      </c>
      <c r="B2015">
        <v>0.42</v>
      </c>
      <c r="C2015">
        <v>0.55000000000000004</v>
      </c>
      <c r="D2015">
        <f t="shared" si="33"/>
        <v>3</v>
      </c>
    </row>
    <row r="2016" spans="1:4" x14ac:dyDescent="0.25">
      <c r="A2016" t="s">
        <v>23</v>
      </c>
      <c r="B2016">
        <v>0.45</v>
      </c>
      <c r="C2016">
        <v>0.62</v>
      </c>
      <c r="D2016">
        <f t="shared" si="33"/>
        <v>1</v>
      </c>
    </row>
    <row r="2017" spans="1:4" x14ac:dyDescent="0.25">
      <c r="A2017" t="s">
        <v>15</v>
      </c>
      <c r="B2017">
        <v>0.51</v>
      </c>
      <c r="C2017">
        <v>0.12</v>
      </c>
      <c r="D2017">
        <f t="shared" si="33"/>
        <v>3</v>
      </c>
    </row>
    <row r="2018" spans="1:4" x14ac:dyDescent="0.25">
      <c r="A2018" t="s">
        <v>17</v>
      </c>
      <c r="B2018">
        <v>0.17</v>
      </c>
      <c r="C2018">
        <v>0.28999999999999998</v>
      </c>
      <c r="D2018">
        <f t="shared" si="33"/>
        <v>3</v>
      </c>
    </row>
    <row r="2019" spans="1:4" x14ac:dyDescent="0.25">
      <c r="A2019" t="s">
        <v>13</v>
      </c>
      <c r="B2019">
        <v>0.72</v>
      </c>
      <c r="C2019">
        <v>0.34</v>
      </c>
      <c r="D2019">
        <f t="shared" si="33"/>
        <v>3</v>
      </c>
    </row>
    <row r="2020" spans="1:4" x14ac:dyDescent="0.25">
      <c r="A2020" t="s">
        <v>27</v>
      </c>
      <c r="B2020">
        <v>0.1</v>
      </c>
      <c r="C2020">
        <v>0.7</v>
      </c>
      <c r="D2020">
        <f t="shared" si="33"/>
        <v>3</v>
      </c>
    </row>
    <row r="2021" spans="1:4" x14ac:dyDescent="0.25">
      <c r="A2021" t="s">
        <v>11</v>
      </c>
      <c r="B2021">
        <v>0.65</v>
      </c>
      <c r="C2021">
        <v>0.72</v>
      </c>
      <c r="D2021">
        <f t="shared" si="33"/>
        <v>1</v>
      </c>
    </row>
    <row r="2022" spans="1:4" x14ac:dyDescent="0.25">
      <c r="A2022" t="s">
        <v>21</v>
      </c>
      <c r="B2022">
        <v>0.04</v>
      </c>
      <c r="C2022">
        <v>0.4</v>
      </c>
      <c r="D2022">
        <f t="shared" si="33"/>
        <v>2</v>
      </c>
    </row>
    <row r="2023" spans="1:4" x14ac:dyDescent="0.25">
      <c r="A2023" t="s">
        <v>30</v>
      </c>
      <c r="B2023">
        <v>0.22</v>
      </c>
      <c r="C2023">
        <v>0.4</v>
      </c>
      <c r="D2023">
        <f t="shared" si="33"/>
        <v>3</v>
      </c>
    </row>
    <row r="2024" spans="1:4" x14ac:dyDescent="0.25">
      <c r="A2024" t="s">
        <v>20</v>
      </c>
      <c r="B2024">
        <v>0.25</v>
      </c>
      <c r="C2024">
        <v>0.67</v>
      </c>
      <c r="D2024">
        <f t="shared" si="33"/>
        <v>3</v>
      </c>
    </row>
    <row r="2025" spans="1:4" x14ac:dyDescent="0.25">
      <c r="A2025" t="s">
        <v>22</v>
      </c>
      <c r="B2025">
        <v>0.17</v>
      </c>
      <c r="C2025">
        <v>0.38</v>
      </c>
      <c r="D2025">
        <f t="shared" si="33"/>
        <v>1</v>
      </c>
    </row>
    <row r="2026" spans="1:4" x14ac:dyDescent="0.25">
      <c r="A2026" t="s">
        <v>29</v>
      </c>
      <c r="B2026">
        <v>0.9</v>
      </c>
      <c r="C2026">
        <v>0.13</v>
      </c>
      <c r="D2026">
        <f t="shared" si="33"/>
        <v>1</v>
      </c>
    </row>
    <row r="2027" spans="1:4" x14ac:dyDescent="0.25">
      <c r="A2027" t="s">
        <v>18</v>
      </c>
      <c r="B2027">
        <v>0.79</v>
      </c>
      <c r="C2027">
        <v>0.56999999999999995</v>
      </c>
      <c r="D2027">
        <f t="shared" si="33"/>
        <v>1</v>
      </c>
    </row>
    <row r="2028" spans="1:4" x14ac:dyDescent="0.25">
      <c r="A2028" t="s">
        <v>22</v>
      </c>
      <c r="B2028">
        <v>0.56999999999999995</v>
      </c>
      <c r="C2028">
        <v>0.61</v>
      </c>
      <c r="D2028">
        <f t="shared" si="33"/>
        <v>1</v>
      </c>
    </row>
    <row r="2029" spans="1:4" x14ac:dyDescent="0.25">
      <c r="A2029" t="s">
        <v>29</v>
      </c>
      <c r="B2029">
        <v>0.91</v>
      </c>
      <c r="C2029">
        <v>0.09</v>
      </c>
      <c r="D2029">
        <f t="shared" si="33"/>
        <v>1</v>
      </c>
    </row>
    <row r="2030" spans="1:4" x14ac:dyDescent="0.25">
      <c r="A2030" t="s">
        <v>11</v>
      </c>
      <c r="B2030">
        <v>0.4</v>
      </c>
      <c r="C2030">
        <v>0.75</v>
      </c>
      <c r="D2030">
        <f t="shared" si="33"/>
        <v>1</v>
      </c>
    </row>
    <row r="2031" spans="1:4" x14ac:dyDescent="0.25">
      <c r="A2031" t="s">
        <v>15</v>
      </c>
      <c r="B2031">
        <v>0.22</v>
      </c>
      <c r="C2031">
        <v>0.26</v>
      </c>
      <c r="D2031">
        <f t="shared" si="33"/>
        <v>3</v>
      </c>
    </row>
    <row r="2032" spans="1:4" x14ac:dyDescent="0.25">
      <c r="A2032" t="s">
        <v>19</v>
      </c>
      <c r="B2032">
        <v>0.81</v>
      </c>
      <c r="C2032">
        <v>0.82</v>
      </c>
      <c r="D2032">
        <f t="shared" si="33"/>
        <v>3</v>
      </c>
    </row>
    <row r="2033" spans="1:4" x14ac:dyDescent="0.25">
      <c r="A2033" t="s">
        <v>29</v>
      </c>
      <c r="B2033">
        <v>0.89</v>
      </c>
      <c r="C2033">
        <v>0.19</v>
      </c>
      <c r="D2033">
        <f t="shared" si="33"/>
        <v>1</v>
      </c>
    </row>
    <row r="2034" spans="1:4" x14ac:dyDescent="0.25">
      <c r="A2034" t="s">
        <v>23</v>
      </c>
      <c r="B2034">
        <v>0.08</v>
      </c>
      <c r="C2034">
        <v>0.65</v>
      </c>
      <c r="D2034">
        <f t="shared" si="33"/>
        <v>1</v>
      </c>
    </row>
    <row r="2035" spans="1:4" x14ac:dyDescent="0.25">
      <c r="A2035" t="s">
        <v>25</v>
      </c>
      <c r="B2035">
        <v>0.54</v>
      </c>
      <c r="C2035">
        <v>0.77</v>
      </c>
      <c r="D2035">
        <f t="shared" si="33"/>
        <v>3</v>
      </c>
    </row>
    <row r="2036" spans="1:4" x14ac:dyDescent="0.25">
      <c r="A2036" t="s">
        <v>20</v>
      </c>
      <c r="B2036">
        <v>0.8</v>
      </c>
      <c r="C2036">
        <v>0.55000000000000004</v>
      </c>
      <c r="D2036">
        <f t="shared" si="33"/>
        <v>3</v>
      </c>
    </row>
    <row r="2037" spans="1:4" x14ac:dyDescent="0.25">
      <c r="A2037" t="s">
        <v>27</v>
      </c>
      <c r="B2037">
        <v>0.83</v>
      </c>
      <c r="C2037">
        <v>0.86</v>
      </c>
      <c r="D2037">
        <f t="shared" si="33"/>
        <v>3</v>
      </c>
    </row>
    <row r="2038" spans="1:4" x14ac:dyDescent="0.25">
      <c r="A2038" t="s">
        <v>26</v>
      </c>
      <c r="B2038">
        <v>0.61</v>
      </c>
      <c r="C2038">
        <v>0.28000000000000003</v>
      </c>
      <c r="D2038">
        <f t="shared" si="33"/>
        <v>3</v>
      </c>
    </row>
    <row r="2039" spans="1:4" x14ac:dyDescent="0.25">
      <c r="A2039" t="s">
        <v>28</v>
      </c>
      <c r="B2039">
        <v>0.82</v>
      </c>
      <c r="C2039">
        <v>0.59</v>
      </c>
      <c r="D2039">
        <f t="shared" si="33"/>
        <v>3</v>
      </c>
    </row>
    <row r="2040" spans="1:4" x14ac:dyDescent="0.25">
      <c r="A2040" t="s">
        <v>14</v>
      </c>
      <c r="B2040">
        <v>0.06</v>
      </c>
      <c r="C2040">
        <v>0.43</v>
      </c>
      <c r="D2040">
        <f t="shared" si="33"/>
        <v>3</v>
      </c>
    </row>
    <row r="2041" spans="1:4" x14ac:dyDescent="0.25">
      <c r="A2041" t="s">
        <v>11</v>
      </c>
      <c r="B2041">
        <v>0.55000000000000004</v>
      </c>
      <c r="C2041">
        <v>0.73</v>
      </c>
      <c r="D2041">
        <f t="shared" si="33"/>
        <v>1</v>
      </c>
    </row>
    <row r="2042" spans="1:4" x14ac:dyDescent="0.25">
      <c r="A2042" t="s">
        <v>21</v>
      </c>
      <c r="B2042">
        <v>0.73</v>
      </c>
      <c r="C2042">
        <v>0.45</v>
      </c>
      <c r="D2042">
        <f t="shared" si="33"/>
        <v>2</v>
      </c>
    </row>
    <row r="2043" spans="1:4" x14ac:dyDescent="0.25">
      <c r="A2043" t="s">
        <v>21</v>
      </c>
      <c r="B2043">
        <v>0.77</v>
      </c>
      <c r="C2043">
        <v>0.62</v>
      </c>
      <c r="D2043">
        <f t="shared" si="33"/>
        <v>2</v>
      </c>
    </row>
    <row r="2044" spans="1:4" x14ac:dyDescent="0.25">
      <c r="A2044" t="s">
        <v>21</v>
      </c>
      <c r="B2044">
        <v>0.02</v>
      </c>
      <c r="C2044">
        <v>0.44</v>
      </c>
      <c r="D2044">
        <f t="shared" si="33"/>
        <v>2</v>
      </c>
    </row>
    <row r="2045" spans="1:4" x14ac:dyDescent="0.25">
      <c r="A2045" t="s">
        <v>22</v>
      </c>
      <c r="B2045">
        <v>0.75</v>
      </c>
      <c r="C2045">
        <v>0.51</v>
      </c>
      <c r="D2045">
        <f t="shared" si="33"/>
        <v>1</v>
      </c>
    </row>
    <row r="2046" spans="1:4" x14ac:dyDescent="0.25">
      <c r="A2046" t="s">
        <v>11</v>
      </c>
      <c r="B2046">
        <v>0.87</v>
      </c>
      <c r="C2046">
        <v>0.92</v>
      </c>
      <c r="D2046">
        <f t="shared" si="33"/>
        <v>1</v>
      </c>
    </row>
    <row r="2047" spans="1:4" x14ac:dyDescent="0.25">
      <c r="A2047" t="s">
        <v>15</v>
      </c>
      <c r="B2047">
        <v>0.23</v>
      </c>
      <c r="C2047">
        <v>0.15</v>
      </c>
      <c r="D2047">
        <f t="shared" si="33"/>
        <v>3</v>
      </c>
    </row>
    <row r="2048" spans="1:4" x14ac:dyDescent="0.25">
      <c r="A2048" t="s">
        <v>18</v>
      </c>
      <c r="B2048">
        <v>0.95</v>
      </c>
      <c r="C2048">
        <v>0.44</v>
      </c>
      <c r="D2048">
        <f t="shared" si="33"/>
        <v>1</v>
      </c>
    </row>
    <row r="2049" spans="1:4" x14ac:dyDescent="0.25">
      <c r="A2049" t="s">
        <v>22</v>
      </c>
      <c r="B2049">
        <v>0.42</v>
      </c>
      <c r="C2049">
        <v>0.69</v>
      </c>
      <c r="D2049">
        <f t="shared" si="33"/>
        <v>1</v>
      </c>
    </row>
    <row r="2050" spans="1:4" x14ac:dyDescent="0.25">
      <c r="A2050" t="s">
        <v>14</v>
      </c>
      <c r="B2050">
        <v>0.91</v>
      </c>
      <c r="C2050">
        <v>0.53</v>
      </c>
      <c r="D2050">
        <f t="shared" si="33"/>
        <v>3</v>
      </c>
    </row>
    <row r="2051" spans="1:4" x14ac:dyDescent="0.25">
      <c r="A2051" t="s">
        <v>9</v>
      </c>
      <c r="B2051">
        <v>0.04</v>
      </c>
      <c r="C2051">
        <v>0.25</v>
      </c>
      <c r="D2051">
        <f t="shared" ref="D2051:D2114" si="34">VLOOKUP(A2051,$G$2:$H$21,2)</f>
        <v>3</v>
      </c>
    </row>
    <row r="2052" spans="1:4" x14ac:dyDescent="0.25">
      <c r="A2052" t="s">
        <v>18</v>
      </c>
      <c r="B2052">
        <v>0.66</v>
      </c>
      <c r="C2052">
        <v>0.43</v>
      </c>
      <c r="D2052">
        <f t="shared" si="34"/>
        <v>1</v>
      </c>
    </row>
    <row r="2053" spans="1:4" x14ac:dyDescent="0.25">
      <c r="A2053" t="s">
        <v>9</v>
      </c>
      <c r="B2053">
        <v>0.32</v>
      </c>
      <c r="C2053">
        <v>0.24</v>
      </c>
      <c r="D2053">
        <f t="shared" si="34"/>
        <v>3</v>
      </c>
    </row>
    <row r="2054" spans="1:4" x14ac:dyDescent="0.25">
      <c r="A2054" t="s">
        <v>25</v>
      </c>
      <c r="B2054">
        <v>0.69</v>
      </c>
      <c r="C2054">
        <v>0.83</v>
      </c>
      <c r="D2054">
        <f t="shared" si="34"/>
        <v>3</v>
      </c>
    </row>
    <row r="2055" spans="1:4" x14ac:dyDescent="0.25">
      <c r="A2055" t="s">
        <v>16</v>
      </c>
      <c r="B2055">
        <v>0.75</v>
      </c>
      <c r="C2055">
        <v>0.47</v>
      </c>
      <c r="D2055">
        <f t="shared" si="34"/>
        <v>3</v>
      </c>
    </row>
    <row r="2056" spans="1:4" x14ac:dyDescent="0.25">
      <c r="A2056" t="s">
        <v>7</v>
      </c>
      <c r="B2056">
        <v>0.65</v>
      </c>
      <c r="C2056">
        <v>0.91</v>
      </c>
      <c r="D2056">
        <f t="shared" si="34"/>
        <v>1</v>
      </c>
    </row>
    <row r="2057" spans="1:4" x14ac:dyDescent="0.25">
      <c r="A2057" t="s">
        <v>11</v>
      </c>
      <c r="B2057">
        <v>0.61</v>
      </c>
      <c r="C2057">
        <v>0.85</v>
      </c>
      <c r="D2057">
        <f t="shared" si="34"/>
        <v>1</v>
      </c>
    </row>
    <row r="2058" spans="1:4" x14ac:dyDescent="0.25">
      <c r="A2058" t="s">
        <v>14</v>
      </c>
      <c r="B2058">
        <v>0.01</v>
      </c>
      <c r="C2058">
        <v>0.52</v>
      </c>
      <c r="D2058">
        <f t="shared" si="34"/>
        <v>3</v>
      </c>
    </row>
    <row r="2059" spans="1:4" x14ac:dyDescent="0.25">
      <c r="A2059" t="s">
        <v>23</v>
      </c>
      <c r="B2059">
        <v>0.31</v>
      </c>
      <c r="C2059">
        <v>0.66</v>
      </c>
      <c r="D2059">
        <f t="shared" si="34"/>
        <v>1</v>
      </c>
    </row>
    <row r="2060" spans="1:4" x14ac:dyDescent="0.25">
      <c r="A2060" t="s">
        <v>28</v>
      </c>
      <c r="B2060">
        <v>0.7</v>
      </c>
      <c r="C2060">
        <v>0.67</v>
      </c>
      <c r="D2060">
        <f t="shared" si="34"/>
        <v>3</v>
      </c>
    </row>
    <row r="2061" spans="1:4" x14ac:dyDescent="0.25">
      <c r="A2061" t="s">
        <v>11</v>
      </c>
      <c r="B2061">
        <v>7.0000000000000007E-2</v>
      </c>
      <c r="C2061">
        <v>0.93</v>
      </c>
      <c r="D2061">
        <f t="shared" si="34"/>
        <v>1</v>
      </c>
    </row>
    <row r="2062" spans="1:4" x14ac:dyDescent="0.25">
      <c r="A2062" t="s">
        <v>23</v>
      </c>
      <c r="B2062">
        <v>0.59</v>
      </c>
      <c r="C2062">
        <v>0.34</v>
      </c>
      <c r="D2062">
        <f t="shared" si="34"/>
        <v>1</v>
      </c>
    </row>
    <row r="2063" spans="1:4" x14ac:dyDescent="0.25">
      <c r="A2063" t="s">
        <v>26</v>
      </c>
      <c r="B2063">
        <v>0.53</v>
      </c>
      <c r="C2063">
        <v>0.17</v>
      </c>
      <c r="D2063">
        <f t="shared" si="34"/>
        <v>3</v>
      </c>
    </row>
    <row r="2064" spans="1:4" x14ac:dyDescent="0.25">
      <c r="A2064" t="s">
        <v>7</v>
      </c>
      <c r="B2064">
        <v>0.21</v>
      </c>
      <c r="C2064">
        <v>0.89</v>
      </c>
      <c r="D2064">
        <f t="shared" si="34"/>
        <v>1</v>
      </c>
    </row>
    <row r="2065" spans="1:4" x14ac:dyDescent="0.25">
      <c r="A2065" t="s">
        <v>29</v>
      </c>
      <c r="B2065">
        <v>0.47</v>
      </c>
      <c r="C2065">
        <v>0.18</v>
      </c>
      <c r="D2065">
        <f t="shared" si="34"/>
        <v>1</v>
      </c>
    </row>
    <row r="2066" spans="1:4" x14ac:dyDescent="0.25">
      <c r="A2066" t="s">
        <v>26</v>
      </c>
      <c r="B2066">
        <v>0.34</v>
      </c>
      <c r="C2066">
        <v>0.21</v>
      </c>
      <c r="D2066">
        <f t="shared" si="34"/>
        <v>3</v>
      </c>
    </row>
    <row r="2067" spans="1:4" x14ac:dyDescent="0.25">
      <c r="A2067" t="s">
        <v>13</v>
      </c>
      <c r="B2067">
        <v>0.46</v>
      </c>
      <c r="C2067">
        <v>0.48</v>
      </c>
      <c r="D2067">
        <f t="shared" si="34"/>
        <v>3</v>
      </c>
    </row>
    <row r="2068" spans="1:4" x14ac:dyDescent="0.25">
      <c r="A2068" t="s">
        <v>7</v>
      </c>
      <c r="B2068">
        <v>0.61</v>
      </c>
      <c r="C2068">
        <v>0.73</v>
      </c>
      <c r="D2068">
        <f t="shared" si="34"/>
        <v>1</v>
      </c>
    </row>
    <row r="2069" spans="1:4" x14ac:dyDescent="0.25">
      <c r="A2069" t="s">
        <v>9</v>
      </c>
      <c r="B2069">
        <v>0.82</v>
      </c>
      <c r="C2069">
        <v>0.1</v>
      </c>
      <c r="D2069">
        <f t="shared" si="34"/>
        <v>3</v>
      </c>
    </row>
    <row r="2070" spans="1:4" x14ac:dyDescent="0.25">
      <c r="A2070" t="s">
        <v>20</v>
      </c>
      <c r="B2070">
        <v>0.69</v>
      </c>
      <c r="C2070">
        <v>0.44</v>
      </c>
      <c r="D2070">
        <f t="shared" si="34"/>
        <v>3</v>
      </c>
    </row>
    <row r="2071" spans="1:4" x14ac:dyDescent="0.25">
      <c r="A2071" t="s">
        <v>18</v>
      </c>
      <c r="B2071">
        <v>0.32</v>
      </c>
      <c r="C2071">
        <v>0.43</v>
      </c>
      <c r="D2071">
        <f t="shared" si="34"/>
        <v>1</v>
      </c>
    </row>
    <row r="2072" spans="1:4" x14ac:dyDescent="0.25">
      <c r="A2072" t="s">
        <v>13</v>
      </c>
      <c r="B2072">
        <v>0.98</v>
      </c>
      <c r="C2072">
        <v>0.64</v>
      </c>
      <c r="D2072">
        <f t="shared" si="34"/>
        <v>3</v>
      </c>
    </row>
    <row r="2073" spans="1:4" x14ac:dyDescent="0.25">
      <c r="A2073" t="s">
        <v>26</v>
      </c>
      <c r="B2073">
        <v>0.98</v>
      </c>
      <c r="C2073">
        <v>0.28000000000000003</v>
      </c>
      <c r="D2073">
        <f t="shared" si="34"/>
        <v>3</v>
      </c>
    </row>
    <row r="2074" spans="1:4" x14ac:dyDescent="0.25">
      <c r="A2074" t="s">
        <v>23</v>
      </c>
      <c r="B2074">
        <v>0.46</v>
      </c>
      <c r="C2074">
        <v>0.66</v>
      </c>
      <c r="D2074">
        <f t="shared" si="34"/>
        <v>1</v>
      </c>
    </row>
    <row r="2075" spans="1:4" x14ac:dyDescent="0.25">
      <c r="A2075" t="s">
        <v>26</v>
      </c>
      <c r="B2075">
        <v>0.8</v>
      </c>
      <c r="C2075">
        <v>0.15</v>
      </c>
      <c r="D2075">
        <f t="shared" si="34"/>
        <v>3</v>
      </c>
    </row>
    <row r="2076" spans="1:4" x14ac:dyDescent="0.25">
      <c r="A2076" t="s">
        <v>22</v>
      </c>
      <c r="B2076">
        <v>0.67</v>
      </c>
      <c r="C2076">
        <v>0.36</v>
      </c>
      <c r="D2076">
        <f t="shared" si="34"/>
        <v>1</v>
      </c>
    </row>
    <row r="2077" spans="1:4" x14ac:dyDescent="0.25">
      <c r="A2077" t="s">
        <v>25</v>
      </c>
      <c r="B2077">
        <v>0.8</v>
      </c>
      <c r="C2077">
        <v>0.79</v>
      </c>
      <c r="D2077">
        <f t="shared" si="34"/>
        <v>3</v>
      </c>
    </row>
    <row r="2078" spans="1:4" x14ac:dyDescent="0.25">
      <c r="A2078" t="s">
        <v>25</v>
      </c>
      <c r="B2078">
        <v>0.05</v>
      </c>
      <c r="C2078">
        <v>0.87</v>
      </c>
      <c r="D2078">
        <f t="shared" si="34"/>
        <v>3</v>
      </c>
    </row>
    <row r="2079" spans="1:4" x14ac:dyDescent="0.25">
      <c r="A2079" t="s">
        <v>27</v>
      </c>
      <c r="B2079">
        <v>0.79</v>
      </c>
      <c r="C2079">
        <v>0.81</v>
      </c>
      <c r="D2079">
        <f t="shared" si="34"/>
        <v>3</v>
      </c>
    </row>
    <row r="2080" spans="1:4" x14ac:dyDescent="0.25">
      <c r="A2080" t="s">
        <v>22</v>
      </c>
      <c r="B2080">
        <v>0.89</v>
      </c>
      <c r="C2080">
        <v>0.56999999999999995</v>
      </c>
      <c r="D2080">
        <f t="shared" si="34"/>
        <v>1</v>
      </c>
    </row>
    <row r="2081" spans="1:4" x14ac:dyDescent="0.25">
      <c r="A2081" t="s">
        <v>19</v>
      </c>
      <c r="B2081">
        <v>0.97</v>
      </c>
      <c r="C2081">
        <v>0.83</v>
      </c>
      <c r="D2081">
        <f t="shared" si="34"/>
        <v>3</v>
      </c>
    </row>
    <row r="2082" spans="1:4" x14ac:dyDescent="0.25">
      <c r="A2082" t="s">
        <v>18</v>
      </c>
      <c r="B2082">
        <v>0.39</v>
      </c>
      <c r="C2082">
        <v>0.48</v>
      </c>
      <c r="D2082">
        <f t="shared" si="34"/>
        <v>1</v>
      </c>
    </row>
    <row r="2083" spans="1:4" x14ac:dyDescent="0.25">
      <c r="A2083" t="s">
        <v>27</v>
      </c>
      <c r="B2083">
        <v>0.26</v>
      </c>
      <c r="C2083">
        <v>0.7</v>
      </c>
      <c r="D2083">
        <f t="shared" si="34"/>
        <v>3</v>
      </c>
    </row>
    <row r="2084" spans="1:4" x14ac:dyDescent="0.25">
      <c r="A2084" t="s">
        <v>17</v>
      </c>
      <c r="B2084">
        <v>0.86</v>
      </c>
      <c r="C2084">
        <v>0.13</v>
      </c>
      <c r="D2084">
        <f t="shared" si="34"/>
        <v>3</v>
      </c>
    </row>
    <row r="2085" spans="1:4" x14ac:dyDescent="0.25">
      <c r="A2085" t="s">
        <v>19</v>
      </c>
      <c r="B2085">
        <v>0.91</v>
      </c>
      <c r="C2085">
        <v>0.86</v>
      </c>
      <c r="D2085">
        <f t="shared" si="34"/>
        <v>3</v>
      </c>
    </row>
    <row r="2086" spans="1:4" x14ac:dyDescent="0.25">
      <c r="A2086" t="s">
        <v>17</v>
      </c>
      <c r="B2086">
        <v>0.15</v>
      </c>
      <c r="C2086">
        <v>0.24</v>
      </c>
      <c r="D2086">
        <f t="shared" si="34"/>
        <v>3</v>
      </c>
    </row>
    <row r="2087" spans="1:4" x14ac:dyDescent="0.25">
      <c r="A2087" t="s">
        <v>25</v>
      </c>
      <c r="B2087">
        <v>0.99</v>
      </c>
      <c r="C2087">
        <v>0.91</v>
      </c>
      <c r="D2087">
        <f t="shared" si="34"/>
        <v>3</v>
      </c>
    </row>
    <row r="2088" spans="1:4" x14ac:dyDescent="0.25">
      <c r="A2088" t="s">
        <v>17</v>
      </c>
      <c r="B2088">
        <v>0.67</v>
      </c>
      <c r="C2088">
        <v>0.26</v>
      </c>
      <c r="D2088">
        <f t="shared" si="34"/>
        <v>3</v>
      </c>
    </row>
    <row r="2089" spans="1:4" x14ac:dyDescent="0.25">
      <c r="A2089" t="s">
        <v>26</v>
      </c>
      <c r="B2089">
        <v>0.06</v>
      </c>
      <c r="C2089">
        <v>0.27</v>
      </c>
      <c r="D2089">
        <f t="shared" si="34"/>
        <v>3</v>
      </c>
    </row>
    <row r="2090" spans="1:4" x14ac:dyDescent="0.25">
      <c r="A2090" t="s">
        <v>17</v>
      </c>
      <c r="B2090">
        <v>0.55000000000000004</v>
      </c>
      <c r="C2090">
        <v>0.13</v>
      </c>
      <c r="D2090">
        <f t="shared" si="34"/>
        <v>3</v>
      </c>
    </row>
    <row r="2091" spans="1:4" x14ac:dyDescent="0.25">
      <c r="A2091" t="s">
        <v>19</v>
      </c>
      <c r="B2091">
        <v>0.41</v>
      </c>
      <c r="C2091">
        <v>0.72</v>
      </c>
      <c r="D2091">
        <f t="shared" si="34"/>
        <v>3</v>
      </c>
    </row>
    <row r="2092" spans="1:4" x14ac:dyDescent="0.25">
      <c r="A2092" t="s">
        <v>23</v>
      </c>
      <c r="B2092">
        <v>7.0000000000000007E-2</v>
      </c>
      <c r="C2092">
        <v>0.52</v>
      </c>
      <c r="D2092">
        <f t="shared" si="34"/>
        <v>1</v>
      </c>
    </row>
    <row r="2093" spans="1:4" x14ac:dyDescent="0.25">
      <c r="A2093" t="s">
        <v>29</v>
      </c>
      <c r="B2093">
        <v>0.18</v>
      </c>
      <c r="C2093">
        <v>0.09</v>
      </c>
      <c r="D2093">
        <f t="shared" si="34"/>
        <v>1</v>
      </c>
    </row>
    <row r="2094" spans="1:4" x14ac:dyDescent="0.25">
      <c r="A2094" t="s">
        <v>26</v>
      </c>
      <c r="B2094">
        <v>0.42</v>
      </c>
      <c r="C2094">
        <v>0.24</v>
      </c>
      <c r="D2094">
        <f t="shared" si="34"/>
        <v>3</v>
      </c>
    </row>
    <row r="2095" spans="1:4" x14ac:dyDescent="0.25">
      <c r="A2095" t="s">
        <v>17</v>
      </c>
      <c r="B2095">
        <v>0.17</v>
      </c>
      <c r="C2095">
        <v>0.22</v>
      </c>
      <c r="D2095">
        <f t="shared" si="34"/>
        <v>3</v>
      </c>
    </row>
    <row r="2096" spans="1:4" x14ac:dyDescent="0.25">
      <c r="A2096" t="s">
        <v>21</v>
      </c>
      <c r="B2096">
        <v>0.02</v>
      </c>
      <c r="C2096">
        <v>0.3</v>
      </c>
      <c r="D2096">
        <f t="shared" si="34"/>
        <v>2</v>
      </c>
    </row>
    <row r="2097" spans="1:4" x14ac:dyDescent="0.25">
      <c r="A2097" t="s">
        <v>15</v>
      </c>
      <c r="B2097">
        <v>0.05</v>
      </c>
      <c r="C2097">
        <v>0.25</v>
      </c>
      <c r="D2097">
        <f t="shared" si="34"/>
        <v>3</v>
      </c>
    </row>
    <row r="2098" spans="1:4" x14ac:dyDescent="0.25">
      <c r="A2098" t="s">
        <v>28</v>
      </c>
      <c r="B2098">
        <v>0.52</v>
      </c>
      <c r="C2098">
        <v>0.62</v>
      </c>
      <c r="D2098">
        <f t="shared" si="34"/>
        <v>3</v>
      </c>
    </row>
    <row r="2099" spans="1:4" x14ac:dyDescent="0.25">
      <c r="A2099" t="s">
        <v>22</v>
      </c>
      <c r="B2099">
        <v>0.88</v>
      </c>
      <c r="C2099">
        <v>0.53</v>
      </c>
      <c r="D2099">
        <f t="shared" si="34"/>
        <v>1</v>
      </c>
    </row>
    <row r="2100" spans="1:4" x14ac:dyDescent="0.25">
      <c r="A2100" t="s">
        <v>17</v>
      </c>
      <c r="B2100">
        <v>0.98</v>
      </c>
      <c r="C2100">
        <v>0.28000000000000003</v>
      </c>
      <c r="D2100">
        <f t="shared" si="34"/>
        <v>3</v>
      </c>
    </row>
    <row r="2101" spans="1:4" x14ac:dyDescent="0.25">
      <c r="A2101" t="s">
        <v>17</v>
      </c>
      <c r="B2101">
        <v>0.32</v>
      </c>
      <c r="C2101">
        <v>0.27</v>
      </c>
      <c r="D2101">
        <f t="shared" si="34"/>
        <v>3</v>
      </c>
    </row>
    <row r="2102" spans="1:4" x14ac:dyDescent="0.25">
      <c r="A2102" t="s">
        <v>25</v>
      </c>
      <c r="B2102">
        <v>0.82</v>
      </c>
      <c r="C2102">
        <v>0.88</v>
      </c>
      <c r="D2102">
        <f t="shared" si="34"/>
        <v>3</v>
      </c>
    </row>
    <row r="2103" spans="1:4" x14ac:dyDescent="0.25">
      <c r="A2103" t="s">
        <v>15</v>
      </c>
      <c r="B2103">
        <v>0.1</v>
      </c>
      <c r="C2103">
        <v>0.3</v>
      </c>
      <c r="D2103">
        <f t="shared" si="34"/>
        <v>3</v>
      </c>
    </row>
    <row r="2104" spans="1:4" x14ac:dyDescent="0.25">
      <c r="A2104" t="s">
        <v>13</v>
      </c>
      <c r="B2104">
        <v>0.11</v>
      </c>
      <c r="C2104">
        <v>0.65</v>
      </c>
      <c r="D2104">
        <f t="shared" si="34"/>
        <v>3</v>
      </c>
    </row>
    <row r="2105" spans="1:4" x14ac:dyDescent="0.25">
      <c r="A2105" t="s">
        <v>28</v>
      </c>
      <c r="B2105">
        <v>0.14000000000000001</v>
      </c>
      <c r="C2105">
        <v>0.36</v>
      </c>
      <c r="D2105">
        <f t="shared" si="34"/>
        <v>3</v>
      </c>
    </row>
    <row r="2106" spans="1:4" x14ac:dyDescent="0.25">
      <c r="A2106" t="s">
        <v>16</v>
      </c>
      <c r="B2106">
        <v>0.54</v>
      </c>
      <c r="C2106">
        <v>0.44</v>
      </c>
      <c r="D2106">
        <f t="shared" si="34"/>
        <v>3</v>
      </c>
    </row>
    <row r="2107" spans="1:4" x14ac:dyDescent="0.25">
      <c r="A2107" t="s">
        <v>20</v>
      </c>
      <c r="B2107">
        <v>0.61</v>
      </c>
      <c r="C2107">
        <v>0.44</v>
      </c>
      <c r="D2107">
        <f t="shared" si="34"/>
        <v>3</v>
      </c>
    </row>
    <row r="2108" spans="1:4" x14ac:dyDescent="0.25">
      <c r="A2108" t="s">
        <v>27</v>
      </c>
      <c r="B2108">
        <v>0.73</v>
      </c>
      <c r="C2108">
        <v>0.71</v>
      </c>
      <c r="D2108">
        <f t="shared" si="34"/>
        <v>3</v>
      </c>
    </row>
    <row r="2109" spans="1:4" x14ac:dyDescent="0.25">
      <c r="A2109" t="s">
        <v>26</v>
      </c>
      <c r="B2109">
        <v>0.9</v>
      </c>
      <c r="C2109">
        <v>0.28000000000000003</v>
      </c>
      <c r="D2109">
        <f t="shared" si="34"/>
        <v>3</v>
      </c>
    </row>
    <row r="2110" spans="1:4" x14ac:dyDescent="0.25">
      <c r="A2110" t="s">
        <v>13</v>
      </c>
      <c r="B2110">
        <v>0.8</v>
      </c>
      <c r="C2110">
        <v>0.67</v>
      </c>
      <c r="D2110">
        <f t="shared" si="34"/>
        <v>3</v>
      </c>
    </row>
    <row r="2111" spans="1:4" x14ac:dyDescent="0.25">
      <c r="A2111" t="s">
        <v>15</v>
      </c>
      <c r="B2111">
        <v>0.59</v>
      </c>
      <c r="C2111">
        <v>0.12</v>
      </c>
      <c r="D2111">
        <f t="shared" si="34"/>
        <v>3</v>
      </c>
    </row>
    <row r="2112" spans="1:4" x14ac:dyDescent="0.25">
      <c r="A2112" t="s">
        <v>18</v>
      </c>
      <c r="B2112">
        <v>0.5</v>
      </c>
      <c r="C2112">
        <v>0.61</v>
      </c>
      <c r="D2112">
        <f t="shared" si="34"/>
        <v>1</v>
      </c>
    </row>
    <row r="2113" spans="1:4" x14ac:dyDescent="0.25">
      <c r="A2113" t="s">
        <v>7</v>
      </c>
      <c r="B2113">
        <v>0.27</v>
      </c>
      <c r="C2113">
        <v>0.93</v>
      </c>
      <c r="D2113">
        <f t="shared" si="34"/>
        <v>1</v>
      </c>
    </row>
    <row r="2114" spans="1:4" x14ac:dyDescent="0.25">
      <c r="A2114" t="s">
        <v>28</v>
      </c>
      <c r="B2114">
        <v>0.02</v>
      </c>
      <c r="C2114">
        <v>0.62</v>
      </c>
      <c r="D2114">
        <f t="shared" si="34"/>
        <v>3</v>
      </c>
    </row>
    <row r="2115" spans="1:4" x14ac:dyDescent="0.25">
      <c r="A2115" t="s">
        <v>23</v>
      </c>
      <c r="B2115">
        <v>0.67</v>
      </c>
      <c r="C2115">
        <v>0.56999999999999995</v>
      </c>
      <c r="D2115">
        <f t="shared" ref="D2115:D2178" si="35">VLOOKUP(A2115,$G$2:$H$21,2)</f>
        <v>1</v>
      </c>
    </row>
    <row r="2116" spans="1:4" x14ac:dyDescent="0.25">
      <c r="A2116" t="s">
        <v>22</v>
      </c>
      <c r="B2116">
        <v>0.92</v>
      </c>
      <c r="C2116">
        <v>0.61</v>
      </c>
      <c r="D2116">
        <f t="shared" si="35"/>
        <v>1</v>
      </c>
    </row>
    <row r="2117" spans="1:4" x14ac:dyDescent="0.25">
      <c r="A2117" t="s">
        <v>26</v>
      </c>
      <c r="B2117">
        <v>0.56000000000000005</v>
      </c>
      <c r="C2117">
        <v>0.24</v>
      </c>
      <c r="D2117">
        <f t="shared" si="35"/>
        <v>3</v>
      </c>
    </row>
    <row r="2118" spans="1:4" x14ac:dyDescent="0.25">
      <c r="A2118" t="s">
        <v>29</v>
      </c>
      <c r="B2118">
        <v>0.62</v>
      </c>
      <c r="C2118">
        <v>0.08</v>
      </c>
      <c r="D2118">
        <f t="shared" si="35"/>
        <v>1</v>
      </c>
    </row>
    <row r="2119" spans="1:4" x14ac:dyDescent="0.25">
      <c r="A2119" t="s">
        <v>9</v>
      </c>
      <c r="B2119">
        <v>0.9</v>
      </c>
      <c r="C2119">
        <v>0.28000000000000003</v>
      </c>
      <c r="D2119">
        <f t="shared" si="35"/>
        <v>3</v>
      </c>
    </row>
    <row r="2120" spans="1:4" x14ac:dyDescent="0.25">
      <c r="A2120" t="s">
        <v>18</v>
      </c>
      <c r="B2120">
        <v>0.02</v>
      </c>
      <c r="C2120">
        <v>0.35</v>
      </c>
      <c r="D2120">
        <f t="shared" si="35"/>
        <v>1</v>
      </c>
    </row>
    <row r="2121" spans="1:4" x14ac:dyDescent="0.25">
      <c r="A2121" t="s">
        <v>29</v>
      </c>
      <c r="B2121">
        <v>0.24</v>
      </c>
      <c r="C2121">
        <v>7.0000000000000007E-2</v>
      </c>
      <c r="D2121">
        <f t="shared" si="35"/>
        <v>1</v>
      </c>
    </row>
    <row r="2122" spans="1:4" x14ac:dyDescent="0.25">
      <c r="A2122" t="s">
        <v>20</v>
      </c>
      <c r="B2122">
        <v>0.91</v>
      </c>
      <c r="C2122">
        <v>0.37</v>
      </c>
      <c r="D2122">
        <f t="shared" si="35"/>
        <v>3</v>
      </c>
    </row>
    <row r="2123" spans="1:4" x14ac:dyDescent="0.25">
      <c r="A2123" t="s">
        <v>11</v>
      </c>
      <c r="B2123">
        <v>0.74</v>
      </c>
      <c r="C2123">
        <v>0.95</v>
      </c>
      <c r="D2123">
        <f t="shared" si="35"/>
        <v>1</v>
      </c>
    </row>
    <row r="2124" spans="1:4" x14ac:dyDescent="0.25">
      <c r="A2124" t="s">
        <v>14</v>
      </c>
      <c r="B2124">
        <v>0.34</v>
      </c>
      <c r="C2124">
        <v>0.34</v>
      </c>
      <c r="D2124">
        <f t="shared" si="35"/>
        <v>3</v>
      </c>
    </row>
    <row r="2125" spans="1:4" x14ac:dyDescent="0.25">
      <c r="A2125" t="s">
        <v>16</v>
      </c>
      <c r="B2125">
        <v>0.88</v>
      </c>
      <c r="C2125">
        <v>0.46</v>
      </c>
      <c r="D2125">
        <f t="shared" si="35"/>
        <v>3</v>
      </c>
    </row>
    <row r="2126" spans="1:4" x14ac:dyDescent="0.25">
      <c r="A2126" t="s">
        <v>19</v>
      </c>
      <c r="B2126">
        <v>0.37</v>
      </c>
      <c r="C2126">
        <v>0.87</v>
      </c>
      <c r="D2126">
        <f t="shared" si="35"/>
        <v>3</v>
      </c>
    </row>
    <row r="2127" spans="1:4" x14ac:dyDescent="0.25">
      <c r="A2127" t="s">
        <v>13</v>
      </c>
      <c r="B2127">
        <v>0.09</v>
      </c>
      <c r="C2127">
        <v>0.54</v>
      </c>
      <c r="D2127">
        <f t="shared" si="35"/>
        <v>3</v>
      </c>
    </row>
    <row r="2128" spans="1:4" x14ac:dyDescent="0.25">
      <c r="A2128" t="s">
        <v>21</v>
      </c>
      <c r="B2128">
        <v>0.14000000000000001</v>
      </c>
      <c r="C2128">
        <v>0.33</v>
      </c>
      <c r="D2128">
        <f t="shared" si="35"/>
        <v>2</v>
      </c>
    </row>
    <row r="2129" spans="1:4" x14ac:dyDescent="0.25">
      <c r="A2129" t="s">
        <v>9</v>
      </c>
      <c r="B2129">
        <v>0.39</v>
      </c>
      <c r="C2129">
        <v>0.25</v>
      </c>
      <c r="D2129">
        <f t="shared" si="35"/>
        <v>3</v>
      </c>
    </row>
    <row r="2130" spans="1:4" x14ac:dyDescent="0.25">
      <c r="A2130" t="s">
        <v>17</v>
      </c>
      <c r="B2130">
        <v>0.92</v>
      </c>
      <c r="C2130">
        <v>0.15</v>
      </c>
      <c r="D2130">
        <f t="shared" si="35"/>
        <v>3</v>
      </c>
    </row>
    <row r="2131" spans="1:4" x14ac:dyDescent="0.25">
      <c r="A2131" t="s">
        <v>28</v>
      </c>
      <c r="B2131">
        <v>0.93</v>
      </c>
      <c r="C2131">
        <v>0.42</v>
      </c>
      <c r="D2131">
        <f t="shared" si="35"/>
        <v>3</v>
      </c>
    </row>
    <row r="2132" spans="1:4" x14ac:dyDescent="0.25">
      <c r="A2132" t="s">
        <v>20</v>
      </c>
      <c r="B2132">
        <v>0.31</v>
      </c>
      <c r="C2132">
        <v>0.56999999999999995</v>
      </c>
      <c r="D2132">
        <f t="shared" si="35"/>
        <v>3</v>
      </c>
    </row>
    <row r="2133" spans="1:4" x14ac:dyDescent="0.25">
      <c r="A2133" t="s">
        <v>15</v>
      </c>
      <c r="B2133">
        <v>0.44</v>
      </c>
      <c r="C2133">
        <v>0.19</v>
      </c>
      <c r="D2133">
        <f t="shared" si="35"/>
        <v>3</v>
      </c>
    </row>
    <row r="2134" spans="1:4" x14ac:dyDescent="0.25">
      <c r="A2134" t="s">
        <v>25</v>
      </c>
      <c r="B2134">
        <v>0.55000000000000004</v>
      </c>
      <c r="C2134">
        <v>0.72</v>
      </c>
      <c r="D2134">
        <f t="shared" si="35"/>
        <v>3</v>
      </c>
    </row>
    <row r="2135" spans="1:4" x14ac:dyDescent="0.25">
      <c r="A2135" t="s">
        <v>14</v>
      </c>
      <c r="B2135">
        <v>0.26</v>
      </c>
      <c r="C2135">
        <v>0.56999999999999995</v>
      </c>
      <c r="D2135">
        <f t="shared" si="35"/>
        <v>3</v>
      </c>
    </row>
    <row r="2136" spans="1:4" x14ac:dyDescent="0.25">
      <c r="A2136" t="s">
        <v>15</v>
      </c>
      <c r="B2136">
        <v>0.14000000000000001</v>
      </c>
      <c r="C2136">
        <v>0.27</v>
      </c>
      <c r="D2136">
        <f t="shared" si="35"/>
        <v>3</v>
      </c>
    </row>
    <row r="2137" spans="1:4" x14ac:dyDescent="0.25">
      <c r="A2137" t="s">
        <v>20</v>
      </c>
      <c r="B2137">
        <v>0.83</v>
      </c>
      <c r="C2137">
        <v>0.56999999999999995</v>
      </c>
      <c r="D2137">
        <f t="shared" si="35"/>
        <v>3</v>
      </c>
    </row>
    <row r="2138" spans="1:4" x14ac:dyDescent="0.25">
      <c r="A2138" t="s">
        <v>13</v>
      </c>
      <c r="B2138">
        <v>0.02</v>
      </c>
      <c r="C2138">
        <v>0.36</v>
      </c>
      <c r="D2138">
        <f t="shared" si="35"/>
        <v>3</v>
      </c>
    </row>
    <row r="2139" spans="1:4" x14ac:dyDescent="0.25">
      <c r="A2139" t="s">
        <v>19</v>
      </c>
      <c r="B2139">
        <v>0.93</v>
      </c>
      <c r="C2139">
        <v>0.78</v>
      </c>
      <c r="D2139">
        <f t="shared" si="35"/>
        <v>3</v>
      </c>
    </row>
    <row r="2140" spans="1:4" x14ac:dyDescent="0.25">
      <c r="A2140" t="s">
        <v>27</v>
      </c>
      <c r="B2140">
        <v>0.94</v>
      </c>
      <c r="C2140">
        <v>0.95</v>
      </c>
      <c r="D2140">
        <f t="shared" si="35"/>
        <v>3</v>
      </c>
    </row>
    <row r="2141" spans="1:4" x14ac:dyDescent="0.25">
      <c r="A2141" t="s">
        <v>28</v>
      </c>
      <c r="B2141">
        <v>0.48</v>
      </c>
      <c r="C2141">
        <v>0.55000000000000004</v>
      </c>
      <c r="D2141">
        <f t="shared" si="35"/>
        <v>3</v>
      </c>
    </row>
    <row r="2142" spans="1:4" x14ac:dyDescent="0.25">
      <c r="A2142" t="s">
        <v>19</v>
      </c>
      <c r="B2142">
        <v>0.27</v>
      </c>
      <c r="C2142">
        <v>0.83</v>
      </c>
      <c r="D2142">
        <f t="shared" si="35"/>
        <v>3</v>
      </c>
    </row>
    <row r="2143" spans="1:4" x14ac:dyDescent="0.25">
      <c r="A2143" t="s">
        <v>30</v>
      </c>
      <c r="B2143">
        <v>0.95</v>
      </c>
      <c r="C2143">
        <v>0.62</v>
      </c>
      <c r="D2143">
        <f t="shared" si="35"/>
        <v>3</v>
      </c>
    </row>
    <row r="2144" spans="1:4" x14ac:dyDescent="0.25">
      <c r="A2144" t="s">
        <v>14</v>
      </c>
      <c r="B2144">
        <v>0.3</v>
      </c>
      <c r="C2144">
        <v>0.33</v>
      </c>
      <c r="D2144">
        <f t="shared" si="35"/>
        <v>3</v>
      </c>
    </row>
    <row r="2145" spans="1:4" x14ac:dyDescent="0.25">
      <c r="A2145" t="s">
        <v>18</v>
      </c>
      <c r="B2145">
        <v>0.01</v>
      </c>
      <c r="C2145">
        <v>0.68</v>
      </c>
      <c r="D2145">
        <f t="shared" si="35"/>
        <v>1</v>
      </c>
    </row>
    <row r="2146" spans="1:4" x14ac:dyDescent="0.25">
      <c r="A2146" t="s">
        <v>21</v>
      </c>
      <c r="B2146">
        <v>0.41</v>
      </c>
      <c r="C2146">
        <v>0.38</v>
      </c>
      <c r="D2146">
        <f t="shared" si="35"/>
        <v>2</v>
      </c>
    </row>
    <row r="2147" spans="1:4" x14ac:dyDescent="0.25">
      <c r="A2147" t="s">
        <v>30</v>
      </c>
      <c r="B2147">
        <v>0.77</v>
      </c>
      <c r="C2147">
        <v>0.45</v>
      </c>
      <c r="D2147">
        <f t="shared" si="35"/>
        <v>3</v>
      </c>
    </row>
    <row r="2148" spans="1:4" x14ac:dyDescent="0.25">
      <c r="A2148" t="s">
        <v>27</v>
      </c>
      <c r="B2148">
        <v>0.9</v>
      </c>
      <c r="C2148">
        <v>0.92</v>
      </c>
      <c r="D2148">
        <f t="shared" si="35"/>
        <v>3</v>
      </c>
    </row>
    <row r="2149" spans="1:4" x14ac:dyDescent="0.25">
      <c r="A2149" t="s">
        <v>19</v>
      </c>
      <c r="B2149">
        <v>0.1</v>
      </c>
      <c r="C2149">
        <v>0.77</v>
      </c>
      <c r="D2149">
        <f t="shared" si="35"/>
        <v>3</v>
      </c>
    </row>
    <row r="2150" spans="1:4" x14ac:dyDescent="0.25">
      <c r="A2150" t="s">
        <v>23</v>
      </c>
      <c r="B2150">
        <v>0.72</v>
      </c>
      <c r="C2150">
        <v>0.63</v>
      </c>
      <c r="D2150">
        <f t="shared" si="35"/>
        <v>1</v>
      </c>
    </row>
    <row r="2151" spans="1:4" x14ac:dyDescent="0.25">
      <c r="A2151" t="s">
        <v>30</v>
      </c>
      <c r="B2151">
        <v>0.94</v>
      </c>
      <c r="C2151">
        <v>0.66</v>
      </c>
      <c r="D2151">
        <f t="shared" si="35"/>
        <v>3</v>
      </c>
    </row>
    <row r="2152" spans="1:4" x14ac:dyDescent="0.25">
      <c r="A2152" t="s">
        <v>26</v>
      </c>
      <c r="B2152">
        <v>0.46</v>
      </c>
      <c r="C2152">
        <v>0.08</v>
      </c>
      <c r="D2152">
        <f t="shared" si="35"/>
        <v>3</v>
      </c>
    </row>
    <row r="2153" spans="1:4" x14ac:dyDescent="0.25">
      <c r="A2153" t="s">
        <v>11</v>
      </c>
      <c r="B2153">
        <v>0.46</v>
      </c>
      <c r="C2153">
        <v>0.85</v>
      </c>
      <c r="D2153">
        <f t="shared" si="35"/>
        <v>1</v>
      </c>
    </row>
    <row r="2154" spans="1:4" x14ac:dyDescent="0.25">
      <c r="A2154" t="s">
        <v>27</v>
      </c>
      <c r="B2154">
        <v>0.17</v>
      </c>
      <c r="C2154">
        <v>0.89</v>
      </c>
      <c r="D2154">
        <f t="shared" si="35"/>
        <v>3</v>
      </c>
    </row>
    <row r="2155" spans="1:4" x14ac:dyDescent="0.25">
      <c r="A2155" t="s">
        <v>29</v>
      </c>
      <c r="B2155">
        <v>0.85</v>
      </c>
      <c r="C2155">
        <v>7.0000000000000007E-2</v>
      </c>
      <c r="D2155">
        <f t="shared" si="35"/>
        <v>1</v>
      </c>
    </row>
    <row r="2156" spans="1:4" x14ac:dyDescent="0.25">
      <c r="A2156" t="s">
        <v>18</v>
      </c>
      <c r="B2156">
        <v>0.32</v>
      </c>
      <c r="C2156">
        <v>0.69</v>
      </c>
      <c r="D2156">
        <f t="shared" si="35"/>
        <v>1</v>
      </c>
    </row>
    <row r="2157" spans="1:4" x14ac:dyDescent="0.25">
      <c r="A2157" t="s">
        <v>16</v>
      </c>
      <c r="B2157">
        <v>0.95</v>
      </c>
      <c r="C2157">
        <v>0.47</v>
      </c>
      <c r="D2157">
        <f t="shared" si="35"/>
        <v>3</v>
      </c>
    </row>
    <row r="2158" spans="1:4" x14ac:dyDescent="0.25">
      <c r="A2158" t="s">
        <v>20</v>
      </c>
      <c r="B2158">
        <v>0.76</v>
      </c>
      <c r="C2158">
        <v>0.45</v>
      </c>
      <c r="D2158">
        <f t="shared" si="35"/>
        <v>3</v>
      </c>
    </row>
    <row r="2159" spans="1:4" x14ac:dyDescent="0.25">
      <c r="A2159" t="s">
        <v>26</v>
      </c>
      <c r="B2159">
        <v>0.12</v>
      </c>
      <c r="C2159">
        <v>0.17</v>
      </c>
      <c r="D2159">
        <f t="shared" si="35"/>
        <v>3</v>
      </c>
    </row>
    <row r="2160" spans="1:4" x14ac:dyDescent="0.25">
      <c r="A2160" t="s">
        <v>15</v>
      </c>
      <c r="B2160">
        <v>0.87</v>
      </c>
      <c r="C2160">
        <v>0.17</v>
      </c>
      <c r="D2160">
        <f t="shared" si="35"/>
        <v>3</v>
      </c>
    </row>
    <row r="2161" spans="1:4" x14ac:dyDescent="0.25">
      <c r="A2161" t="s">
        <v>19</v>
      </c>
      <c r="B2161">
        <v>0.82</v>
      </c>
      <c r="C2161">
        <v>0.93</v>
      </c>
      <c r="D2161">
        <f t="shared" si="35"/>
        <v>3</v>
      </c>
    </row>
    <row r="2162" spans="1:4" x14ac:dyDescent="0.25">
      <c r="A2162" t="s">
        <v>27</v>
      </c>
      <c r="B2162">
        <v>0.66</v>
      </c>
      <c r="C2162">
        <v>0.73</v>
      </c>
      <c r="D2162">
        <f t="shared" si="35"/>
        <v>3</v>
      </c>
    </row>
    <row r="2163" spans="1:4" x14ac:dyDescent="0.25">
      <c r="A2163" t="s">
        <v>13</v>
      </c>
      <c r="B2163">
        <v>0.13</v>
      </c>
      <c r="C2163">
        <v>0.62</v>
      </c>
      <c r="D2163">
        <f t="shared" si="35"/>
        <v>3</v>
      </c>
    </row>
    <row r="2164" spans="1:4" x14ac:dyDescent="0.25">
      <c r="A2164" t="s">
        <v>18</v>
      </c>
      <c r="B2164">
        <v>0.06</v>
      </c>
      <c r="C2164">
        <v>0.61</v>
      </c>
      <c r="D2164">
        <f t="shared" si="35"/>
        <v>1</v>
      </c>
    </row>
    <row r="2165" spans="1:4" x14ac:dyDescent="0.25">
      <c r="A2165" t="s">
        <v>29</v>
      </c>
      <c r="B2165">
        <v>0.33</v>
      </c>
      <c r="C2165">
        <v>0.3</v>
      </c>
      <c r="D2165">
        <f t="shared" si="35"/>
        <v>1</v>
      </c>
    </row>
    <row r="2166" spans="1:4" x14ac:dyDescent="0.25">
      <c r="A2166" t="s">
        <v>17</v>
      </c>
      <c r="B2166">
        <v>0.53</v>
      </c>
      <c r="C2166">
        <v>0.19</v>
      </c>
      <c r="D2166">
        <f t="shared" si="35"/>
        <v>3</v>
      </c>
    </row>
    <row r="2167" spans="1:4" x14ac:dyDescent="0.25">
      <c r="A2167" t="s">
        <v>30</v>
      </c>
      <c r="B2167">
        <v>0.32</v>
      </c>
      <c r="C2167">
        <v>0.49</v>
      </c>
      <c r="D2167">
        <f t="shared" si="35"/>
        <v>3</v>
      </c>
    </row>
    <row r="2168" spans="1:4" x14ac:dyDescent="0.25">
      <c r="A2168" t="s">
        <v>28</v>
      </c>
      <c r="B2168">
        <v>0.45</v>
      </c>
      <c r="C2168">
        <v>0.47</v>
      </c>
      <c r="D2168">
        <f t="shared" si="35"/>
        <v>3</v>
      </c>
    </row>
    <row r="2169" spans="1:4" x14ac:dyDescent="0.25">
      <c r="A2169" t="s">
        <v>13</v>
      </c>
      <c r="B2169">
        <v>0.78</v>
      </c>
      <c r="C2169">
        <v>0.41</v>
      </c>
      <c r="D2169">
        <f t="shared" si="35"/>
        <v>3</v>
      </c>
    </row>
    <row r="2170" spans="1:4" x14ac:dyDescent="0.25">
      <c r="A2170" t="s">
        <v>30</v>
      </c>
      <c r="B2170">
        <v>0.57999999999999996</v>
      </c>
      <c r="C2170">
        <v>0.55000000000000004</v>
      </c>
      <c r="D2170">
        <f t="shared" si="35"/>
        <v>3</v>
      </c>
    </row>
    <row r="2171" spans="1:4" x14ac:dyDescent="0.25">
      <c r="A2171" t="s">
        <v>18</v>
      </c>
      <c r="B2171">
        <v>0.89</v>
      </c>
      <c r="C2171">
        <v>0.4</v>
      </c>
      <c r="D2171">
        <f t="shared" si="35"/>
        <v>1</v>
      </c>
    </row>
    <row r="2172" spans="1:4" x14ac:dyDescent="0.25">
      <c r="A2172" t="s">
        <v>23</v>
      </c>
      <c r="B2172">
        <v>0.66</v>
      </c>
      <c r="C2172">
        <v>0.56999999999999995</v>
      </c>
      <c r="D2172">
        <f t="shared" si="35"/>
        <v>1</v>
      </c>
    </row>
    <row r="2173" spans="1:4" x14ac:dyDescent="0.25">
      <c r="A2173" t="s">
        <v>25</v>
      </c>
      <c r="B2173">
        <v>0.78</v>
      </c>
      <c r="C2173">
        <v>0.8</v>
      </c>
      <c r="D2173">
        <f t="shared" si="35"/>
        <v>3</v>
      </c>
    </row>
    <row r="2174" spans="1:4" x14ac:dyDescent="0.25">
      <c r="A2174" t="s">
        <v>28</v>
      </c>
      <c r="B2174">
        <v>0.72</v>
      </c>
      <c r="C2174">
        <v>0.32</v>
      </c>
      <c r="D2174">
        <f t="shared" si="35"/>
        <v>3</v>
      </c>
    </row>
    <row r="2175" spans="1:4" x14ac:dyDescent="0.25">
      <c r="A2175" t="s">
        <v>28</v>
      </c>
      <c r="B2175">
        <v>0.48</v>
      </c>
      <c r="C2175">
        <v>0.56999999999999995</v>
      </c>
      <c r="D2175">
        <f t="shared" si="35"/>
        <v>3</v>
      </c>
    </row>
    <row r="2176" spans="1:4" x14ac:dyDescent="0.25">
      <c r="A2176" t="s">
        <v>9</v>
      </c>
      <c r="B2176">
        <v>0.05</v>
      </c>
      <c r="C2176">
        <v>0.28000000000000003</v>
      </c>
      <c r="D2176">
        <f t="shared" si="35"/>
        <v>3</v>
      </c>
    </row>
    <row r="2177" spans="1:4" x14ac:dyDescent="0.25">
      <c r="A2177" t="s">
        <v>9</v>
      </c>
      <c r="B2177">
        <v>0.82</v>
      </c>
      <c r="C2177">
        <v>0.22</v>
      </c>
      <c r="D2177">
        <f t="shared" si="35"/>
        <v>3</v>
      </c>
    </row>
    <row r="2178" spans="1:4" x14ac:dyDescent="0.25">
      <c r="A2178" t="s">
        <v>27</v>
      </c>
      <c r="B2178">
        <v>0.33</v>
      </c>
      <c r="C2178">
        <v>0.81</v>
      </c>
      <c r="D2178">
        <f t="shared" si="35"/>
        <v>3</v>
      </c>
    </row>
    <row r="2179" spans="1:4" x14ac:dyDescent="0.25">
      <c r="A2179" t="s">
        <v>20</v>
      </c>
      <c r="B2179">
        <v>0.02</v>
      </c>
      <c r="C2179">
        <v>0.54</v>
      </c>
      <c r="D2179">
        <f t="shared" ref="D2179:D2242" si="36">VLOOKUP(A2179,$G$2:$H$21,2)</f>
        <v>3</v>
      </c>
    </row>
    <row r="2180" spans="1:4" x14ac:dyDescent="0.25">
      <c r="A2180" t="s">
        <v>16</v>
      </c>
      <c r="B2180">
        <v>0.21</v>
      </c>
      <c r="C2180">
        <v>0.38</v>
      </c>
      <c r="D2180">
        <f t="shared" si="36"/>
        <v>3</v>
      </c>
    </row>
    <row r="2181" spans="1:4" x14ac:dyDescent="0.25">
      <c r="A2181" t="s">
        <v>16</v>
      </c>
      <c r="B2181">
        <v>0.24</v>
      </c>
      <c r="C2181">
        <v>0.53</v>
      </c>
      <c r="D2181">
        <f t="shared" si="36"/>
        <v>3</v>
      </c>
    </row>
    <row r="2182" spans="1:4" x14ac:dyDescent="0.25">
      <c r="A2182" t="s">
        <v>11</v>
      </c>
      <c r="B2182">
        <v>0.42</v>
      </c>
      <c r="C2182">
        <v>0.94</v>
      </c>
      <c r="D2182">
        <f t="shared" si="36"/>
        <v>1</v>
      </c>
    </row>
    <row r="2183" spans="1:4" x14ac:dyDescent="0.25">
      <c r="A2183" t="s">
        <v>13</v>
      </c>
      <c r="B2183">
        <v>0.19</v>
      </c>
      <c r="C2183">
        <v>0.56000000000000005</v>
      </c>
      <c r="D2183">
        <f t="shared" si="36"/>
        <v>3</v>
      </c>
    </row>
    <row r="2184" spans="1:4" x14ac:dyDescent="0.25">
      <c r="A2184" t="s">
        <v>20</v>
      </c>
      <c r="B2184">
        <v>0.21</v>
      </c>
      <c r="C2184">
        <v>0.61</v>
      </c>
      <c r="D2184">
        <f t="shared" si="36"/>
        <v>3</v>
      </c>
    </row>
    <row r="2185" spans="1:4" x14ac:dyDescent="0.25">
      <c r="A2185" t="s">
        <v>27</v>
      </c>
      <c r="B2185">
        <v>0.17</v>
      </c>
      <c r="C2185">
        <v>0.89</v>
      </c>
      <c r="D2185">
        <f t="shared" si="36"/>
        <v>3</v>
      </c>
    </row>
    <row r="2186" spans="1:4" x14ac:dyDescent="0.25">
      <c r="A2186" t="s">
        <v>7</v>
      </c>
      <c r="B2186">
        <v>0.83</v>
      </c>
      <c r="C2186">
        <v>0.84</v>
      </c>
      <c r="D2186">
        <f t="shared" si="36"/>
        <v>1</v>
      </c>
    </row>
    <row r="2187" spans="1:4" x14ac:dyDescent="0.25">
      <c r="A2187" t="s">
        <v>28</v>
      </c>
      <c r="B2187">
        <v>0.51</v>
      </c>
      <c r="C2187">
        <v>0.4</v>
      </c>
      <c r="D2187">
        <f t="shared" si="36"/>
        <v>3</v>
      </c>
    </row>
    <row r="2188" spans="1:4" x14ac:dyDescent="0.25">
      <c r="A2188" t="s">
        <v>26</v>
      </c>
      <c r="B2188">
        <v>0.86</v>
      </c>
      <c r="C2188">
        <v>0.05</v>
      </c>
      <c r="D2188">
        <f t="shared" si="36"/>
        <v>3</v>
      </c>
    </row>
    <row r="2189" spans="1:4" x14ac:dyDescent="0.25">
      <c r="A2189" t="s">
        <v>7</v>
      </c>
      <c r="B2189">
        <v>0.1</v>
      </c>
      <c r="C2189">
        <v>0.92</v>
      </c>
      <c r="D2189">
        <f t="shared" si="36"/>
        <v>1</v>
      </c>
    </row>
    <row r="2190" spans="1:4" x14ac:dyDescent="0.25">
      <c r="A2190" t="s">
        <v>7</v>
      </c>
      <c r="B2190">
        <v>0.16</v>
      </c>
      <c r="C2190">
        <v>0.9</v>
      </c>
      <c r="D2190">
        <f t="shared" si="36"/>
        <v>1</v>
      </c>
    </row>
    <row r="2191" spans="1:4" x14ac:dyDescent="0.25">
      <c r="A2191" t="s">
        <v>18</v>
      </c>
      <c r="B2191">
        <v>0.06</v>
      </c>
      <c r="C2191">
        <v>0.34</v>
      </c>
      <c r="D2191">
        <f t="shared" si="36"/>
        <v>1</v>
      </c>
    </row>
    <row r="2192" spans="1:4" x14ac:dyDescent="0.25">
      <c r="A2192" t="s">
        <v>7</v>
      </c>
      <c r="B2192">
        <v>0.31</v>
      </c>
      <c r="C2192">
        <v>0.75</v>
      </c>
      <c r="D2192">
        <f t="shared" si="36"/>
        <v>1</v>
      </c>
    </row>
    <row r="2193" spans="1:4" x14ac:dyDescent="0.25">
      <c r="A2193" t="s">
        <v>21</v>
      </c>
      <c r="B2193">
        <v>0.27</v>
      </c>
      <c r="C2193">
        <v>0.59</v>
      </c>
      <c r="D2193">
        <f t="shared" si="36"/>
        <v>2</v>
      </c>
    </row>
    <row r="2194" spans="1:4" x14ac:dyDescent="0.25">
      <c r="A2194" t="s">
        <v>13</v>
      </c>
      <c r="B2194">
        <v>0.89</v>
      </c>
      <c r="C2194">
        <v>0.61</v>
      </c>
      <c r="D2194">
        <f t="shared" si="36"/>
        <v>3</v>
      </c>
    </row>
    <row r="2195" spans="1:4" x14ac:dyDescent="0.25">
      <c r="A2195" t="s">
        <v>17</v>
      </c>
      <c r="B2195">
        <v>0.68</v>
      </c>
      <c r="C2195">
        <v>0.14000000000000001</v>
      </c>
      <c r="D2195">
        <f t="shared" si="36"/>
        <v>3</v>
      </c>
    </row>
    <row r="2196" spans="1:4" x14ac:dyDescent="0.25">
      <c r="A2196" t="s">
        <v>25</v>
      </c>
      <c r="B2196">
        <v>0.97</v>
      </c>
      <c r="C2196">
        <v>0.78</v>
      </c>
      <c r="D2196">
        <f t="shared" si="36"/>
        <v>3</v>
      </c>
    </row>
    <row r="2197" spans="1:4" x14ac:dyDescent="0.25">
      <c r="A2197" t="s">
        <v>16</v>
      </c>
      <c r="B2197">
        <v>0.88</v>
      </c>
      <c r="C2197">
        <v>0.31</v>
      </c>
      <c r="D2197">
        <f t="shared" si="36"/>
        <v>3</v>
      </c>
    </row>
    <row r="2198" spans="1:4" x14ac:dyDescent="0.25">
      <c r="A2198" t="s">
        <v>17</v>
      </c>
      <c r="B2198">
        <v>0.89</v>
      </c>
      <c r="C2198">
        <v>0.22</v>
      </c>
      <c r="D2198">
        <f t="shared" si="36"/>
        <v>3</v>
      </c>
    </row>
    <row r="2199" spans="1:4" x14ac:dyDescent="0.25">
      <c r="A2199" t="s">
        <v>13</v>
      </c>
      <c r="B2199">
        <v>0.77</v>
      </c>
      <c r="C2199">
        <v>0.56000000000000005</v>
      </c>
      <c r="D2199">
        <f t="shared" si="36"/>
        <v>3</v>
      </c>
    </row>
    <row r="2200" spans="1:4" x14ac:dyDescent="0.25">
      <c r="A2200" t="s">
        <v>22</v>
      </c>
      <c r="B2200">
        <v>0.9</v>
      </c>
      <c r="C2200">
        <v>0.4</v>
      </c>
      <c r="D2200">
        <f t="shared" si="36"/>
        <v>1</v>
      </c>
    </row>
    <row r="2201" spans="1:4" x14ac:dyDescent="0.25">
      <c r="A2201" t="s">
        <v>17</v>
      </c>
      <c r="B2201">
        <v>0.39</v>
      </c>
      <c r="C2201">
        <v>0.12</v>
      </c>
      <c r="D2201">
        <f t="shared" si="36"/>
        <v>3</v>
      </c>
    </row>
    <row r="2202" spans="1:4" x14ac:dyDescent="0.25">
      <c r="A2202" t="s">
        <v>21</v>
      </c>
      <c r="B2202">
        <v>0.81</v>
      </c>
      <c r="C2202">
        <v>0.44</v>
      </c>
      <c r="D2202">
        <f t="shared" si="36"/>
        <v>2</v>
      </c>
    </row>
    <row r="2203" spans="1:4" x14ac:dyDescent="0.25">
      <c r="A2203" t="s">
        <v>13</v>
      </c>
      <c r="B2203">
        <v>0.69</v>
      </c>
      <c r="C2203">
        <v>0.69</v>
      </c>
      <c r="D2203">
        <f t="shared" si="36"/>
        <v>3</v>
      </c>
    </row>
    <row r="2204" spans="1:4" x14ac:dyDescent="0.25">
      <c r="A2204" t="s">
        <v>28</v>
      </c>
      <c r="B2204">
        <v>0.88</v>
      </c>
      <c r="C2204">
        <v>0.6</v>
      </c>
      <c r="D2204">
        <f t="shared" si="36"/>
        <v>3</v>
      </c>
    </row>
    <row r="2205" spans="1:4" x14ac:dyDescent="0.25">
      <c r="A2205" t="s">
        <v>28</v>
      </c>
      <c r="B2205">
        <v>0.25</v>
      </c>
      <c r="C2205">
        <v>0.34</v>
      </c>
      <c r="D2205">
        <f t="shared" si="36"/>
        <v>3</v>
      </c>
    </row>
    <row r="2206" spans="1:4" x14ac:dyDescent="0.25">
      <c r="A2206" t="s">
        <v>25</v>
      </c>
      <c r="B2206">
        <v>0.36</v>
      </c>
      <c r="C2206">
        <v>0.93</v>
      </c>
      <c r="D2206">
        <f t="shared" si="36"/>
        <v>3</v>
      </c>
    </row>
    <row r="2207" spans="1:4" x14ac:dyDescent="0.25">
      <c r="A2207" t="s">
        <v>20</v>
      </c>
      <c r="B2207">
        <v>0.43</v>
      </c>
      <c r="C2207">
        <v>0.44</v>
      </c>
      <c r="D2207">
        <f t="shared" si="36"/>
        <v>3</v>
      </c>
    </row>
    <row r="2208" spans="1:4" x14ac:dyDescent="0.25">
      <c r="A2208" t="s">
        <v>29</v>
      </c>
      <c r="B2208">
        <v>0.55000000000000004</v>
      </c>
      <c r="C2208">
        <v>0.14000000000000001</v>
      </c>
      <c r="D2208">
        <f t="shared" si="36"/>
        <v>1</v>
      </c>
    </row>
    <row r="2209" spans="1:4" x14ac:dyDescent="0.25">
      <c r="A2209" t="s">
        <v>29</v>
      </c>
      <c r="B2209">
        <v>0.57999999999999996</v>
      </c>
      <c r="C2209">
        <v>0.3</v>
      </c>
      <c r="D2209">
        <f t="shared" si="36"/>
        <v>1</v>
      </c>
    </row>
    <row r="2210" spans="1:4" x14ac:dyDescent="0.25">
      <c r="A2210" t="s">
        <v>18</v>
      </c>
      <c r="B2210">
        <v>0.97</v>
      </c>
      <c r="C2210">
        <v>0.49</v>
      </c>
      <c r="D2210">
        <f t="shared" si="36"/>
        <v>1</v>
      </c>
    </row>
    <row r="2211" spans="1:4" x14ac:dyDescent="0.25">
      <c r="A2211" t="s">
        <v>22</v>
      </c>
      <c r="B2211">
        <v>0.79</v>
      </c>
      <c r="C2211">
        <v>0.33</v>
      </c>
      <c r="D2211">
        <f t="shared" si="36"/>
        <v>1</v>
      </c>
    </row>
    <row r="2212" spans="1:4" x14ac:dyDescent="0.25">
      <c r="A2212" t="s">
        <v>13</v>
      </c>
      <c r="B2212">
        <v>0.93</v>
      </c>
      <c r="C2212">
        <v>0.48</v>
      </c>
      <c r="D2212">
        <f t="shared" si="36"/>
        <v>3</v>
      </c>
    </row>
    <row r="2213" spans="1:4" x14ac:dyDescent="0.25">
      <c r="A2213" t="s">
        <v>13</v>
      </c>
      <c r="B2213">
        <v>0.27</v>
      </c>
      <c r="C2213">
        <v>0.61</v>
      </c>
      <c r="D2213">
        <f t="shared" si="36"/>
        <v>3</v>
      </c>
    </row>
    <row r="2214" spans="1:4" x14ac:dyDescent="0.25">
      <c r="A2214" t="s">
        <v>16</v>
      </c>
      <c r="B2214">
        <v>1</v>
      </c>
      <c r="C2214">
        <v>0.61</v>
      </c>
      <c r="D2214">
        <f t="shared" si="36"/>
        <v>3</v>
      </c>
    </row>
    <row r="2215" spans="1:4" x14ac:dyDescent="0.25">
      <c r="A2215" t="s">
        <v>9</v>
      </c>
      <c r="B2215">
        <v>0.98</v>
      </c>
      <c r="C2215">
        <v>0.08</v>
      </c>
      <c r="D2215">
        <f t="shared" si="36"/>
        <v>3</v>
      </c>
    </row>
    <row r="2216" spans="1:4" x14ac:dyDescent="0.25">
      <c r="A2216" t="s">
        <v>22</v>
      </c>
      <c r="B2216">
        <v>0.59</v>
      </c>
      <c r="C2216">
        <v>0.43</v>
      </c>
      <c r="D2216">
        <f t="shared" si="36"/>
        <v>1</v>
      </c>
    </row>
    <row r="2217" spans="1:4" x14ac:dyDescent="0.25">
      <c r="A2217" t="s">
        <v>30</v>
      </c>
      <c r="B2217">
        <v>0.72</v>
      </c>
      <c r="C2217">
        <v>0.54</v>
      </c>
      <c r="D2217">
        <f t="shared" si="36"/>
        <v>3</v>
      </c>
    </row>
    <row r="2218" spans="1:4" x14ac:dyDescent="0.25">
      <c r="A2218" t="s">
        <v>9</v>
      </c>
      <c r="B2218">
        <v>0.68</v>
      </c>
      <c r="C2218">
        <v>0.14000000000000001</v>
      </c>
      <c r="D2218">
        <f t="shared" si="36"/>
        <v>3</v>
      </c>
    </row>
    <row r="2219" spans="1:4" x14ac:dyDescent="0.25">
      <c r="A2219" t="s">
        <v>23</v>
      </c>
      <c r="B2219">
        <v>7.0000000000000007E-2</v>
      </c>
      <c r="C2219">
        <v>0.61</v>
      </c>
      <c r="D2219">
        <f t="shared" si="36"/>
        <v>1</v>
      </c>
    </row>
    <row r="2220" spans="1:4" x14ac:dyDescent="0.25">
      <c r="A2220" t="s">
        <v>26</v>
      </c>
      <c r="B2220">
        <v>0.26</v>
      </c>
      <c r="C2220">
        <v>0.09</v>
      </c>
      <c r="D2220">
        <f t="shared" si="36"/>
        <v>3</v>
      </c>
    </row>
    <row r="2221" spans="1:4" x14ac:dyDescent="0.25">
      <c r="A2221" t="s">
        <v>27</v>
      </c>
      <c r="B2221">
        <v>0.14000000000000001</v>
      </c>
      <c r="C2221">
        <v>0.79</v>
      </c>
      <c r="D2221">
        <f t="shared" si="36"/>
        <v>3</v>
      </c>
    </row>
    <row r="2222" spans="1:4" x14ac:dyDescent="0.25">
      <c r="A2222" t="s">
        <v>26</v>
      </c>
      <c r="B2222">
        <v>0.92</v>
      </c>
      <c r="C2222">
        <v>0.22</v>
      </c>
      <c r="D2222">
        <f t="shared" si="36"/>
        <v>3</v>
      </c>
    </row>
    <row r="2223" spans="1:4" x14ac:dyDescent="0.25">
      <c r="A2223" t="s">
        <v>22</v>
      </c>
      <c r="B2223">
        <v>0.74</v>
      </c>
      <c r="C2223">
        <v>0.65</v>
      </c>
      <c r="D2223">
        <f t="shared" si="36"/>
        <v>1</v>
      </c>
    </row>
    <row r="2224" spans="1:4" x14ac:dyDescent="0.25">
      <c r="A2224" t="s">
        <v>19</v>
      </c>
      <c r="B2224">
        <v>0.74</v>
      </c>
      <c r="C2224">
        <v>0.86</v>
      </c>
      <c r="D2224">
        <f t="shared" si="36"/>
        <v>3</v>
      </c>
    </row>
    <row r="2225" spans="1:4" x14ac:dyDescent="0.25">
      <c r="A2225" t="s">
        <v>17</v>
      </c>
      <c r="B2225">
        <v>0.65</v>
      </c>
      <c r="C2225">
        <v>0.06</v>
      </c>
      <c r="D2225">
        <f t="shared" si="36"/>
        <v>3</v>
      </c>
    </row>
    <row r="2226" spans="1:4" x14ac:dyDescent="0.25">
      <c r="A2226" t="s">
        <v>28</v>
      </c>
      <c r="B2226">
        <v>0.04</v>
      </c>
      <c r="C2226">
        <v>0.62</v>
      </c>
      <c r="D2226">
        <f t="shared" si="36"/>
        <v>3</v>
      </c>
    </row>
    <row r="2227" spans="1:4" x14ac:dyDescent="0.25">
      <c r="A2227" t="s">
        <v>16</v>
      </c>
      <c r="B2227">
        <v>0.12</v>
      </c>
      <c r="C2227">
        <v>0.38</v>
      </c>
      <c r="D2227">
        <f t="shared" si="36"/>
        <v>3</v>
      </c>
    </row>
    <row r="2228" spans="1:4" x14ac:dyDescent="0.25">
      <c r="A2228" t="s">
        <v>20</v>
      </c>
      <c r="B2228">
        <v>0.41</v>
      </c>
      <c r="C2228">
        <v>0.47</v>
      </c>
      <c r="D2228">
        <f t="shared" si="36"/>
        <v>3</v>
      </c>
    </row>
    <row r="2229" spans="1:4" x14ac:dyDescent="0.25">
      <c r="A2229" t="s">
        <v>21</v>
      </c>
      <c r="B2229">
        <v>0.99</v>
      </c>
      <c r="C2229">
        <v>0.56999999999999995</v>
      </c>
      <c r="D2229">
        <f t="shared" si="36"/>
        <v>2</v>
      </c>
    </row>
    <row r="2230" spans="1:4" x14ac:dyDescent="0.25">
      <c r="A2230" t="s">
        <v>30</v>
      </c>
      <c r="B2230">
        <v>0.5</v>
      </c>
      <c r="C2230">
        <v>0.64</v>
      </c>
      <c r="D2230">
        <f t="shared" si="36"/>
        <v>3</v>
      </c>
    </row>
    <row r="2231" spans="1:4" x14ac:dyDescent="0.25">
      <c r="A2231" t="s">
        <v>18</v>
      </c>
      <c r="B2231">
        <v>0.56000000000000005</v>
      </c>
      <c r="C2231">
        <v>0.53</v>
      </c>
      <c r="D2231">
        <f t="shared" si="36"/>
        <v>1</v>
      </c>
    </row>
    <row r="2232" spans="1:4" x14ac:dyDescent="0.25">
      <c r="A2232" t="s">
        <v>27</v>
      </c>
      <c r="B2232">
        <v>0.11</v>
      </c>
      <c r="C2232">
        <v>0.89</v>
      </c>
      <c r="D2232">
        <f t="shared" si="36"/>
        <v>3</v>
      </c>
    </row>
    <row r="2233" spans="1:4" x14ac:dyDescent="0.25">
      <c r="A2233" t="s">
        <v>28</v>
      </c>
      <c r="B2233">
        <v>0.51</v>
      </c>
      <c r="C2233">
        <v>0.63</v>
      </c>
      <c r="D2233">
        <f t="shared" si="36"/>
        <v>3</v>
      </c>
    </row>
    <row r="2234" spans="1:4" x14ac:dyDescent="0.25">
      <c r="A2234" t="s">
        <v>7</v>
      </c>
      <c r="B2234">
        <v>0.5</v>
      </c>
      <c r="C2234">
        <v>0.9</v>
      </c>
      <c r="D2234">
        <f t="shared" si="36"/>
        <v>1</v>
      </c>
    </row>
    <row r="2235" spans="1:4" x14ac:dyDescent="0.25">
      <c r="A2235" t="s">
        <v>27</v>
      </c>
      <c r="B2235">
        <v>0.25</v>
      </c>
      <c r="C2235">
        <v>0.82</v>
      </c>
      <c r="D2235">
        <f t="shared" si="36"/>
        <v>3</v>
      </c>
    </row>
    <row r="2236" spans="1:4" x14ac:dyDescent="0.25">
      <c r="A2236" t="s">
        <v>7</v>
      </c>
      <c r="B2236">
        <v>0.68</v>
      </c>
      <c r="C2236">
        <v>0.73</v>
      </c>
      <c r="D2236">
        <f t="shared" si="36"/>
        <v>1</v>
      </c>
    </row>
    <row r="2237" spans="1:4" x14ac:dyDescent="0.25">
      <c r="A2237" t="s">
        <v>28</v>
      </c>
      <c r="B2237">
        <v>0.54</v>
      </c>
      <c r="C2237">
        <v>0.46</v>
      </c>
      <c r="D2237">
        <f t="shared" si="36"/>
        <v>3</v>
      </c>
    </row>
    <row r="2238" spans="1:4" x14ac:dyDescent="0.25">
      <c r="A2238" t="s">
        <v>28</v>
      </c>
      <c r="B2238">
        <v>0.67</v>
      </c>
      <c r="C2238">
        <v>0.63</v>
      </c>
      <c r="D2238">
        <f t="shared" si="36"/>
        <v>3</v>
      </c>
    </row>
    <row r="2239" spans="1:4" x14ac:dyDescent="0.25">
      <c r="A2239" t="s">
        <v>17</v>
      </c>
      <c r="B2239">
        <v>0.5</v>
      </c>
      <c r="C2239">
        <v>0.14000000000000001</v>
      </c>
      <c r="D2239">
        <f t="shared" si="36"/>
        <v>3</v>
      </c>
    </row>
    <row r="2240" spans="1:4" x14ac:dyDescent="0.25">
      <c r="A2240" t="s">
        <v>22</v>
      </c>
      <c r="B2240">
        <v>0.78</v>
      </c>
      <c r="C2240">
        <v>0.56000000000000005</v>
      </c>
      <c r="D2240">
        <f t="shared" si="36"/>
        <v>1</v>
      </c>
    </row>
    <row r="2241" spans="1:4" x14ac:dyDescent="0.25">
      <c r="A2241" t="s">
        <v>17</v>
      </c>
      <c r="B2241">
        <v>0.47</v>
      </c>
      <c r="C2241">
        <v>0.25</v>
      </c>
      <c r="D2241">
        <f t="shared" si="36"/>
        <v>3</v>
      </c>
    </row>
    <row r="2242" spans="1:4" x14ac:dyDescent="0.25">
      <c r="A2242" t="s">
        <v>27</v>
      </c>
      <c r="B2242">
        <v>0.31</v>
      </c>
      <c r="C2242">
        <v>0.79</v>
      </c>
      <c r="D2242">
        <f t="shared" si="36"/>
        <v>3</v>
      </c>
    </row>
    <row r="2243" spans="1:4" x14ac:dyDescent="0.25">
      <c r="A2243" t="s">
        <v>21</v>
      </c>
      <c r="B2243">
        <v>0.61</v>
      </c>
      <c r="C2243">
        <v>0.45</v>
      </c>
      <c r="D2243">
        <f t="shared" ref="D2243:D2306" si="37">VLOOKUP(A2243,$G$2:$H$21,2)</f>
        <v>2</v>
      </c>
    </row>
    <row r="2244" spans="1:4" x14ac:dyDescent="0.25">
      <c r="A2244" t="s">
        <v>22</v>
      </c>
      <c r="B2244">
        <v>0.65</v>
      </c>
      <c r="C2244">
        <v>0.42</v>
      </c>
      <c r="D2244">
        <f t="shared" si="37"/>
        <v>1</v>
      </c>
    </row>
    <row r="2245" spans="1:4" x14ac:dyDescent="0.25">
      <c r="A2245" t="s">
        <v>27</v>
      </c>
      <c r="B2245">
        <v>0.87</v>
      </c>
      <c r="C2245">
        <v>0.76</v>
      </c>
      <c r="D2245">
        <f t="shared" si="37"/>
        <v>3</v>
      </c>
    </row>
    <row r="2246" spans="1:4" x14ac:dyDescent="0.25">
      <c r="A2246" t="s">
        <v>18</v>
      </c>
      <c r="B2246">
        <v>0.52</v>
      </c>
      <c r="C2246">
        <v>0.4</v>
      </c>
      <c r="D2246">
        <f t="shared" si="37"/>
        <v>1</v>
      </c>
    </row>
    <row r="2247" spans="1:4" x14ac:dyDescent="0.25">
      <c r="A2247" t="s">
        <v>26</v>
      </c>
      <c r="B2247">
        <v>0.64</v>
      </c>
      <c r="C2247">
        <v>7.0000000000000007E-2</v>
      </c>
      <c r="D2247">
        <f t="shared" si="37"/>
        <v>3</v>
      </c>
    </row>
    <row r="2248" spans="1:4" x14ac:dyDescent="0.25">
      <c r="A2248" t="s">
        <v>25</v>
      </c>
      <c r="B2248">
        <v>0.95</v>
      </c>
      <c r="C2248">
        <v>0.71</v>
      </c>
      <c r="D2248">
        <f t="shared" si="37"/>
        <v>3</v>
      </c>
    </row>
    <row r="2249" spans="1:4" x14ac:dyDescent="0.25">
      <c r="A2249" t="s">
        <v>20</v>
      </c>
      <c r="B2249">
        <v>0.53</v>
      </c>
      <c r="C2249">
        <v>0.62</v>
      </c>
      <c r="D2249">
        <f t="shared" si="37"/>
        <v>3</v>
      </c>
    </row>
    <row r="2250" spans="1:4" x14ac:dyDescent="0.25">
      <c r="A2250" t="s">
        <v>11</v>
      </c>
      <c r="B2250">
        <v>0.82</v>
      </c>
      <c r="C2250">
        <v>0.84</v>
      </c>
      <c r="D2250">
        <f t="shared" si="37"/>
        <v>1</v>
      </c>
    </row>
    <row r="2251" spans="1:4" x14ac:dyDescent="0.25">
      <c r="A2251" t="s">
        <v>29</v>
      </c>
      <c r="B2251">
        <v>0.02</v>
      </c>
      <c r="C2251">
        <v>0.08</v>
      </c>
      <c r="D2251">
        <f t="shared" si="37"/>
        <v>1</v>
      </c>
    </row>
    <row r="2252" spans="1:4" x14ac:dyDescent="0.25">
      <c r="A2252" t="s">
        <v>22</v>
      </c>
      <c r="B2252">
        <v>0.14000000000000001</v>
      </c>
      <c r="C2252">
        <v>0.5</v>
      </c>
      <c r="D2252">
        <f t="shared" si="37"/>
        <v>1</v>
      </c>
    </row>
    <row r="2253" spans="1:4" x14ac:dyDescent="0.25">
      <c r="A2253" t="s">
        <v>17</v>
      </c>
      <c r="B2253">
        <v>0.01</v>
      </c>
      <c r="C2253">
        <v>0.11</v>
      </c>
      <c r="D2253">
        <f t="shared" si="37"/>
        <v>3</v>
      </c>
    </row>
    <row r="2254" spans="1:4" x14ac:dyDescent="0.25">
      <c r="A2254" t="s">
        <v>17</v>
      </c>
      <c r="B2254">
        <v>7.0000000000000007E-2</v>
      </c>
      <c r="C2254">
        <v>0.09</v>
      </c>
      <c r="D2254">
        <f t="shared" si="37"/>
        <v>3</v>
      </c>
    </row>
    <row r="2255" spans="1:4" x14ac:dyDescent="0.25">
      <c r="A2255" t="s">
        <v>21</v>
      </c>
      <c r="B2255">
        <v>0.02</v>
      </c>
      <c r="C2255">
        <v>0.4</v>
      </c>
      <c r="D2255">
        <f t="shared" si="37"/>
        <v>2</v>
      </c>
    </row>
    <row r="2256" spans="1:4" x14ac:dyDescent="0.25">
      <c r="A2256" t="s">
        <v>29</v>
      </c>
      <c r="B2256">
        <v>0.43</v>
      </c>
      <c r="C2256">
        <v>0.3</v>
      </c>
      <c r="D2256">
        <f t="shared" si="37"/>
        <v>1</v>
      </c>
    </row>
    <row r="2257" spans="1:4" x14ac:dyDescent="0.25">
      <c r="A2257" t="s">
        <v>9</v>
      </c>
      <c r="B2257">
        <v>0.38</v>
      </c>
      <c r="C2257">
        <v>0.17</v>
      </c>
      <c r="D2257">
        <f t="shared" si="37"/>
        <v>3</v>
      </c>
    </row>
    <row r="2258" spans="1:4" x14ac:dyDescent="0.25">
      <c r="A2258" t="s">
        <v>19</v>
      </c>
      <c r="B2258">
        <v>0.01</v>
      </c>
      <c r="C2258">
        <v>0.88</v>
      </c>
      <c r="D2258">
        <f t="shared" si="37"/>
        <v>3</v>
      </c>
    </row>
    <row r="2259" spans="1:4" x14ac:dyDescent="0.25">
      <c r="A2259" t="s">
        <v>21</v>
      </c>
      <c r="B2259">
        <v>0.63</v>
      </c>
      <c r="C2259">
        <v>0.4</v>
      </c>
      <c r="D2259">
        <f t="shared" si="37"/>
        <v>2</v>
      </c>
    </row>
    <row r="2260" spans="1:4" x14ac:dyDescent="0.25">
      <c r="A2260" t="s">
        <v>9</v>
      </c>
      <c r="B2260">
        <v>0.01</v>
      </c>
      <c r="C2260">
        <v>0.11</v>
      </c>
      <c r="D2260">
        <f t="shared" si="37"/>
        <v>3</v>
      </c>
    </row>
    <row r="2261" spans="1:4" x14ac:dyDescent="0.25">
      <c r="A2261" t="s">
        <v>11</v>
      </c>
      <c r="B2261">
        <v>0.39</v>
      </c>
      <c r="C2261">
        <v>0.78</v>
      </c>
      <c r="D2261">
        <f t="shared" si="37"/>
        <v>1</v>
      </c>
    </row>
    <row r="2262" spans="1:4" x14ac:dyDescent="0.25">
      <c r="A2262" t="s">
        <v>15</v>
      </c>
      <c r="B2262">
        <v>0.67</v>
      </c>
      <c r="C2262">
        <v>0.28000000000000003</v>
      </c>
      <c r="D2262">
        <f t="shared" si="37"/>
        <v>3</v>
      </c>
    </row>
    <row r="2263" spans="1:4" x14ac:dyDescent="0.25">
      <c r="A2263" t="s">
        <v>25</v>
      </c>
      <c r="B2263">
        <v>0.3</v>
      </c>
      <c r="C2263">
        <v>0.95</v>
      </c>
      <c r="D2263">
        <f t="shared" si="37"/>
        <v>3</v>
      </c>
    </row>
    <row r="2264" spans="1:4" x14ac:dyDescent="0.25">
      <c r="A2264" t="s">
        <v>18</v>
      </c>
      <c r="B2264">
        <v>0.52</v>
      </c>
      <c r="C2264">
        <v>0.3</v>
      </c>
      <c r="D2264">
        <f t="shared" si="37"/>
        <v>1</v>
      </c>
    </row>
    <row r="2265" spans="1:4" x14ac:dyDescent="0.25">
      <c r="A2265" t="s">
        <v>17</v>
      </c>
      <c r="B2265">
        <v>0.83</v>
      </c>
      <c r="C2265">
        <v>0.28000000000000003</v>
      </c>
      <c r="D2265">
        <f t="shared" si="37"/>
        <v>3</v>
      </c>
    </row>
    <row r="2266" spans="1:4" x14ac:dyDescent="0.25">
      <c r="A2266" t="s">
        <v>17</v>
      </c>
      <c r="B2266">
        <v>0.23</v>
      </c>
      <c r="C2266">
        <v>0.27</v>
      </c>
      <c r="D2266">
        <f t="shared" si="37"/>
        <v>3</v>
      </c>
    </row>
    <row r="2267" spans="1:4" x14ac:dyDescent="0.25">
      <c r="A2267" t="s">
        <v>16</v>
      </c>
      <c r="B2267">
        <v>0.2</v>
      </c>
      <c r="C2267">
        <v>0.52</v>
      </c>
      <c r="D2267">
        <f t="shared" si="37"/>
        <v>3</v>
      </c>
    </row>
    <row r="2268" spans="1:4" x14ac:dyDescent="0.25">
      <c r="A2268" t="s">
        <v>23</v>
      </c>
      <c r="B2268">
        <v>0.68</v>
      </c>
      <c r="C2268">
        <v>0.67</v>
      </c>
      <c r="D2268">
        <f t="shared" si="37"/>
        <v>1</v>
      </c>
    </row>
    <row r="2269" spans="1:4" x14ac:dyDescent="0.25">
      <c r="A2269" t="s">
        <v>29</v>
      </c>
      <c r="B2269">
        <v>0.09</v>
      </c>
      <c r="C2269">
        <v>0.2</v>
      </c>
      <c r="D2269">
        <f t="shared" si="37"/>
        <v>1</v>
      </c>
    </row>
    <row r="2270" spans="1:4" x14ac:dyDescent="0.25">
      <c r="A2270" t="s">
        <v>16</v>
      </c>
      <c r="B2270">
        <v>0.01</v>
      </c>
      <c r="C2270">
        <v>0.56000000000000005</v>
      </c>
      <c r="D2270">
        <f t="shared" si="37"/>
        <v>3</v>
      </c>
    </row>
    <row r="2271" spans="1:4" x14ac:dyDescent="0.25">
      <c r="A2271" t="s">
        <v>23</v>
      </c>
      <c r="B2271">
        <v>0.96</v>
      </c>
      <c r="C2271">
        <v>0.68</v>
      </c>
      <c r="D2271">
        <f t="shared" si="37"/>
        <v>1</v>
      </c>
    </row>
    <row r="2272" spans="1:4" x14ac:dyDescent="0.25">
      <c r="A2272" t="s">
        <v>20</v>
      </c>
      <c r="B2272">
        <v>0.18</v>
      </c>
      <c r="C2272">
        <v>0.48</v>
      </c>
      <c r="D2272">
        <f t="shared" si="37"/>
        <v>3</v>
      </c>
    </row>
    <row r="2273" spans="1:4" x14ac:dyDescent="0.25">
      <c r="A2273" t="s">
        <v>15</v>
      </c>
      <c r="B2273">
        <v>0.23</v>
      </c>
      <c r="C2273">
        <v>0.09</v>
      </c>
      <c r="D2273">
        <f t="shared" si="37"/>
        <v>3</v>
      </c>
    </row>
    <row r="2274" spans="1:4" x14ac:dyDescent="0.25">
      <c r="A2274" t="s">
        <v>15</v>
      </c>
      <c r="B2274">
        <v>0.98</v>
      </c>
      <c r="C2274">
        <v>0.16</v>
      </c>
      <c r="D2274">
        <f t="shared" si="37"/>
        <v>3</v>
      </c>
    </row>
    <row r="2275" spans="1:4" x14ac:dyDescent="0.25">
      <c r="A2275" t="s">
        <v>21</v>
      </c>
      <c r="B2275">
        <v>0.44</v>
      </c>
      <c r="C2275">
        <v>0.52</v>
      </c>
      <c r="D2275">
        <f t="shared" si="37"/>
        <v>2</v>
      </c>
    </row>
    <row r="2276" spans="1:4" x14ac:dyDescent="0.25">
      <c r="A2276" t="s">
        <v>14</v>
      </c>
      <c r="B2276">
        <v>0.05</v>
      </c>
      <c r="C2276">
        <v>0.57999999999999996</v>
      </c>
      <c r="D2276">
        <f t="shared" si="37"/>
        <v>3</v>
      </c>
    </row>
    <row r="2277" spans="1:4" x14ac:dyDescent="0.25">
      <c r="A2277" t="s">
        <v>21</v>
      </c>
      <c r="B2277">
        <v>0.3</v>
      </c>
      <c r="C2277">
        <v>0.61</v>
      </c>
      <c r="D2277">
        <f t="shared" si="37"/>
        <v>2</v>
      </c>
    </row>
    <row r="2278" spans="1:4" x14ac:dyDescent="0.25">
      <c r="A2278" t="s">
        <v>22</v>
      </c>
      <c r="B2278">
        <v>0.3</v>
      </c>
      <c r="C2278">
        <v>0.56000000000000005</v>
      </c>
      <c r="D2278">
        <f t="shared" si="37"/>
        <v>1</v>
      </c>
    </row>
    <row r="2279" spans="1:4" x14ac:dyDescent="0.25">
      <c r="A2279" t="s">
        <v>23</v>
      </c>
      <c r="B2279">
        <v>0.51</v>
      </c>
      <c r="C2279">
        <v>0.47</v>
      </c>
      <c r="D2279">
        <f t="shared" si="37"/>
        <v>1</v>
      </c>
    </row>
    <row r="2280" spans="1:4" x14ac:dyDescent="0.25">
      <c r="A2280" t="s">
        <v>20</v>
      </c>
      <c r="B2280">
        <v>0.34</v>
      </c>
      <c r="C2280">
        <v>0.55000000000000004</v>
      </c>
      <c r="D2280">
        <f t="shared" si="37"/>
        <v>3</v>
      </c>
    </row>
    <row r="2281" spans="1:4" x14ac:dyDescent="0.25">
      <c r="A2281" t="s">
        <v>21</v>
      </c>
      <c r="B2281">
        <v>0.43</v>
      </c>
      <c r="C2281">
        <v>0.47</v>
      </c>
      <c r="D2281">
        <f t="shared" si="37"/>
        <v>2</v>
      </c>
    </row>
    <row r="2282" spans="1:4" x14ac:dyDescent="0.25">
      <c r="A2282" t="s">
        <v>28</v>
      </c>
      <c r="B2282">
        <v>0.92</v>
      </c>
      <c r="C2282">
        <v>0.55000000000000004</v>
      </c>
      <c r="D2282">
        <f t="shared" si="37"/>
        <v>3</v>
      </c>
    </row>
    <row r="2283" spans="1:4" x14ac:dyDescent="0.25">
      <c r="A2283" t="s">
        <v>22</v>
      </c>
      <c r="B2283">
        <v>0.86</v>
      </c>
      <c r="C2283">
        <v>0.49</v>
      </c>
      <c r="D2283">
        <f t="shared" si="37"/>
        <v>1</v>
      </c>
    </row>
    <row r="2284" spans="1:4" x14ac:dyDescent="0.25">
      <c r="A2284" t="s">
        <v>30</v>
      </c>
      <c r="B2284">
        <v>0.49</v>
      </c>
      <c r="C2284">
        <v>0.56999999999999995</v>
      </c>
      <c r="D2284">
        <f t="shared" si="37"/>
        <v>3</v>
      </c>
    </row>
    <row r="2285" spans="1:4" x14ac:dyDescent="0.25">
      <c r="A2285" t="s">
        <v>7</v>
      </c>
      <c r="B2285">
        <v>0.11</v>
      </c>
      <c r="C2285">
        <v>0.82</v>
      </c>
      <c r="D2285">
        <f t="shared" si="37"/>
        <v>1</v>
      </c>
    </row>
    <row r="2286" spans="1:4" x14ac:dyDescent="0.25">
      <c r="A2286" t="s">
        <v>18</v>
      </c>
      <c r="B2286">
        <v>0.78</v>
      </c>
      <c r="C2286">
        <v>0.57999999999999996</v>
      </c>
      <c r="D2286">
        <f t="shared" si="37"/>
        <v>1</v>
      </c>
    </row>
    <row r="2287" spans="1:4" x14ac:dyDescent="0.25">
      <c r="A2287" t="s">
        <v>27</v>
      </c>
      <c r="B2287">
        <v>0.52</v>
      </c>
      <c r="C2287">
        <v>0.82</v>
      </c>
      <c r="D2287">
        <f t="shared" si="37"/>
        <v>3</v>
      </c>
    </row>
    <row r="2288" spans="1:4" x14ac:dyDescent="0.25">
      <c r="A2288" t="s">
        <v>18</v>
      </c>
      <c r="B2288">
        <v>0.52</v>
      </c>
      <c r="C2288">
        <v>0.59</v>
      </c>
      <c r="D2288">
        <f t="shared" si="37"/>
        <v>1</v>
      </c>
    </row>
    <row r="2289" spans="1:4" x14ac:dyDescent="0.25">
      <c r="A2289" t="s">
        <v>30</v>
      </c>
      <c r="B2289">
        <v>0.86</v>
      </c>
      <c r="C2289">
        <v>0.54</v>
      </c>
      <c r="D2289">
        <f t="shared" si="37"/>
        <v>3</v>
      </c>
    </row>
    <row r="2290" spans="1:4" x14ac:dyDescent="0.25">
      <c r="A2290" t="s">
        <v>25</v>
      </c>
      <c r="B2290">
        <v>0.02</v>
      </c>
      <c r="C2290">
        <v>0.94</v>
      </c>
      <c r="D2290">
        <f t="shared" si="37"/>
        <v>3</v>
      </c>
    </row>
    <row r="2291" spans="1:4" x14ac:dyDescent="0.25">
      <c r="A2291" t="s">
        <v>28</v>
      </c>
      <c r="B2291">
        <v>0.87</v>
      </c>
      <c r="C2291">
        <v>0.61</v>
      </c>
      <c r="D2291">
        <f t="shared" si="37"/>
        <v>3</v>
      </c>
    </row>
    <row r="2292" spans="1:4" x14ac:dyDescent="0.25">
      <c r="A2292" t="s">
        <v>20</v>
      </c>
      <c r="B2292">
        <v>0.62</v>
      </c>
      <c r="C2292">
        <v>0.42</v>
      </c>
      <c r="D2292">
        <f t="shared" si="37"/>
        <v>3</v>
      </c>
    </row>
    <row r="2293" spans="1:4" x14ac:dyDescent="0.25">
      <c r="A2293" t="s">
        <v>25</v>
      </c>
      <c r="B2293">
        <v>0.47</v>
      </c>
      <c r="C2293">
        <v>0.88</v>
      </c>
      <c r="D2293">
        <f t="shared" si="37"/>
        <v>3</v>
      </c>
    </row>
    <row r="2294" spans="1:4" x14ac:dyDescent="0.25">
      <c r="A2294" t="s">
        <v>25</v>
      </c>
      <c r="B2294">
        <v>0.61</v>
      </c>
      <c r="C2294">
        <v>0.95</v>
      </c>
      <c r="D2294">
        <f t="shared" si="37"/>
        <v>3</v>
      </c>
    </row>
    <row r="2295" spans="1:4" x14ac:dyDescent="0.25">
      <c r="A2295" t="s">
        <v>9</v>
      </c>
      <c r="B2295">
        <v>0.42</v>
      </c>
      <c r="C2295">
        <v>7.0000000000000007E-2</v>
      </c>
      <c r="D2295">
        <f t="shared" si="37"/>
        <v>3</v>
      </c>
    </row>
    <row r="2296" spans="1:4" x14ac:dyDescent="0.25">
      <c r="A2296" t="s">
        <v>16</v>
      </c>
      <c r="B2296">
        <v>0.73</v>
      </c>
      <c r="C2296">
        <v>0.62</v>
      </c>
      <c r="D2296">
        <f t="shared" si="37"/>
        <v>3</v>
      </c>
    </row>
    <row r="2297" spans="1:4" x14ac:dyDescent="0.25">
      <c r="A2297" t="s">
        <v>25</v>
      </c>
      <c r="B2297">
        <v>0.31</v>
      </c>
      <c r="C2297">
        <v>0.84</v>
      </c>
      <c r="D2297">
        <f t="shared" si="37"/>
        <v>3</v>
      </c>
    </row>
    <row r="2298" spans="1:4" x14ac:dyDescent="0.25">
      <c r="A2298" t="s">
        <v>7</v>
      </c>
      <c r="B2298">
        <v>0.38</v>
      </c>
      <c r="C2298">
        <v>0.82</v>
      </c>
      <c r="D2298">
        <f t="shared" si="37"/>
        <v>1</v>
      </c>
    </row>
    <row r="2299" spans="1:4" x14ac:dyDescent="0.25">
      <c r="A2299" t="s">
        <v>17</v>
      </c>
      <c r="B2299">
        <v>0.28999999999999998</v>
      </c>
      <c r="C2299">
        <v>0.09</v>
      </c>
      <c r="D2299">
        <f t="shared" si="37"/>
        <v>3</v>
      </c>
    </row>
    <row r="2300" spans="1:4" x14ac:dyDescent="0.25">
      <c r="A2300" t="s">
        <v>9</v>
      </c>
      <c r="B2300">
        <v>0.14000000000000001</v>
      </c>
      <c r="C2300">
        <v>0.13</v>
      </c>
      <c r="D2300">
        <f t="shared" si="37"/>
        <v>3</v>
      </c>
    </row>
    <row r="2301" spans="1:4" x14ac:dyDescent="0.25">
      <c r="A2301" t="s">
        <v>26</v>
      </c>
      <c r="B2301">
        <v>0.67</v>
      </c>
      <c r="C2301">
        <v>0.27</v>
      </c>
      <c r="D2301">
        <f t="shared" si="37"/>
        <v>3</v>
      </c>
    </row>
    <row r="2302" spans="1:4" x14ac:dyDescent="0.25">
      <c r="A2302" t="s">
        <v>29</v>
      </c>
      <c r="B2302">
        <v>0.45</v>
      </c>
      <c r="C2302">
        <v>0.2</v>
      </c>
      <c r="D2302">
        <f t="shared" si="37"/>
        <v>1</v>
      </c>
    </row>
    <row r="2303" spans="1:4" x14ac:dyDescent="0.25">
      <c r="A2303" t="s">
        <v>11</v>
      </c>
      <c r="B2303">
        <v>0.94</v>
      </c>
      <c r="C2303">
        <v>0.94</v>
      </c>
      <c r="D2303">
        <f t="shared" si="37"/>
        <v>1</v>
      </c>
    </row>
    <row r="2304" spans="1:4" x14ac:dyDescent="0.25">
      <c r="A2304" t="s">
        <v>20</v>
      </c>
      <c r="B2304">
        <v>0.65</v>
      </c>
      <c r="C2304">
        <v>0.54</v>
      </c>
      <c r="D2304">
        <f t="shared" si="37"/>
        <v>3</v>
      </c>
    </row>
    <row r="2305" spans="1:4" x14ac:dyDescent="0.25">
      <c r="A2305" t="s">
        <v>25</v>
      </c>
      <c r="B2305">
        <v>0.53</v>
      </c>
      <c r="C2305">
        <v>0.86</v>
      </c>
      <c r="D2305">
        <f t="shared" si="37"/>
        <v>3</v>
      </c>
    </row>
    <row r="2306" spans="1:4" x14ac:dyDescent="0.25">
      <c r="A2306" t="s">
        <v>7</v>
      </c>
      <c r="B2306">
        <v>0.62</v>
      </c>
      <c r="C2306">
        <v>0.77</v>
      </c>
      <c r="D2306">
        <f t="shared" si="37"/>
        <v>1</v>
      </c>
    </row>
    <row r="2307" spans="1:4" x14ac:dyDescent="0.25">
      <c r="A2307" t="s">
        <v>13</v>
      </c>
      <c r="B2307">
        <v>0.27</v>
      </c>
      <c r="C2307">
        <v>0.44</v>
      </c>
      <c r="D2307">
        <f t="shared" ref="D2307:D2370" si="38">VLOOKUP(A2307,$G$2:$H$21,2)</f>
        <v>3</v>
      </c>
    </row>
    <row r="2308" spans="1:4" x14ac:dyDescent="0.25">
      <c r="A2308" t="s">
        <v>14</v>
      </c>
      <c r="B2308">
        <v>0.05</v>
      </c>
      <c r="C2308">
        <v>0.48</v>
      </c>
      <c r="D2308">
        <f t="shared" si="38"/>
        <v>3</v>
      </c>
    </row>
    <row r="2309" spans="1:4" x14ac:dyDescent="0.25">
      <c r="A2309" t="s">
        <v>15</v>
      </c>
      <c r="B2309">
        <v>0.47</v>
      </c>
      <c r="C2309">
        <v>0.15</v>
      </c>
      <c r="D2309">
        <f t="shared" si="38"/>
        <v>3</v>
      </c>
    </row>
    <row r="2310" spans="1:4" x14ac:dyDescent="0.25">
      <c r="A2310" t="s">
        <v>13</v>
      </c>
      <c r="B2310">
        <v>0.24</v>
      </c>
      <c r="C2310">
        <v>0.66</v>
      </c>
      <c r="D2310">
        <f t="shared" si="38"/>
        <v>3</v>
      </c>
    </row>
    <row r="2311" spans="1:4" x14ac:dyDescent="0.25">
      <c r="A2311" t="s">
        <v>17</v>
      </c>
      <c r="B2311">
        <v>0.06</v>
      </c>
      <c r="C2311">
        <v>0.13</v>
      </c>
      <c r="D2311">
        <f t="shared" si="38"/>
        <v>3</v>
      </c>
    </row>
    <row r="2312" spans="1:4" x14ac:dyDescent="0.25">
      <c r="A2312" t="s">
        <v>29</v>
      </c>
      <c r="B2312">
        <v>0.79</v>
      </c>
      <c r="C2312">
        <v>0.15</v>
      </c>
      <c r="D2312">
        <f t="shared" si="38"/>
        <v>1</v>
      </c>
    </row>
    <row r="2313" spans="1:4" x14ac:dyDescent="0.25">
      <c r="A2313" t="s">
        <v>23</v>
      </c>
      <c r="B2313">
        <v>0.09</v>
      </c>
      <c r="C2313">
        <v>0.7</v>
      </c>
      <c r="D2313">
        <f t="shared" si="38"/>
        <v>1</v>
      </c>
    </row>
    <row r="2314" spans="1:4" x14ac:dyDescent="0.25">
      <c r="A2314" t="s">
        <v>23</v>
      </c>
      <c r="B2314">
        <v>0.21</v>
      </c>
      <c r="C2314">
        <v>0.52</v>
      </c>
      <c r="D2314">
        <f t="shared" si="38"/>
        <v>1</v>
      </c>
    </row>
    <row r="2315" spans="1:4" x14ac:dyDescent="0.25">
      <c r="A2315" t="s">
        <v>9</v>
      </c>
      <c r="B2315">
        <v>0.7</v>
      </c>
      <c r="C2315">
        <v>0.3</v>
      </c>
      <c r="D2315">
        <f t="shared" si="38"/>
        <v>3</v>
      </c>
    </row>
    <row r="2316" spans="1:4" x14ac:dyDescent="0.25">
      <c r="A2316" t="s">
        <v>13</v>
      </c>
      <c r="B2316">
        <v>0.38</v>
      </c>
      <c r="C2316">
        <v>0.3</v>
      </c>
      <c r="D2316">
        <f t="shared" si="38"/>
        <v>3</v>
      </c>
    </row>
    <row r="2317" spans="1:4" x14ac:dyDescent="0.25">
      <c r="A2317" t="s">
        <v>20</v>
      </c>
      <c r="B2317">
        <v>0.01</v>
      </c>
      <c r="C2317">
        <v>0.35</v>
      </c>
      <c r="D2317">
        <f t="shared" si="38"/>
        <v>3</v>
      </c>
    </row>
    <row r="2318" spans="1:4" x14ac:dyDescent="0.25">
      <c r="A2318" t="s">
        <v>15</v>
      </c>
      <c r="B2318">
        <v>0.13</v>
      </c>
      <c r="C2318">
        <v>0.27</v>
      </c>
      <c r="D2318">
        <f t="shared" si="38"/>
        <v>3</v>
      </c>
    </row>
    <row r="2319" spans="1:4" x14ac:dyDescent="0.25">
      <c r="A2319" t="s">
        <v>27</v>
      </c>
      <c r="B2319">
        <v>0.67</v>
      </c>
      <c r="C2319">
        <v>0.76</v>
      </c>
      <c r="D2319">
        <f t="shared" si="38"/>
        <v>3</v>
      </c>
    </row>
    <row r="2320" spans="1:4" x14ac:dyDescent="0.25">
      <c r="A2320" t="s">
        <v>19</v>
      </c>
      <c r="B2320">
        <v>0.57999999999999996</v>
      </c>
      <c r="C2320">
        <v>0.84</v>
      </c>
      <c r="D2320">
        <f t="shared" si="38"/>
        <v>3</v>
      </c>
    </row>
    <row r="2321" spans="1:4" x14ac:dyDescent="0.25">
      <c r="A2321" t="s">
        <v>16</v>
      </c>
      <c r="B2321">
        <v>0.64</v>
      </c>
      <c r="C2321">
        <v>0.39</v>
      </c>
      <c r="D2321">
        <f t="shared" si="38"/>
        <v>3</v>
      </c>
    </row>
    <row r="2322" spans="1:4" x14ac:dyDescent="0.25">
      <c r="A2322" t="s">
        <v>27</v>
      </c>
      <c r="B2322">
        <v>0.96</v>
      </c>
      <c r="C2322">
        <v>0.71</v>
      </c>
      <c r="D2322">
        <f t="shared" si="38"/>
        <v>3</v>
      </c>
    </row>
    <row r="2323" spans="1:4" x14ac:dyDescent="0.25">
      <c r="A2323" t="s">
        <v>15</v>
      </c>
      <c r="B2323">
        <v>0.22</v>
      </c>
      <c r="C2323">
        <v>0.26</v>
      </c>
      <c r="D2323">
        <f t="shared" si="38"/>
        <v>3</v>
      </c>
    </row>
    <row r="2324" spans="1:4" x14ac:dyDescent="0.25">
      <c r="A2324" t="s">
        <v>27</v>
      </c>
      <c r="B2324">
        <v>0.32</v>
      </c>
      <c r="C2324">
        <v>0.91</v>
      </c>
      <c r="D2324">
        <f t="shared" si="38"/>
        <v>3</v>
      </c>
    </row>
    <row r="2325" spans="1:4" x14ac:dyDescent="0.25">
      <c r="A2325" t="s">
        <v>30</v>
      </c>
      <c r="B2325">
        <v>0.46</v>
      </c>
      <c r="C2325">
        <v>0.46</v>
      </c>
      <c r="D2325">
        <f t="shared" si="38"/>
        <v>3</v>
      </c>
    </row>
    <row r="2326" spans="1:4" x14ac:dyDescent="0.25">
      <c r="A2326" t="s">
        <v>20</v>
      </c>
      <c r="B2326">
        <v>0.41</v>
      </c>
      <c r="C2326">
        <v>0.55000000000000004</v>
      </c>
      <c r="D2326">
        <f t="shared" si="38"/>
        <v>3</v>
      </c>
    </row>
    <row r="2327" spans="1:4" x14ac:dyDescent="0.25">
      <c r="A2327" t="s">
        <v>16</v>
      </c>
      <c r="B2327">
        <v>0.13</v>
      </c>
      <c r="C2327">
        <v>0.56999999999999995</v>
      </c>
      <c r="D2327">
        <f t="shared" si="38"/>
        <v>3</v>
      </c>
    </row>
    <row r="2328" spans="1:4" x14ac:dyDescent="0.25">
      <c r="A2328" t="s">
        <v>20</v>
      </c>
      <c r="B2328">
        <v>0.41</v>
      </c>
      <c r="C2328">
        <v>0.57999999999999996</v>
      </c>
      <c r="D2328">
        <f t="shared" si="38"/>
        <v>3</v>
      </c>
    </row>
    <row r="2329" spans="1:4" x14ac:dyDescent="0.25">
      <c r="A2329" t="s">
        <v>29</v>
      </c>
      <c r="B2329">
        <v>0.62</v>
      </c>
      <c r="C2329">
        <v>0.22</v>
      </c>
      <c r="D2329">
        <f t="shared" si="38"/>
        <v>1</v>
      </c>
    </row>
    <row r="2330" spans="1:4" x14ac:dyDescent="0.25">
      <c r="A2330" t="s">
        <v>21</v>
      </c>
      <c r="B2330">
        <v>0.66</v>
      </c>
      <c r="C2330">
        <v>0.66</v>
      </c>
      <c r="D2330">
        <f t="shared" si="38"/>
        <v>2</v>
      </c>
    </row>
    <row r="2331" spans="1:4" x14ac:dyDescent="0.25">
      <c r="A2331" t="s">
        <v>7</v>
      </c>
      <c r="B2331">
        <v>0.62</v>
      </c>
      <c r="C2331">
        <v>0.78</v>
      </c>
      <c r="D2331">
        <f t="shared" si="38"/>
        <v>1</v>
      </c>
    </row>
    <row r="2332" spans="1:4" x14ac:dyDescent="0.25">
      <c r="A2332" t="s">
        <v>20</v>
      </c>
      <c r="B2332">
        <v>0.16</v>
      </c>
      <c r="C2332">
        <v>0.49</v>
      </c>
      <c r="D2332">
        <f t="shared" si="38"/>
        <v>3</v>
      </c>
    </row>
    <row r="2333" spans="1:4" x14ac:dyDescent="0.25">
      <c r="A2333" t="s">
        <v>16</v>
      </c>
      <c r="B2333">
        <v>0.87</v>
      </c>
      <c r="C2333">
        <v>0.41</v>
      </c>
      <c r="D2333">
        <f t="shared" si="38"/>
        <v>3</v>
      </c>
    </row>
    <row r="2334" spans="1:4" x14ac:dyDescent="0.25">
      <c r="A2334" t="s">
        <v>30</v>
      </c>
      <c r="B2334">
        <v>0.46</v>
      </c>
      <c r="C2334">
        <v>0.54</v>
      </c>
      <c r="D2334">
        <f t="shared" si="38"/>
        <v>3</v>
      </c>
    </row>
    <row r="2335" spans="1:4" x14ac:dyDescent="0.25">
      <c r="A2335" t="s">
        <v>25</v>
      </c>
      <c r="B2335">
        <v>0.06</v>
      </c>
      <c r="C2335">
        <v>0.86</v>
      </c>
      <c r="D2335">
        <f t="shared" si="38"/>
        <v>3</v>
      </c>
    </row>
    <row r="2336" spans="1:4" x14ac:dyDescent="0.25">
      <c r="A2336" t="s">
        <v>7</v>
      </c>
      <c r="B2336">
        <v>0.94</v>
      </c>
      <c r="C2336">
        <v>0.81</v>
      </c>
      <c r="D2336">
        <f t="shared" si="38"/>
        <v>1</v>
      </c>
    </row>
    <row r="2337" spans="1:4" x14ac:dyDescent="0.25">
      <c r="A2337" t="s">
        <v>9</v>
      </c>
      <c r="B2337">
        <v>0.97</v>
      </c>
      <c r="C2337">
        <v>0.28999999999999998</v>
      </c>
      <c r="D2337">
        <f t="shared" si="38"/>
        <v>3</v>
      </c>
    </row>
    <row r="2338" spans="1:4" x14ac:dyDescent="0.25">
      <c r="A2338" t="s">
        <v>23</v>
      </c>
      <c r="B2338">
        <v>0.21</v>
      </c>
      <c r="C2338">
        <v>0.64</v>
      </c>
      <c r="D2338">
        <f t="shared" si="38"/>
        <v>1</v>
      </c>
    </row>
    <row r="2339" spans="1:4" x14ac:dyDescent="0.25">
      <c r="A2339" t="s">
        <v>17</v>
      </c>
      <c r="B2339">
        <v>0.43</v>
      </c>
      <c r="C2339">
        <v>0.09</v>
      </c>
      <c r="D2339">
        <f t="shared" si="38"/>
        <v>3</v>
      </c>
    </row>
    <row r="2340" spans="1:4" x14ac:dyDescent="0.25">
      <c r="A2340" t="s">
        <v>27</v>
      </c>
      <c r="B2340">
        <v>0.38</v>
      </c>
      <c r="C2340">
        <v>0.88</v>
      </c>
      <c r="D2340">
        <f t="shared" si="38"/>
        <v>3</v>
      </c>
    </row>
    <row r="2341" spans="1:4" x14ac:dyDescent="0.25">
      <c r="A2341" t="s">
        <v>29</v>
      </c>
      <c r="B2341">
        <v>0.89</v>
      </c>
      <c r="C2341">
        <v>0.19</v>
      </c>
      <c r="D2341">
        <f t="shared" si="38"/>
        <v>1</v>
      </c>
    </row>
    <row r="2342" spans="1:4" x14ac:dyDescent="0.25">
      <c r="A2342" t="s">
        <v>18</v>
      </c>
      <c r="B2342">
        <v>0.61</v>
      </c>
      <c r="C2342">
        <v>0.61</v>
      </c>
      <c r="D2342">
        <f t="shared" si="38"/>
        <v>1</v>
      </c>
    </row>
    <row r="2343" spans="1:4" x14ac:dyDescent="0.25">
      <c r="A2343" t="s">
        <v>27</v>
      </c>
      <c r="B2343">
        <v>0.57999999999999996</v>
      </c>
      <c r="C2343">
        <v>0.89</v>
      </c>
      <c r="D2343">
        <f t="shared" si="38"/>
        <v>3</v>
      </c>
    </row>
    <row r="2344" spans="1:4" x14ac:dyDescent="0.25">
      <c r="A2344" t="s">
        <v>19</v>
      </c>
      <c r="B2344">
        <v>0.91</v>
      </c>
      <c r="C2344">
        <v>0.84</v>
      </c>
      <c r="D2344">
        <f t="shared" si="38"/>
        <v>3</v>
      </c>
    </row>
    <row r="2345" spans="1:4" x14ac:dyDescent="0.25">
      <c r="A2345" t="s">
        <v>9</v>
      </c>
      <c r="B2345">
        <v>0.88</v>
      </c>
      <c r="C2345">
        <v>0.21</v>
      </c>
      <c r="D2345">
        <f t="shared" si="38"/>
        <v>3</v>
      </c>
    </row>
    <row r="2346" spans="1:4" x14ac:dyDescent="0.25">
      <c r="A2346" t="s">
        <v>29</v>
      </c>
      <c r="B2346">
        <v>0.42</v>
      </c>
      <c r="C2346">
        <v>0.22</v>
      </c>
      <c r="D2346">
        <f t="shared" si="38"/>
        <v>1</v>
      </c>
    </row>
    <row r="2347" spans="1:4" x14ac:dyDescent="0.25">
      <c r="A2347" t="s">
        <v>11</v>
      </c>
      <c r="B2347">
        <v>0.63</v>
      </c>
      <c r="C2347">
        <v>0.81</v>
      </c>
      <c r="D2347">
        <f t="shared" si="38"/>
        <v>1</v>
      </c>
    </row>
    <row r="2348" spans="1:4" x14ac:dyDescent="0.25">
      <c r="A2348" t="s">
        <v>27</v>
      </c>
      <c r="B2348">
        <v>0.25</v>
      </c>
      <c r="C2348">
        <v>0.89</v>
      </c>
      <c r="D2348">
        <f t="shared" si="38"/>
        <v>3</v>
      </c>
    </row>
    <row r="2349" spans="1:4" x14ac:dyDescent="0.25">
      <c r="A2349" t="s">
        <v>19</v>
      </c>
      <c r="B2349">
        <v>0.39</v>
      </c>
      <c r="C2349">
        <v>0.93</v>
      </c>
      <c r="D2349">
        <f t="shared" si="38"/>
        <v>3</v>
      </c>
    </row>
    <row r="2350" spans="1:4" x14ac:dyDescent="0.25">
      <c r="A2350" t="s">
        <v>19</v>
      </c>
      <c r="B2350">
        <v>0.32</v>
      </c>
      <c r="C2350">
        <v>0.89</v>
      </c>
      <c r="D2350">
        <f t="shared" si="38"/>
        <v>3</v>
      </c>
    </row>
    <row r="2351" spans="1:4" x14ac:dyDescent="0.25">
      <c r="A2351" t="s">
        <v>9</v>
      </c>
      <c r="B2351">
        <v>0.63</v>
      </c>
      <c r="C2351">
        <v>0.12</v>
      </c>
      <c r="D2351">
        <f t="shared" si="38"/>
        <v>3</v>
      </c>
    </row>
    <row r="2352" spans="1:4" x14ac:dyDescent="0.25">
      <c r="A2352" t="s">
        <v>23</v>
      </c>
      <c r="B2352">
        <v>0.71</v>
      </c>
      <c r="C2352">
        <v>0.33</v>
      </c>
      <c r="D2352">
        <f t="shared" si="38"/>
        <v>1</v>
      </c>
    </row>
    <row r="2353" spans="1:4" x14ac:dyDescent="0.25">
      <c r="A2353" t="s">
        <v>30</v>
      </c>
      <c r="B2353">
        <v>0.93</v>
      </c>
      <c r="C2353">
        <v>0.32</v>
      </c>
      <c r="D2353">
        <f t="shared" si="38"/>
        <v>3</v>
      </c>
    </row>
    <row r="2354" spans="1:4" x14ac:dyDescent="0.25">
      <c r="A2354" t="s">
        <v>20</v>
      </c>
      <c r="B2354">
        <v>0.47</v>
      </c>
      <c r="C2354">
        <v>0.35</v>
      </c>
      <c r="D2354">
        <f t="shared" si="38"/>
        <v>3</v>
      </c>
    </row>
    <row r="2355" spans="1:4" x14ac:dyDescent="0.25">
      <c r="A2355" t="s">
        <v>28</v>
      </c>
      <c r="B2355">
        <v>0.56000000000000005</v>
      </c>
      <c r="C2355">
        <v>0.53</v>
      </c>
      <c r="D2355">
        <f t="shared" si="38"/>
        <v>3</v>
      </c>
    </row>
    <row r="2356" spans="1:4" x14ac:dyDescent="0.25">
      <c r="A2356" t="s">
        <v>22</v>
      </c>
      <c r="B2356">
        <v>0.65</v>
      </c>
      <c r="C2356">
        <v>0.61</v>
      </c>
      <c r="D2356">
        <f t="shared" si="38"/>
        <v>1</v>
      </c>
    </row>
    <row r="2357" spans="1:4" x14ac:dyDescent="0.25">
      <c r="A2357" t="s">
        <v>17</v>
      </c>
      <c r="B2357">
        <v>0.61</v>
      </c>
      <c r="C2357">
        <v>0.2</v>
      </c>
      <c r="D2357">
        <f t="shared" si="38"/>
        <v>3</v>
      </c>
    </row>
    <row r="2358" spans="1:4" x14ac:dyDescent="0.25">
      <c r="A2358" t="s">
        <v>15</v>
      </c>
      <c r="B2358">
        <v>0.18</v>
      </c>
      <c r="C2358">
        <v>0.06</v>
      </c>
      <c r="D2358">
        <f t="shared" si="38"/>
        <v>3</v>
      </c>
    </row>
    <row r="2359" spans="1:4" x14ac:dyDescent="0.25">
      <c r="A2359" t="s">
        <v>18</v>
      </c>
      <c r="B2359">
        <v>0.1</v>
      </c>
      <c r="C2359">
        <v>0.36</v>
      </c>
      <c r="D2359">
        <f t="shared" si="38"/>
        <v>1</v>
      </c>
    </row>
    <row r="2360" spans="1:4" x14ac:dyDescent="0.25">
      <c r="A2360" t="s">
        <v>14</v>
      </c>
      <c r="B2360">
        <v>0.69</v>
      </c>
      <c r="C2360">
        <v>0.42</v>
      </c>
      <c r="D2360">
        <f t="shared" si="38"/>
        <v>3</v>
      </c>
    </row>
    <row r="2361" spans="1:4" x14ac:dyDescent="0.25">
      <c r="A2361" t="s">
        <v>16</v>
      </c>
      <c r="B2361">
        <v>0.71</v>
      </c>
      <c r="C2361">
        <v>0.34</v>
      </c>
      <c r="D2361">
        <f t="shared" si="38"/>
        <v>3</v>
      </c>
    </row>
    <row r="2362" spans="1:4" x14ac:dyDescent="0.25">
      <c r="A2362" t="s">
        <v>20</v>
      </c>
      <c r="B2362">
        <v>0.21</v>
      </c>
      <c r="C2362">
        <v>0.36</v>
      </c>
      <c r="D2362">
        <f t="shared" si="38"/>
        <v>3</v>
      </c>
    </row>
    <row r="2363" spans="1:4" x14ac:dyDescent="0.25">
      <c r="A2363" t="s">
        <v>13</v>
      </c>
      <c r="B2363">
        <v>0.31</v>
      </c>
      <c r="C2363">
        <v>0.34</v>
      </c>
      <c r="D2363">
        <f t="shared" si="38"/>
        <v>3</v>
      </c>
    </row>
    <row r="2364" spans="1:4" x14ac:dyDescent="0.25">
      <c r="A2364" t="s">
        <v>26</v>
      </c>
      <c r="B2364">
        <v>0.4</v>
      </c>
      <c r="C2364">
        <v>0.25</v>
      </c>
      <c r="D2364">
        <f t="shared" si="38"/>
        <v>3</v>
      </c>
    </row>
    <row r="2365" spans="1:4" x14ac:dyDescent="0.25">
      <c r="A2365" t="s">
        <v>23</v>
      </c>
      <c r="B2365">
        <v>0.42</v>
      </c>
      <c r="C2365">
        <v>0.34</v>
      </c>
      <c r="D2365">
        <f t="shared" si="38"/>
        <v>1</v>
      </c>
    </row>
    <row r="2366" spans="1:4" x14ac:dyDescent="0.25">
      <c r="A2366" t="s">
        <v>17</v>
      </c>
      <c r="B2366">
        <v>0.19</v>
      </c>
      <c r="C2366">
        <v>0.3</v>
      </c>
      <c r="D2366">
        <f t="shared" si="38"/>
        <v>3</v>
      </c>
    </row>
    <row r="2367" spans="1:4" x14ac:dyDescent="0.25">
      <c r="A2367" t="s">
        <v>27</v>
      </c>
      <c r="B2367">
        <v>0.45</v>
      </c>
      <c r="C2367">
        <v>0.82</v>
      </c>
      <c r="D2367">
        <f t="shared" si="38"/>
        <v>3</v>
      </c>
    </row>
    <row r="2368" spans="1:4" x14ac:dyDescent="0.25">
      <c r="A2368" t="s">
        <v>16</v>
      </c>
      <c r="B2368">
        <v>0.51</v>
      </c>
      <c r="C2368">
        <v>0.43</v>
      </c>
      <c r="D2368">
        <f t="shared" si="38"/>
        <v>3</v>
      </c>
    </row>
    <row r="2369" spans="1:4" x14ac:dyDescent="0.25">
      <c r="A2369" t="s">
        <v>11</v>
      </c>
      <c r="B2369">
        <v>0.55000000000000004</v>
      </c>
      <c r="C2369">
        <v>0.73</v>
      </c>
      <c r="D2369">
        <f t="shared" si="38"/>
        <v>1</v>
      </c>
    </row>
    <row r="2370" spans="1:4" x14ac:dyDescent="0.25">
      <c r="A2370" t="s">
        <v>18</v>
      </c>
      <c r="B2370">
        <v>7.0000000000000007E-2</v>
      </c>
      <c r="C2370">
        <v>0.67</v>
      </c>
      <c r="D2370">
        <f t="shared" si="38"/>
        <v>1</v>
      </c>
    </row>
    <row r="2371" spans="1:4" x14ac:dyDescent="0.25">
      <c r="A2371" t="s">
        <v>13</v>
      </c>
      <c r="B2371">
        <v>0.59</v>
      </c>
      <c r="C2371">
        <v>0.54</v>
      </c>
      <c r="D2371">
        <f t="shared" ref="D2371:D2434" si="39">VLOOKUP(A2371,$G$2:$H$21,2)</f>
        <v>3</v>
      </c>
    </row>
    <row r="2372" spans="1:4" x14ac:dyDescent="0.25">
      <c r="A2372" t="s">
        <v>7</v>
      </c>
      <c r="B2372">
        <v>0.93</v>
      </c>
      <c r="C2372">
        <v>0.71</v>
      </c>
      <c r="D2372">
        <f t="shared" si="39"/>
        <v>1</v>
      </c>
    </row>
    <row r="2373" spans="1:4" x14ac:dyDescent="0.25">
      <c r="A2373" t="s">
        <v>15</v>
      </c>
      <c r="B2373">
        <v>0.32</v>
      </c>
      <c r="C2373">
        <v>0.09</v>
      </c>
      <c r="D2373">
        <f t="shared" si="39"/>
        <v>3</v>
      </c>
    </row>
    <row r="2374" spans="1:4" x14ac:dyDescent="0.25">
      <c r="A2374" t="s">
        <v>28</v>
      </c>
      <c r="B2374">
        <v>0.72</v>
      </c>
      <c r="C2374">
        <v>0.37</v>
      </c>
      <c r="D2374">
        <f t="shared" si="39"/>
        <v>3</v>
      </c>
    </row>
    <row r="2375" spans="1:4" x14ac:dyDescent="0.25">
      <c r="A2375" t="s">
        <v>22</v>
      </c>
      <c r="B2375">
        <v>0.56999999999999995</v>
      </c>
      <c r="C2375">
        <v>0.69</v>
      </c>
      <c r="D2375">
        <f t="shared" si="39"/>
        <v>1</v>
      </c>
    </row>
    <row r="2376" spans="1:4" x14ac:dyDescent="0.25">
      <c r="A2376" t="s">
        <v>16</v>
      </c>
      <c r="B2376">
        <v>0.52</v>
      </c>
      <c r="C2376">
        <v>0.37</v>
      </c>
      <c r="D2376">
        <f t="shared" si="39"/>
        <v>3</v>
      </c>
    </row>
    <row r="2377" spans="1:4" x14ac:dyDescent="0.25">
      <c r="A2377" t="s">
        <v>26</v>
      </c>
      <c r="B2377">
        <v>0.56999999999999995</v>
      </c>
      <c r="C2377">
        <v>0.26</v>
      </c>
      <c r="D2377">
        <f t="shared" si="39"/>
        <v>3</v>
      </c>
    </row>
    <row r="2378" spans="1:4" x14ac:dyDescent="0.25">
      <c r="A2378" t="s">
        <v>25</v>
      </c>
      <c r="B2378">
        <v>0.54</v>
      </c>
      <c r="C2378">
        <v>0.95</v>
      </c>
      <c r="D2378">
        <f t="shared" si="39"/>
        <v>3</v>
      </c>
    </row>
    <row r="2379" spans="1:4" x14ac:dyDescent="0.25">
      <c r="A2379" t="s">
        <v>17</v>
      </c>
      <c r="B2379">
        <v>0.56999999999999995</v>
      </c>
      <c r="C2379">
        <v>0.15</v>
      </c>
      <c r="D2379">
        <f t="shared" si="39"/>
        <v>3</v>
      </c>
    </row>
    <row r="2380" spans="1:4" x14ac:dyDescent="0.25">
      <c r="A2380" t="s">
        <v>20</v>
      </c>
      <c r="B2380">
        <v>0.79</v>
      </c>
      <c r="C2380">
        <v>0.44</v>
      </c>
      <c r="D2380">
        <f t="shared" si="39"/>
        <v>3</v>
      </c>
    </row>
    <row r="2381" spans="1:4" x14ac:dyDescent="0.25">
      <c r="A2381" t="s">
        <v>23</v>
      </c>
      <c r="B2381">
        <v>0.33</v>
      </c>
      <c r="C2381">
        <v>0.68</v>
      </c>
      <c r="D2381">
        <f t="shared" si="39"/>
        <v>1</v>
      </c>
    </row>
    <row r="2382" spans="1:4" x14ac:dyDescent="0.25">
      <c r="A2382" t="s">
        <v>11</v>
      </c>
      <c r="B2382">
        <v>0.47</v>
      </c>
      <c r="C2382">
        <v>0.8</v>
      </c>
      <c r="D2382">
        <f t="shared" si="39"/>
        <v>1</v>
      </c>
    </row>
    <row r="2383" spans="1:4" x14ac:dyDescent="0.25">
      <c r="A2383" t="s">
        <v>30</v>
      </c>
      <c r="B2383">
        <v>0.34</v>
      </c>
      <c r="C2383">
        <v>0.66</v>
      </c>
      <c r="D2383">
        <f t="shared" si="39"/>
        <v>3</v>
      </c>
    </row>
    <row r="2384" spans="1:4" x14ac:dyDescent="0.25">
      <c r="A2384" t="s">
        <v>17</v>
      </c>
      <c r="B2384">
        <v>0.39</v>
      </c>
      <c r="C2384">
        <v>0.11</v>
      </c>
      <c r="D2384">
        <f t="shared" si="39"/>
        <v>3</v>
      </c>
    </row>
    <row r="2385" spans="1:4" x14ac:dyDescent="0.25">
      <c r="A2385" t="s">
        <v>19</v>
      </c>
      <c r="B2385">
        <v>0.56000000000000005</v>
      </c>
      <c r="C2385">
        <v>0.84</v>
      </c>
      <c r="D2385">
        <f t="shared" si="39"/>
        <v>3</v>
      </c>
    </row>
    <row r="2386" spans="1:4" x14ac:dyDescent="0.25">
      <c r="A2386" t="s">
        <v>20</v>
      </c>
      <c r="B2386">
        <v>0.85</v>
      </c>
      <c r="C2386">
        <v>0.44</v>
      </c>
      <c r="D2386">
        <f t="shared" si="39"/>
        <v>3</v>
      </c>
    </row>
    <row r="2387" spans="1:4" x14ac:dyDescent="0.25">
      <c r="A2387" t="s">
        <v>30</v>
      </c>
      <c r="B2387">
        <v>0.87</v>
      </c>
      <c r="C2387">
        <v>0.31</v>
      </c>
      <c r="D2387">
        <f t="shared" si="39"/>
        <v>3</v>
      </c>
    </row>
    <row r="2388" spans="1:4" x14ac:dyDescent="0.25">
      <c r="A2388" t="s">
        <v>16</v>
      </c>
      <c r="B2388">
        <v>0.24</v>
      </c>
      <c r="C2388">
        <v>0.35</v>
      </c>
      <c r="D2388">
        <f t="shared" si="39"/>
        <v>3</v>
      </c>
    </row>
    <row r="2389" spans="1:4" x14ac:dyDescent="0.25">
      <c r="A2389" t="s">
        <v>29</v>
      </c>
      <c r="B2389">
        <v>0.28999999999999998</v>
      </c>
      <c r="C2389">
        <v>0.14000000000000001</v>
      </c>
      <c r="D2389">
        <f t="shared" si="39"/>
        <v>1</v>
      </c>
    </row>
    <row r="2390" spans="1:4" x14ac:dyDescent="0.25">
      <c r="A2390" t="s">
        <v>13</v>
      </c>
      <c r="B2390">
        <v>0.86</v>
      </c>
      <c r="C2390">
        <v>0.5</v>
      </c>
      <c r="D2390">
        <f t="shared" si="39"/>
        <v>3</v>
      </c>
    </row>
    <row r="2391" spans="1:4" x14ac:dyDescent="0.25">
      <c r="A2391" t="s">
        <v>11</v>
      </c>
      <c r="B2391">
        <v>0.14000000000000001</v>
      </c>
      <c r="C2391">
        <v>0.77</v>
      </c>
      <c r="D2391">
        <f t="shared" si="39"/>
        <v>1</v>
      </c>
    </row>
    <row r="2392" spans="1:4" x14ac:dyDescent="0.25">
      <c r="A2392" t="s">
        <v>7</v>
      </c>
      <c r="B2392">
        <v>0.68</v>
      </c>
      <c r="C2392">
        <v>0.87</v>
      </c>
      <c r="D2392">
        <f t="shared" si="39"/>
        <v>1</v>
      </c>
    </row>
    <row r="2393" spans="1:4" x14ac:dyDescent="0.25">
      <c r="A2393" t="s">
        <v>11</v>
      </c>
      <c r="B2393">
        <v>0.37</v>
      </c>
      <c r="C2393">
        <v>0.79</v>
      </c>
      <c r="D2393">
        <f t="shared" si="39"/>
        <v>1</v>
      </c>
    </row>
    <row r="2394" spans="1:4" x14ac:dyDescent="0.25">
      <c r="A2394" t="s">
        <v>17</v>
      </c>
      <c r="B2394">
        <v>0.46</v>
      </c>
      <c r="C2394">
        <v>0.14000000000000001</v>
      </c>
      <c r="D2394">
        <f t="shared" si="39"/>
        <v>3</v>
      </c>
    </row>
    <row r="2395" spans="1:4" x14ac:dyDescent="0.25">
      <c r="A2395" t="s">
        <v>15</v>
      </c>
      <c r="B2395">
        <v>0.76</v>
      </c>
      <c r="C2395">
        <v>0.18</v>
      </c>
      <c r="D2395">
        <f t="shared" si="39"/>
        <v>3</v>
      </c>
    </row>
    <row r="2396" spans="1:4" x14ac:dyDescent="0.25">
      <c r="A2396" t="s">
        <v>27</v>
      </c>
      <c r="B2396">
        <v>0.48</v>
      </c>
      <c r="C2396">
        <v>0.94</v>
      </c>
      <c r="D2396">
        <f t="shared" si="39"/>
        <v>3</v>
      </c>
    </row>
    <row r="2397" spans="1:4" x14ac:dyDescent="0.25">
      <c r="A2397" t="s">
        <v>13</v>
      </c>
      <c r="B2397">
        <v>0.04</v>
      </c>
      <c r="C2397">
        <v>0.56000000000000005</v>
      </c>
      <c r="D2397">
        <f t="shared" si="39"/>
        <v>3</v>
      </c>
    </row>
    <row r="2398" spans="1:4" x14ac:dyDescent="0.25">
      <c r="A2398" t="s">
        <v>19</v>
      </c>
      <c r="B2398">
        <v>0.59</v>
      </c>
      <c r="C2398">
        <v>0.77</v>
      </c>
      <c r="D2398">
        <f t="shared" si="39"/>
        <v>3</v>
      </c>
    </row>
    <row r="2399" spans="1:4" x14ac:dyDescent="0.25">
      <c r="A2399" t="s">
        <v>25</v>
      </c>
      <c r="B2399">
        <v>0.3</v>
      </c>
      <c r="C2399">
        <v>0.88</v>
      </c>
      <c r="D2399">
        <f t="shared" si="39"/>
        <v>3</v>
      </c>
    </row>
    <row r="2400" spans="1:4" x14ac:dyDescent="0.25">
      <c r="A2400" t="s">
        <v>27</v>
      </c>
      <c r="B2400">
        <v>0.31</v>
      </c>
      <c r="C2400">
        <v>0.72</v>
      </c>
      <c r="D2400">
        <f t="shared" si="39"/>
        <v>3</v>
      </c>
    </row>
    <row r="2401" spans="1:4" x14ac:dyDescent="0.25">
      <c r="A2401" t="s">
        <v>30</v>
      </c>
      <c r="B2401">
        <v>0.01</v>
      </c>
      <c r="C2401">
        <v>0.52</v>
      </c>
      <c r="D2401">
        <f t="shared" si="39"/>
        <v>3</v>
      </c>
    </row>
    <row r="2402" spans="1:4" x14ac:dyDescent="0.25">
      <c r="A2402" t="s">
        <v>30</v>
      </c>
      <c r="B2402">
        <v>0.13</v>
      </c>
      <c r="C2402">
        <v>0.7</v>
      </c>
      <c r="D2402">
        <f t="shared" si="39"/>
        <v>3</v>
      </c>
    </row>
    <row r="2403" spans="1:4" x14ac:dyDescent="0.25">
      <c r="A2403" t="s">
        <v>20</v>
      </c>
      <c r="B2403">
        <v>0.98</v>
      </c>
      <c r="C2403">
        <v>0.5</v>
      </c>
      <c r="D2403">
        <f t="shared" si="39"/>
        <v>3</v>
      </c>
    </row>
    <row r="2404" spans="1:4" x14ac:dyDescent="0.25">
      <c r="A2404" t="s">
        <v>27</v>
      </c>
      <c r="B2404">
        <v>0.83</v>
      </c>
      <c r="C2404">
        <v>0.72</v>
      </c>
      <c r="D2404">
        <f t="shared" si="39"/>
        <v>3</v>
      </c>
    </row>
    <row r="2405" spans="1:4" x14ac:dyDescent="0.25">
      <c r="A2405" t="s">
        <v>14</v>
      </c>
      <c r="B2405">
        <v>0.63</v>
      </c>
      <c r="C2405">
        <v>0.37</v>
      </c>
      <c r="D2405">
        <f t="shared" si="39"/>
        <v>3</v>
      </c>
    </row>
    <row r="2406" spans="1:4" x14ac:dyDescent="0.25">
      <c r="A2406" t="s">
        <v>23</v>
      </c>
      <c r="B2406">
        <v>0.64</v>
      </c>
      <c r="C2406">
        <v>0.42</v>
      </c>
      <c r="D2406">
        <f t="shared" si="39"/>
        <v>1</v>
      </c>
    </row>
    <row r="2407" spans="1:4" x14ac:dyDescent="0.25">
      <c r="A2407" t="s">
        <v>30</v>
      </c>
      <c r="B2407">
        <v>0.11</v>
      </c>
      <c r="C2407">
        <v>0.4</v>
      </c>
      <c r="D2407">
        <f t="shared" si="39"/>
        <v>3</v>
      </c>
    </row>
    <row r="2408" spans="1:4" x14ac:dyDescent="0.25">
      <c r="A2408" t="s">
        <v>13</v>
      </c>
      <c r="B2408">
        <v>0.26</v>
      </c>
      <c r="C2408">
        <v>0.52</v>
      </c>
      <c r="D2408">
        <f t="shared" si="39"/>
        <v>3</v>
      </c>
    </row>
    <row r="2409" spans="1:4" x14ac:dyDescent="0.25">
      <c r="A2409" t="s">
        <v>14</v>
      </c>
      <c r="B2409">
        <v>0.65</v>
      </c>
      <c r="C2409">
        <v>0.43</v>
      </c>
      <c r="D2409">
        <f t="shared" si="39"/>
        <v>3</v>
      </c>
    </row>
    <row r="2410" spans="1:4" x14ac:dyDescent="0.25">
      <c r="A2410" t="s">
        <v>17</v>
      </c>
      <c r="B2410">
        <v>7.0000000000000007E-2</v>
      </c>
      <c r="C2410">
        <v>0.22</v>
      </c>
      <c r="D2410">
        <f t="shared" si="39"/>
        <v>3</v>
      </c>
    </row>
    <row r="2411" spans="1:4" x14ac:dyDescent="0.25">
      <c r="A2411" t="s">
        <v>17</v>
      </c>
      <c r="B2411">
        <v>0.91</v>
      </c>
      <c r="C2411">
        <v>0.22</v>
      </c>
      <c r="D2411">
        <f t="shared" si="39"/>
        <v>3</v>
      </c>
    </row>
    <row r="2412" spans="1:4" x14ac:dyDescent="0.25">
      <c r="A2412" t="s">
        <v>21</v>
      </c>
      <c r="B2412">
        <v>0.73</v>
      </c>
      <c r="C2412">
        <v>0.48</v>
      </c>
      <c r="D2412">
        <f t="shared" si="39"/>
        <v>2</v>
      </c>
    </row>
    <row r="2413" spans="1:4" x14ac:dyDescent="0.25">
      <c r="A2413" t="s">
        <v>14</v>
      </c>
      <c r="B2413">
        <v>0.17</v>
      </c>
      <c r="C2413">
        <v>0.4</v>
      </c>
      <c r="D2413">
        <f t="shared" si="39"/>
        <v>3</v>
      </c>
    </row>
    <row r="2414" spans="1:4" x14ac:dyDescent="0.25">
      <c r="A2414" t="s">
        <v>21</v>
      </c>
      <c r="B2414">
        <v>0.2</v>
      </c>
      <c r="C2414">
        <v>0.52</v>
      </c>
      <c r="D2414">
        <f t="shared" si="39"/>
        <v>2</v>
      </c>
    </row>
    <row r="2415" spans="1:4" x14ac:dyDescent="0.25">
      <c r="A2415" t="s">
        <v>18</v>
      </c>
      <c r="B2415">
        <v>0.52</v>
      </c>
      <c r="C2415">
        <v>0.35</v>
      </c>
      <c r="D2415">
        <f t="shared" si="39"/>
        <v>1</v>
      </c>
    </row>
    <row r="2416" spans="1:4" x14ac:dyDescent="0.25">
      <c r="A2416" t="s">
        <v>14</v>
      </c>
      <c r="B2416">
        <v>0.19</v>
      </c>
      <c r="C2416">
        <v>0.34</v>
      </c>
      <c r="D2416">
        <f t="shared" si="39"/>
        <v>3</v>
      </c>
    </row>
    <row r="2417" spans="1:4" x14ac:dyDescent="0.25">
      <c r="A2417" t="s">
        <v>11</v>
      </c>
      <c r="B2417">
        <v>1</v>
      </c>
      <c r="C2417">
        <v>0.74</v>
      </c>
      <c r="D2417">
        <f t="shared" si="39"/>
        <v>1</v>
      </c>
    </row>
    <row r="2418" spans="1:4" x14ac:dyDescent="0.25">
      <c r="A2418" t="s">
        <v>20</v>
      </c>
      <c r="B2418">
        <v>0.66</v>
      </c>
      <c r="C2418">
        <v>0.69</v>
      </c>
      <c r="D2418">
        <f t="shared" si="39"/>
        <v>3</v>
      </c>
    </row>
    <row r="2419" spans="1:4" x14ac:dyDescent="0.25">
      <c r="A2419" t="s">
        <v>11</v>
      </c>
      <c r="B2419">
        <v>0</v>
      </c>
      <c r="C2419">
        <v>0.74</v>
      </c>
      <c r="D2419">
        <f t="shared" si="39"/>
        <v>1</v>
      </c>
    </row>
    <row r="2420" spans="1:4" x14ac:dyDescent="0.25">
      <c r="A2420" t="s">
        <v>16</v>
      </c>
      <c r="B2420">
        <v>0.8</v>
      </c>
      <c r="C2420">
        <v>0.36</v>
      </c>
      <c r="D2420">
        <f t="shared" si="39"/>
        <v>3</v>
      </c>
    </row>
    <row r="2421" spans="1:4" x14ac:dyDescent="0.25">
      <c r="A2421" t="s">
        <v>25</v>
      </c>
      <c r="B2421">
        <v>0.79</v>
      </c>
      <c r="C2421">
        <v>0.88</v>
      </c>
      <c r="D2421">
        <f t="shared" si="39"/>
        <v>3</v>
      </c>
    </row>
    <row r="2422" spans="1:4" x14ac:dyDescent="0.25">
      <c r="A2422" t="s">
        <v>29</v>
      </c>
      <c r="B2422">
        <v>0.72</v>
      </c>
      <c r="C2422">
        <v>0.24</v>
      </c>
      <c r="D2422">
        <f t="shared" si="39"/>
        <v>1</v>
      </c>
    </row>
    <row r="2423" spans="1:4" x14ac:dyDescent="0.25">
      <c r="A2423" t="s">
        <v>29</v>
      </c>
      <c r="B2423">
        <v>0.54</v>
      </c>
      <c r="C2423">
        <v>0.27</v>
      </c>
      <c r="D2423">
        <f t="shared" si="39"/>
        <v>1</v>
      </c>
    </row>
    <row r="2424" spans="1:4" x14ac:dyDescent="0.25">
      <c r="A2424" t="s">
        <v>22</v>
      </c>
      <c r="B2424">
        <v>0.49</v>
      </c>
      <c r="C2424">
        <v>0.64</v>
      </c>
      <c r="D2424">
        <f t="shared" si="39"/>
        <v>1</v>
      </c>
    </row>
    <row r="2425" spans="1:4" x14ac:dyDescent="0.25">
      <c r="A2425" t="s">
        <v>9</v>
      </c>
      <c r="B2425">
        <v>0.23</v>
      </c>
      <c r="C2425">
        <v>0.18</v>
      </c>
      <c r="D2425">
        <f t="shared" si="39"/>
        <v>3</v>
      </c>
    </row>
    <row r="2426" spans="1:4" x14ac:dyDescent="0.25">
      <c r="A2426" t="s">
        <v>16</v>
      </c>
      <c r="B2426">
        <v>0.23</v>
      </c>
      <c r="C2426">
        <v>0.51</v>
      </c>
      <c r="D2426">
        <f t="shared" si="39"/>
        <v>3</v>
      </c>
    </row>
    <row r="2427" spans="1:4" x14ac:dyDescent="0.25">
      <c r="A2427" t="s">
        <v>20</v>
      </c>
      <c r="B2427">
        <v>0.81</v>
      </c>
      <c r="C2427">
        <v>0.4</v>
      </c>
      <c r="D2427">
        <f t="shared" si="39"/>
        <v>3</v>
      </c>
    </row>
    <row r="2428" spans="1:4" x14ac:dyDescent="0.25">
      <c r="A2428" t="s">
        <v>28</v>
      </c>
      <c r="B2428">
        <v>0.61</v>
      </c>
      <c r="C2428">
        <v>0.35</v>
      </c>
      <c r="D2428">
        <f t="shared" si="39"/>
        <v>3</v>
      </c>
    </row>
    <row r="2429" spans="1:4" x14ac:dyDescent="0.25">
      <c r="A2429" t="s">
        <v>27</v>
      </c>
      <c r="B2429">
        <v>0.49</v>
      </c>
      <c r="C2429">
        <v>0.82</v>
      </c>
      <c r="D2429">
        <f t="shared" si="39"/>
        <v>3</v>
      </c>
    </row>
    <row r="2430" spans="1:4" x14ac:dyDescent="0.25">
      <c r="A2430" t="s">
        <v>29</v>
      </c>
      <c r="B2430">
        <v>0.59</v>
      </c>
      <c r="C2430">
        <v>0.13</v>
      </c>
      <c r="D2430">
        <f t="shared" si="39"/>
        <v>1</v>
      </c>
    </row>
    <row r="2431" spans="1:4" x14ac:dyDescent="0.25">
      <c r="A2431" t="s">
        <v>30</v>
      </c>
      <c r="B2431">
        <v>0.93</v>
      </c>
      <c r="C2431">
        <v>0.66</v>
      </c>
      <c r="D2431">
        <f t="shared" si="39"/>
        <v>3</v>
      </c>
    </row>
    <row r="2432" spans="1:4" x14ac:dyDescent="0.25">
      <c r="A2432" t="s">
        <v>11</v>
      </c>
      <c r="B2432">
        <v>0.03</v>
      </c>
      <c r="C2432">
        <v>0.71</v>
      </c>
      <c r="D2432">
        <f t="shared" si="39"/>
        <v>1</v>
      </c>
    </row>
    <row r="2433" spans="1:4" x14ac:dyDescent="0.25">
      <c r="A2433" t="s">
        <v>14</v>
      </c>
      <c r="B2433">
        <v>0.14000000000000001</v>
      </c>
      <c r="C2433">
        <v>0.48</v>
      </c>
      <c r="D2433">
        <f t="shared" si="39"/>
        <v>3</v>
      </c>
    </row>
    <row r="2434" spans="1:4" x14ac:dyDescent="0.25">
      <c r="A2434" t="s">
        <v>20</v>
      </c>
      <c r="B2434">
        <v>0.28999999999999998</v>
      </c>
      <c r="C2434">
        <v>0.5</v>
      </c>
      <c r="D2434">
        <f t="shared" si="39"/>
        <v>3</v>
      </c>
    </row>
    <row r="2435" spans="1:4" x14ac:dyDescent="0.25">
      <c r="A2435" t="s">
        <v>7</v>
      </c>
      <c r="B2435">
        <v>0.82</v>
      </c>
      <c r="C2435">
        <v>0.74</v>
      </c>
      <c r="D2435">
        <f t="shared" ref="D2435:D2498" si="40">VLOOKUP(A2435,$G$2:$H$21,2)</f>
        <v>1</v>
      </c>
    </row>
    <row r="2436" spans="1:4" x14ac:dyDescent="0.25">
      <c r="A2436" t="s">
        <v>19</v>
      </c>
      <c r="B2436">
        <v>0.13</v>
      </c>
      <c r="C2436">
        <v>0.76</v>
      </c>
      <c r="D2436">
        <f t="shared" si="40"/>
        <v>3</v>
      </c>
    </row>
    <row r="2437" spans="1:4" x14ac:dyDescent="0.25">
      <c r="A2437" t="s">
        <v>16</v>
      </c>
      <c r="B2437">
        <v>0.57999999999999996</v>
      </c>
      <c r="C2437">
        <v>0.33</v>
      </c>
      <c r="D2437">
        <f t="shared" si="40"/>
        <v>3</v>
      </c>
    </row>
    <row r="2438" spans="1:4" x14ac:dyDescent="0.25">
      <c r="A2438" t="s">
        <v>27</v>
      </c>
      <c r="B2438">
        <v>0.68</v>
      </c>
      <c r="C2438">
        <v>0.92</v>
      </c>
      <c r="D2438">
        <f t="shared" si="40"/>
        <v>3</v>
      </c>
    </row>
    <row r="2439" spans="1:4" x14ac:dyDescent="0.25">
      <c r="A2439" t="s">
        <v>22</v>
      </c>
      <c r="B2439">
        <v>0.68</v>
      </c>
      <c r="C2439">
        <v>0.47</v>
      </c>
      <c r="D2439">
        <f t="shared" si="40"/>
        <v>1</v>
      </c>
    </row>
    <row r="2440" spans="1:4" x14ac:dyDescent="0.25">
      <c r="A2440" t="s">
        <v>22</v>
      </c>
      <c r="B2440">
        <v>0</v>
      </c>
      <c r="C2440">
        <v>0.59</v>
      </c>
      <c r="D2440">
        <f t="shared" si="40"/>
        <v>1</v>
      </c>
    </row>
    <row r="2441" spans="1:4" x14ac:dyDescent="0.25">
      <c r="A2441" t="s">
        <v>26</v>
      </c>
      <c r="B2441">
        <v>0.63</v>
      </c>
      <c r="C2441">
        <v>0.27</v>
      </c>
      <c r="D2441">
        <f t="shared" si="40"/>
        <v>3</v>
      </c>
    </row>
    <row r="2442" spans="1:4" x14ac:dyDescent="0.25">
      <c r="A2442" t="s">
        <v>14</v>
      </c>
      <c r="B2442">
        <v>0.23</v>
      </c>
      <c r="C2442">
        <v>0.48</v>
      </c>
      <c r="D2442">
        <f t="shared" si="40"/>
        <v>3</v>
      </c>
    </row>
    <row r="2443" spans="1:4" x14ac:dyDescent="0.25">
      <c r="A2443" t="s">
        <v>13</v>
      </c>
      <c r="B2443">
        <v>0.8</v>
      </c>
      <c r="C2443">
        <v>0.47</v>
      </c>
      <c r="D2443">
        <f t="shared" si="40"/>
        <v>3</v>
      </c>
    </row>
    <row r="2444" spans="1:4" x14ac:dyDescent="0.25">
      <c r="A2444" t="s">
        <v>11</v>
      </c>
      <c r="B2444">
        <v>0.01</v>
      </c>
      <c r="C2444">
        <v>0.78</v>
      </c>
      <c r="D2444">
        <f t="shared" si="40"/>
        <v>1</v>
      </c>
    </row>
    <row r="2445" spans="1:4" x14ac:dyDescent="0.25">
      <c r="A2445" t="s">
        <v>15</v>
      </c>
      <c r="B2445">
        <v>0.88</v>
      </c>
      <c r="C2445">
        <v>0.16</v>
      </c>
      <c r="D2445">
        <f t="shared" si="40"/>
        <v>3</v>
      </c>
    </row>
    <row r="2446" spans="1:4" x14ac:dyDescent="0.25">
      <c r="A2446" t="s">
        <v>15</v>
      </c>
      <c r="B2446">
        <v>0.4</v>
      </c>
      <c r="C2446">
        <v>0.24</v>
      </c>
      <c r="D2446">
        <f t="shared" si="40"/>
        <v>3</v>
      </c>
    </row>
    <row r="2447" spans="1:4" x14ac:dyDescent="0.25">
      <c r="A2447" t="s">
        <v>14</v>
      </c>
      <c r="B2447">
        <v>0.39</v>
      </c>
      <c r="C2447">
        <v>0.66</v>
      </c>
      <c r="D2447">
        <f t="shared" si="40"/>
        <v>3</v>
      </c>
    </row>
    <row r="2448" spans="1:4" x14ac:dyDescent="0.25">
      <c r="A2448" t="s">
        <v>22</v>
      </c>
      <c r="B2448">
        <v>0.51</v>
      </c>
      <c r="C2448">
        <v>0.62</v>
      </c>
      <c r="D2448">
        <f t="shared" si="40"/>
        <v>1</v>
      </c>
    </row>
    <row r="2449" spans="1:4" x14ac:dyDescent="0.25">
      <c r="A2449" t="s">
        <v>23</v>
      </c>
      <c r="B2449">
        <v>0.41</v>
      </c>
      <c r="C2449">
        <v>0.55000000000000004</v>
      </c>
      <c r="D2449">
        <f t="shared" si="40"/>
        <v>1</v>
      </c>
    </row>
    <row r="2450" spans="1:4" x14ac:dyDescent="0.25">
      <c r="A2450" t="s">
        <v>14</v>
      </c>
      <c r="B2450">
        <v>0.86</v>
      </c>
      <c r="C2450">
        <v>0.41</v>
      </c>
      <c r="D2450">
        <f t="shared" si="40"/>
        <v>3</v>
      </c>
    </row>
    <row r="2451" spans="1:4" x14ac:dyDescent="0.25">
      <c r="A2451" t="s">
        <v>21</v>
      </c>
      <c r="B2451">
        <v>0.22</v>
      </c>
      <c r="C2451">
        <v>0.32</v>
      </c>
      <c r="D2451">
        <f t="shared" si="40"/>
        <v>2</v>
      </c>
    </row>
    <row r="2452" spans="1:4" x14ac:dyDescent="0.25">
      <c r="A2452" t="s">
        <v>18</v>
      </c>
      <c r="B2452">
        <v>0.48</v>
      </c>
      <c r="C2452">
        <v>0.49</v>
      </c>
      <c r="D2452">
        <f t="shared" si="40"/>
        <v>1</v>
      </c>
    </row>
    <row r="2453" spans="1:4" x14ac:dyDescent="0.25">
      <c r="A2453" t="s">
        <v>11</v>
      </c>
      <c r="B2453">
        <v>0.57999999999999996</v>
      </c>
      <c r="C2453">
        <v>0.9</v>
      </c>
      <c r="D2453">
        <f t="shared" si="40"/>
        <v>1</v>
      </c>
    </row>
    <row r="2454" spans="1:4" x14ac:dyDescent="0.25">
      <c r="A2454" t="s">
        <v>15</v>
      </c>
      <c r="B2454">
        <v>0.21</v>
      </c>
      <c r="C2454">
        <v>0.16</v>
      </c>
      <c r="D2454">
        <f t="shared" si="40"/>
        <v>3</v>
      </c>
    </row>
    <row r="2455" spans="1:4" x14ac:dyDescent="0.25">
      <c r="A2455" t="s">
        <v>7</v>
      </c>
      <c r="B2455">
        <v>0.96</v>
      </c>
      <c r="C2455">
        <v>0.75</v>
      </c>
      <c r="D2455">
        <f t="shared" si="40"/>
        <v>1</v>
      </c>
    </row>
    <row r="2456" spans="1:4" x14ac:dyDescent="0.25">
      <c r="A2456" t="s">
        <v>17</v>
      </c>
      <c r="B2456">
        <v>0.48</v>
      </c>
      <c r="C2456">
        <v>0.1</v>
      </c>
      <c r="D2456">
        <f t="shared" si="40"/>
        <v>3</v>
      </c>
    </row>
    <row r="2457" spans="1:4" x14ac:dyDescent="0.25">
      <c r="A2457" t="s">
        <v>17</v>
      </c>
      <c r="B2457">
        <v>0.45</v>
      </c>
      <c r="C2457">
        <v>0.12</v>
      </c>
      <c r="D2457">
        <f t="shared" si="40"/>
        <v>3</v>
      </c>
    </row>
    <row r="2458" spans="1:4" x14ac:dyDescent="0.25">
      <c r="A2458" t="s">
        <v>14</v>
      </c>
      <c r="B2458">
        <v>0.37</v>
      </c>
      <c r="C2458">
        <v>0.36</v>
      </c>
      <c r="D2458">
        <f t="shared" si="40"/>
        <v>3</v>
      </c>
    </row>
    <row r="2459" spans="1:4" x14ac:dyDescent="0.25">
      <c r="A2459" t="s">
        <v>14</v>
      </c>
      <c r="B2459">
        <v>0.2</v>
      </c>
      <c r="C2459">
        <v>0.35</v>
      </c>
      <c r="D2459">
        <f t="shared" si="40"/>
        <v>3</v>
      </c>
    </row>
    <row r="2460" spans="1:4" x14ac:dyDescent="0.25">
      <c r="A2460" t="s">
        <v>20</v>
      </c>
      <c r="B2460">
        <v>0.11</v>
      </c>
      <c r="C2460">
        <v>0.35</v>
      </c>
      <c r="D2460">
        <f t="shared" si="40"/>
        <v>3</v>
      </c>
    </row>
    <row r="2461" spans="1:4" x14ac:dyDescent="0.25">
      <c r="A2461" t="s">
        <v>17</v>
      </c>
      <c r="B2461">
        <v>0.47</v>
      </c>
      <c r="C2461">
        <v>0.25</v>
      </c>
      <c r="D2461">
        <f t="shared" si="40"/>
        <v>3</v>
      </c>
    </row>
    <row r="2462" spans="1:4" x14ac:dyDescent="0.25">
      <c r="A2462" t="s">
        <v>29</v>
      </c>
      <c r="B2462">
        <v>0.04</v>
      </c>
      <c r="C2462">
        <v>0.3</v>
      </c>
      <c r="D2462">
        <f t="shared" si="40"/>
        <v>1</v>
      </c>
    </row>
    <row r="2463" spans="1:4" x14ac:dyDescent="0.25">
      <c r="A2463" t="s">
        <v>20</v>
      </c>
      <c r="B2463">
        <v>0.94</v>
      </c>
      <c r="C2463">
        <v>0.62</v>
      </c>
      <c r="D2463">
        <f t="shared" si="40"/>
        <v>3</v>
      </c>
    </row>
    <row r="2464" spans="1:4" x14ac:dyDescent="0.25">
      <c r="A2464" t="s">
        <v>18</v>
      </c>
      <c r="B2464">
        <v>0.81</v>
      </c>
      <c r="C2464">
        <v>0.56000000000000005</v>
      </c>
      <c r="D2464">
        <f t="shared" si="40"/>
        <v>1</v>
      </c>
    </row>
    <row r="2465" spans="1:4" x14ac:dyDescent="0.25">
      <c r="A2465" t="s">
        <v>26</v>
      </c>
      <c r="B2465">
        <v>0.53</v>
      </c>
      <c r="C2465">
        <v>0.25</v>
      </c>
      <c r="D2465">
        <f t="shared" si="40"/>
        <v>3</v>
      </c>
    </row>
    <row r="2466" spans="1:4" x14ac:dyDescent="0.25">
      <c r="A2466" t="s">
        <v>17</v>
      </c>
      <c r="B2466">
        <v>0.1</v>
      </c>
      <c r="C2466">
        <v>0.14000000000000001</v>
      </c>
      <c r="D2466">
        <f t="shared" si="40"/>
        <v>3</v>
      </c>
    </row>
    <row r="2467" spans="1:4" x14ac:dyDescent="0.25">
      <c r="A2467" t="s">
        <v>18</v>
      </c>
      <c r="B2467">
        <v>0.01</v>
      </c>
      <c r="C2467">
        <v>0.59</v>
      </c>
      <c r="D2467">
        <f t="shared" si="40"/>
        <v>1</v>
      </c>
    </row>
    <row r="2468" spans="1:4" x14ac:dyDescent="0.25">
      <c r="A2468" t="s">
        <v>22</v>
      </c>
      <c r="B2468">
        <v>0.01</v>
      </c>
      <c r="C2468">
        <v>0.49</v>
      </c>
      <c r="D2468">
        <f t="shared" si="40"/>
        <v>1</v>
      </c>
    </row>
    <row r="2469" spans="1:4" x14ac:dyDescent="0.25">
      <c r="A2469" t="s">
        <v>7</v>
      </c>
      <c r="B2469">
        <v>0.7</v>
      </c>
      <c r="C2469">
        <v>0.9</v>
      </c>
      <c r="D2469">
        <f t="shared" si="40"/>
        <v>1</v>
      </c>
    </row>
    <row r="2470" spans="1:4" x14ac:dyDescent="0.25">
      <c r="A2470" t="s">
        <v>28</v>
      </c>
      <c r="B2470">
        <v>0.77</v>
      </c>
      <c r="C2470">
        <v>0.57999999999999996</v>
      </c>
      <c r="D2470">
        <f t="shared" si="40"/>
        <v>3</v>
      </c>
    </row>
    <row r="2471" spans="1:4" x14ac:dyDescent="0.25">
      <c r="A2471" t="s">
        <v>20</v>
      </c>
      <c r="B2471">
        <v>0.87</v>
      </c>
      <c r="C2471">
        <v>0.62</v>
      </c>
      <c r="D2471">
        <f t="shared" si="40"/>
        <v>3</v>
      </c>
    </row>
    <row r="2472" spans="1:4" x14ac:dyDescent="0.25">
      <c r="A2472" t="s">
        <v>17</v>
      </c>
      <c r="B2472">
        <v>0.22</v>
      </c>
      <c r="C2472">
        <v>0.15</v>
      </c>
      <c r="D2472">
        <f t="shared" si="40"/>
        <v>3</v>
      </c>
    </row>
    <row r="2473" spans="1:4" x14ac:dyDescent="0.25">
      <c r="A2473" t="s">
        <v>16</v>
      </c>
      <c r="B2473">
        <v>0.52</v>
      </c>
      <c r="C2473">
        <v>0.39</v>
      </c>
      <c r="D2473">
        <f t="shared" si="40"/>
        <v>3</v>
      </c>
    </row>
    <row r="2474" spans="1:4" x14ac:dyDescent="0.25">
      <c r="A2474" t="s">
        <v>7</v>
      </c>
      <c r="B2474">
        <v>0.13</v>
      </c>
      <c r="C2474">
        <v>0.87</v>
      </c>
      <c r="D2474">
        <f t="shared" si="40"/>
        <v>1</v>
      </c>
    </row>
    <row r="2475" spans="1:4" x14ac:dyDescent="0.25">
      <c r="A2475" t="s">
        <v>14</v>
      </c>
      <c r="B2475">
        <v>0.99</v>
      </c>
      <c r="C2475">
        <v>0.46</v>
      </c>
      <c r="D2475">
        <f t="shared" si="40"/>
        <v>3</v>
      </c>
    </row>
    <row r="2476" spans="1:4" x14ac:dyDescent="0.25">
      <c r="A2476" t="s">
        <v>17</v>
      </c>
      <c r="B2476">
        <v>0.64</v>
      </c>
      <c r="C2476">
        <v>0.28000000000000003</v>
      </c>
      <c r="D2476">
        <f t="shared" si="40"/>
        <v>3</v>
      </c>
    </row>
    <row r="2477" spans="1:4" x14ac:dyDescent="0.25">
      <c r="A2477" t="s">
        <v>13</v>
      </c>
      <c r="B2477">
        <v>0.31</v>
      </c>
      <c r="C2477">
        <v>0.38</v>
      </c>
      <c r="D2477">
        <f t="shared" si="40"/>
        <v>3</v>
      </c>
    </row>
    <row r="2478" spans="1:4" x14ac:dyDescent="0.25">
      <c r="A2478" t="s">
        <v>27</v>
      </c>
      <c r="B2478">
        <v>0.36</v>
      </c>
      <c r="C2478">
        <v>0.84</v>
      </c>
      <c r="D2478">
        <f t="shared" si="40"/>
        <v>3</v>
      </c>
    </row>
    <row r="2479" spans="1:4" x14ac:dyDescent="0.25">
      <c r="A2479" t="s">
        <v>9</v>
      </c>
      <c r="B2479">
        <v>0.64</v>
      </c>
      <c r="C2479">
        <v>0.09</v>
      </c>
      <c r="D2479">
        <f t="shared" si="40"/>
        <v>3</v>
      </c>
    </row>
    <row r="2480" spans="1:4" x14ac:dyDescent="0.25">
      <c r="A2480" t="s">
        <v>9</v>
      </c>
      <c r="B2480">
        <v>0.73</v>
      </c>
      <c r="C2480">
        <v>0.24</v>
      </c>
      <c r="D2480">
        <f t="shared" si="40"/>
        <v>3</v>
      </c>
    </row>
    <row r="2481" spans="1:4" x14ac:dyDescent="0.25">
      <c r="A2481" t="s">
        <v>27</v>
      </c>
      <c r="B2481">
        <v>0.43</v>
      </c>
      <c r="C2481">
        <v>0.8</v>
      </c>
      <c r="D2481">
        <f t="shared" si="40"/>
        <v>3</v>
      </c>
    </row>
    <row r="2482" spans="1:4" x14ac:dyDescent="0.25">
      <c r="A2482" t="s">
        <v>20</v>
      </c>
      <c r="B2482">
        <v>0.47</v>
      </c>
      <c r="C2482">
        <v>0.56999999999999995</v>
      </c>
      <c r="D2482">
        <f t="shared" si="40"/>
        <v>3</v>
      </c>
    </row>
    <row r="2483" spans="1:4" x14ac:dyDescent="0.25">
      <c r="A2483" t="s">
        <v>23</v>
      </c>
      <c r="B2483">
        <v>0.8</v>
      </c>
      <c r="C2483">
        <v>0.5</v>
      </c>
      <c r="D2483">
        <f t="shared" si="40"/>
        <v>1</v>
      </c>
    </row>
    <row r="2484" spans="1:4" x14ac:dyDescent="0.25">
      <c r="A2484" t="s">
        <v>19</v>
      </c>
      <c r="B2484">
        <v>0.68</v>
      </c>
      <c r="C2484">
        <v>0.81</v>
      </c>
      <c r="D2484">
        <f t="shared" si="40"/>
        <v>3</v>
      </c>
    </row>
    <row r="2485" spans="1:4" x14ac:dyDescent="0.25">
      <c r="A2485" t="s">
        <v>17</v>
      </c>
      <c r="B2485">
        <v>0.74</v>
      </c>
      <c r="C2485">
        <v>0.17</v>
      </c>
      <c r="D2485">
        <f t="shared" si="40"/>
        <v>3</v>
      </c>
    </row>
    <row r="2486" spans="1:4" x14ac:dyDescent="0.25">
      <c r="A2486" t="s">
        <v>13</v>
      </c>
      <c r="B2486">
        <v>0.75</v>
      </c>
      <c r="C2486">
        <v>0.65</v>
      </c>
      <c r="D2486">
        <f t="shared" si="40"/>
        <v>3</v>
      </c>
    </row>
    <row r="2487" spans="1:4" x14ac:dyDescent="0.25">
      <c r="A2487" t="s">
        <v>18</v>
      </c>
      <c r="B2487">
        <v>0.22</v>
      </c>
      <c r="C2487">
        <v>0.37</v>
      </c>
      <c r="D2487">
        <f t="shared" si="40"/>
        <v>1</v>
      </c>
    </row>
    <row r="2488" spans="1:4" x14ac:dyDescent="0.25">
      <c r="A2488" t="s">
        <v>30</v>
      </c>
      <c r="B2488">
        <v>0.43</v>
      </c>
      <c r="C2488">
        <v>0.51</v>
      </c>
      <c r="D2488">
        <f t="shared" si="40"/>
        <v>3</v>
      </c>
    </row>
    <row r="2489" spans="1:4" x14ac:dyDescent="0.25">
      <c r="A2489" t="s">
        <v>17</v>
      </c>
      <c r="B2489">
        <v>0.46</v>
      </c>
      <c r="C2489">
        <v>0.1</v>
      </c>
      <c r="D2489">
        <f t="shared" si="40"/>
        <v>3</v>
      </c>
    </row>
    <row r="2490" spans="1:4" x14ac:dyDescent="0.25">
      <c r="A2490" t="s">
        <v>29</v>
      </c>
      <c r="B2490">
        <v>0.48</v>
      </c>
      <c r="C2490">
        <v>0.28999999999999998</v>
      </c>
      <c r="D2490">
        <f t="shared" si="40"/>
        <v>1</v>
      </c>
    </row>
    <row r="2491" spans="1:4" x14ac:dyDescent="0.25">
      <c r="A2491" t="s">
        <v>25</v>
      </c>
      <c r="B2491">
        <v>0.49</v>
      </c>
      <c r="C2491">
        <v>0.87</v>
      </c>
      <c r="D2491">
        <f t="shared" si="40"/>
        <v>3</v>
      </c>
    </row>
    <row r="2492" spans="1:4" x14ac:dyDescent="0.25">
      <c r="A2492" t="s">
        <v>23</v>
      </c>
      <c r="B2492">
        <v>0.91</v>
      </c>
      <c r="C2492">
        <v>0.36</v>
      </c>
      <c r="D2492">
        <f t="shared" si="40"/>
        <v>1</v>
      </c>
    </row>
    <row r="2493" spans="1:4" x14ac:dyDescent="0.25">
      <c r="A2493" t="s">
        <v>21</v>
      </c>
      <c r="B2493">
        <v>0.92</v>
      </c>
      <c r="C2493">
        <v>0.4</v>
      </c>
      <c r="D2493">
        <f t="shared" si="40"/>
        <v>2</v>
      </c>
    </row>
    <row r="2494" spans="1:4" x14ac:dyDescent="0.25">
      <c r="A2494" t="s">
        <v>21</v>
      </c>
      <c r="B2494">
        <v>0.28000000000000003</v>
      </c>
      <c r="C2494">
        <v>0.38</v>
      </c>
      <c r="D2494">
        <f t="shared" si="40"/>
        <v>2</v>
      </c>
    </row>
    <row r="2495" spans="1:4" x14ac:dyDescent="0.25">
      <c r="A2495" t="s">
        <v>21</v>
      </c>
      <c r="B2495">
        <v>0.48</v>
      </c>
      <c r="C2495">
        <v>0.62</v>
      </c>
      <c r="D2495">
        <f t="shared" si="40"/>
        <v>2</v>
      </c>
    </row>
    <row r="2496" spans="1:4" x14ac:dyDescent="0.25">
      <c r="A2496" t="s">
        <v>21</v>
      </c>
      <c r="B2496">
        <v>0.74</v>
      </c>
      <c r="C2496">
        <v>0.34</v>
      </c>
      <c r="D2496">
        <f t="shared" si="40"/>
        <v>2</v>
      </c>
    </row>
    <row r="2497" spans="1:4" x14ac:dyDescent="0.25">
      <c r="A2497" t="s">
        <v>19</v>
      </c>
      <c r="B2497">
        <v>0.54</v>
      </c>
      <c r="C2497">
        <v>0.77</v>
      </c>
      <c r="D2497">
        <f t="shared" si="40"/>
        <v>3</v>
      </c>
    </row>
    <row r="2498" spans="1:4" x14ac:dyDescent="0.25">
      <c r="A2498" t="s">
        <v>21</v>
      </c>
      <c r="B2498">
        <v>0.27</v>
      </c>
      <c r="C2498">
        <v>0.65</v>
      </c>
      <c r="D2498">
        <f t="shared" si="40"/>
        <v>2</v>
      </c>
    </row>
    <row r="2499" spans="1:4" x14ac:dyDescent="0.25">
      <c r="A2499" t="s">
        <v>7</v>
      </c>
      <c r="B2499">
        <v>0.53</v>
      </c>
      <c r="C2499">
        <v>0.72</v>
      </c>
      <c r="D2499">
        <f t="shared" ref="D2499:D2562" si="41">VLOOKUP(A2499,$G$2:$H$21,2)</f>
        <v>1</v>
      </c>
    </row>
    <row r="2500" spans="1:4" x14ac:dyDescent="0.25">
      <c r="A2500" t="s">
        <v>15</v>
      </c>
      <c r="B2500">
        <v>0.62</v>
      </c>
      <c r="C2500">
        <v>0.11</v>
      </c>
      <c r="D2500">
        <f t="shared" si="41"/>
        <v>3</v>
      </c>
    </row>
    <row r="2501" spans="1:4" x14ac:dyDescent="0.25">
      <c r="A2501" t="s">
        <v>30</v>
      </c>
      <c r="B2501">
        <v>0.24</v>
      </c>
      <c r="C2501">
        <v>0.55000000000000004</v>
      </c>
      <c r="D2501">
        <f t="shared" si="41"/>
        <v>3</v>
      </c>
    </row>
    <row r="2502" spans="1:4" x14ac:dyDescent="0.25">
      <c r="A2502" t="s">
        <v>14</v>
      </c>
      <c r="B2502">
        <v>0.21</v>
      </c>
      <c r="C2502">
        <v>0.4</v>
      </c>
      <c r="D2502">
        <f t="shared" si="41"/>
        <v>3</v>
      </c>
    </row>
    <row r="2503" spans="1:4" x14ac:dyDescent="0.25">
      <c r="A2503" t="s">
        <v>16</v>
      </c>
      <c r="B2503">
        <v>0.65</v>
      </c>
      <c r="C2503">
        <v>0.6</v>
      </c>
      <c r="D2503">
        <f t="shared" si="41"/>
        <v>3</v>
      </c>
    </row>
    <row r="2504" spans="1:4" x14ac:dyDescent="0.25">
      <c r="A2504" t="s">
        <v>30</v>
      </c>
      <c r="B2504">
        <v>0.49</v>
      </c>
      <c r="C2504">
        <v>0.62</v>
      </c>
      <c r="D2504">
        <f t="shared" si="41"/>
        <v>3</v>
      </c>
    </row>
    <row r="2505" spans="1:4" x14ac:dyDescent="0.25">
      <c r="A2505" t="s">
        <v>13</v>
      </c>
      <c r="B2505">
        <v>0.44</v>
      </c>
      <c r="C2505">
        <v>0.37</v>
      </c>
      <c r="D2505">
        <f t="shared" si="41"/>
        <v>3</v>
      </c>
    </row>
    <row r="2506" spans="1:4" x14ac:dyDescent="0.25">
      <c r="A2506" t="s">
        <v>21</v>
      </c>
      <c r="B2506">
        <v>0.56000000000000005</v>
      </c>
      <c r="C2506">
        <v>0.31</v>
      </c>
      <c r="D2506">
        <f t="shared" si="41"/>
        <v>2</v>
      </c>
    </row>
    <row r="2507" spans="1:4" x14ac:dyDescent="0.25">
      <c r="A2507" t="s">
        <v>22</v>
      </c>
      <c r="B2507">
        <v>0.32</v>
      </c>
      <c r="C2507">
        <v>0.34</v>
      </c>
      <c r="D2507">
        <f t="shared" si="41"/>
        <v>1</v>
      </c>
    </row>
    <row r="2508" spans="1:4" x14ac:dyDescent="0.25">
      <c r="A2508" t="s">
        <v>25</v>
      </c>
      <c r="B2508">
        <v>0.92</v>
      </c>
      <c r="C2508">
        <v>0.7</v>
      </c>
      <c r="D2508">
        <f t="shared" si="41"/>
        <v>3</v>
      </c>
    </row>
    <row r="2509" spans="1:4" x14ac:dyDescent="0.25">
      <c r="A2509" t="s">
        <v>15</v>
      </c>
      <c r="B2509">
        <v>0.74</v>
      </c>
      <c r="C2509">
        <v>7.0000000000000007E-2</v>
      </c>
      <c r="D2509">
        <f t="shared" si="41"/>
        <v>3</v>
      </c>
    </row>
    <row r="2510" spans="1:4" x14ac:dyDescent="0.25">
      <c r="A2510" t="s">
        <v>7</v>
      </c>
      <c r="B2510">
        <v>0.69</v>
      </c>
      <c r="C2510">
        <v>0.87</v>
      </c>
      <c r="D2510">
        <f t="shared" si="41"/>
        <v>1</v>
      </c>
    </row>
    <row r="2511" spans="1:4" x14ac:dyDescent="0.25">
      <c r="A2511" t="s">
        <v>16</v>
      </c>
      <c r="B2511">
        <v>0.03</v>
      </c>
      <c r="C2511">
        <v>0.45</v>
      </c>
      <c r="D2511">
        <f t="shared" si="41"/>
        <v>3</v>
      </c>
    </row>
    <row r="2512" spans="1:4" x14ac:dyDescent="0.25">
      <c r="A2512" t="s">
        <v>27</v>
      </c>
      <c r="B2512">
        <v>0.86</v>
      </c>
      <c r="C2512">
        <v>0.86</v>
      </c>
      <c r="D2512">
        <f t="shared" si="41"/>
        <v>3</v>
      </c>
    </row>
    <row r="2513" spans="1:4" x14ac:dyDescent="0.25">
      <c r="A2513" t="s">
        <v>9</v>
      </c>
      <c r="B2513">
        <v>0.47</v>
      </c>
      <c r="C2513">
        <v>7.0000000000000007E-2</v>
      </c>
      <c r="D2513">
        <f t="shared" si="41"/>
        <v>3</v>
      </c>
    </row>
    <row r="2514" spans="1:4" x14ac:dyDescent="0.25">
      <c r="A2514" t="s">
        <v>19</v>
      </c>
      <c r="B2514">
        <v>0.05</v>
      </c>
      <c r="C2514">
        <v>0.91</v>
      </c>
      <c r="D2514">
        <f t="shared" si="41"/>
        <v>3</v>
      </c>
    </row>
    <row r="2515" spans="1:4" x14ac:dyDescent="0.25">
      <c r="A2515" t="s">
        <v>14</v>
      </c>
      <c r="B2515">
        <v>0.47</v>
      </c>
      <c r="C2515">
        <v>0.7</v>
      </c>
      <c r="D2515">
        <f t="shared" si="41"/>
        <v>3</v>
      </c>
    </row>
    <row r="2516" spans="1:4" x14ac:dyDescent="0.25">
      <c r="A2516" t="s">
        <v>16</v>
      </c>
      <c r="B2516">
        <v>0.3</v>
      </c>
      <c r="C2516">
        <v>0.52</v>
      </c>
      <c r="D2516">
        <f t="shared" si="41"/>
        <v>3</v>
      </c>
    </row>
    <row r="2517" spans="1:4" x14ac:dyDescent="0.25">
      <c r="A2517" t="s">
        <v>15</v>
      </c>
      <c r="B2517">
        <v>0.48</v>
      </c>
      <c r="C2517">
        <v>0.17</v>
      </c>
      <c r="D2517">
        <f t="shared" si="41"/>
        <v>3</v>
      </c>
    </row>
    <row r="2518" spans="1:4" x14ac:dyDescent="0.25">
      <c r="A2518" t="s">
        <v>23</v>
      </c>
      <c r="B2518">
        <v>0.83</v>
      </c>
      <c r="C2518">
        <v>0.61</v>
      </c>
      <c r="D2518">
        <f t="shared" si="41"/>
        <v>1</v>
      </c>
    </row>
    <row r="2519" spans="1:4" x14ac:dyDescent="0.25">
      <c r="A2519" t="s">
        <v>19</v>
      </c>
      <c r="B2519">
        <v>0.17</v>
      </c>
      <c r="C2519">
        <v>0.94</v>
      </c>
      <c r="D2519">
        <f t="shared" si="41"/>
        <v>3</v>
      </c>
    </row>
    <row r="2520" spans="1:4" x14ac:dyDescent="0.25">
      <c r="A2520" t="s">
        <v>27</v>
      </c>
      <c r="B2520">
        <v>0.26</v>
      </c>
      <c r="C2520">
        <v>0.87</v>
      </c>
      <c r="D2520">
        <f t="shared" si="41"/>
        <v>3</v>
      </c>
    </row>
    <row r="2521" spans="1:4" x14ac:dyDescent="0.25">
      <c r="A2521" t="s">
        <v>18</v>
      </c>
      <c r="B2521">
        <v>0.49</v>
      </c>
      <c r="C2521">
        <v>0.61</v>
      </c>
      <c r="D2521">
        <f t="shared" si="41"/>
        <v>1</v>
      </c>
    </row>
    <row r="2522" spans="1:4" x14ac:dyDescent="0.25">
      <c r="A2522" t="s">
        <v>11</v>
      </c>
      <c r="B2522">
        <v>0.26</v>
      </c>
      <c r="C2522">
        <v>0.93</v>
      </c>
      <c r="D2522">
        <f t="shared" si="41"/>
        <v>1</v>
      </c>
    </row>
    <row r="2523" spans="1:4" x14ac:dyDescent="0.25">
      <c r="A2523" t="s">
        <v>11</v>
      </c>
      <c r="B2523">
        <v>0.13</v>
      </c>
      <c r="C2523">
        <v>0.88</v>
      </c>
      <c r="D2523">
        <f t="shared" si="41"/>
        <v>1</v>
      </c>
    </row>
    <row r="2524" spans="1:4" x14ac:dyDescent="0.25">
      <c r="A2524" t="s">
        <v>20</v>
      </c>
      <c r="B2524">
        <v>0.27</v>
      </c>
      <c r="C2524">
        <v>0.57999999999999996</v>
      </c>
      <c r="D2524">
        <f t="shared" si="41"/>
        <v>3</v>
      </c>
    </row>
    <row r="2525" spans="1:4" x14ac:dyDescent="0.25">
      <c r="A2525" t="s">
        <v>25</v>
      </c>
      <c r="B2525">
        <v>0.92</v>
      </c>
      <c r="C2525">
        <v>0.9</v>
      </c>
      <c r="D2525">
        <f t="shared" si="41"/>
        <v>3</v>
      </c>
    </row>
    <row r="2526" spans="1:4" x14ac:dyDescent="0.25">
      <c r="A2526" t="s">
        <v>25</v>
      </c>
      <c r="B2526">
        <v>0.37</v>
      </c>
      <c r="C2526">
        <v>0.71</v>
      </c>
      <c r="D2526">
        <f t="shared" si="41"/>
        <v>3</v>
      </c>
    </row>
    <row r="2527" spans="1:4" x14ac:dyDescent="0.25">
      <c r="A2527" t="s">
        <v>20</v>
      </c>
      <c r="B2527">
        <v>0.41</v>
      </c>
      <c r="C2527">
        <v>0.48</v>
      </c>
      <c r="D2527">
        <f t="shared" si="41"/>
        <v>3</v>
      </c>
    </row>
    <row r="2528" spans="1:4" x14ac:dyDescent="0.25">
      <c r="A2528" t="s">
        <v>19</v>
      </c>
      <c r="B2528">
        <v>0.8</v>
      </c>
      <c r="C2528">
        <v>0.71</v>
      </c>
      <c r="D2528">
        <f t="shared" si="41"/>
        <v>3</v>
      </c>
    </row>
    <row r="2529" spans="1:4" x14ac:dyDescent="0.25">
      <c r="A2529" t="s">
        <v>9</v>
      </c>
      <c r="B2529">
        <v>0.53</v>
      </c>
      <c r="C2529">
        <v>0.17</v>
      </c>
      <c r="D2529">
        <f t="shared" si="41"/>
        <v>3</v>
      </c>
    </row>
    <row r="2530" spans="1:4" x14ac:dyDescent="0.25">
      <c r="A2530" t="s">
        <v>11</v>
      </c>
      <c r="B2530">
        <v>0.46</v>
      </c>
      <c r="C2530">
        <v>0.8</v>
      </c>
      <c r="D2530">
        <f t="shared" si="41"/>
        <v>1</v>
      </c>
    </row>
    <row r="2531" spans="1:4" x14ac:dyDescent="0.25">
      <c r="A2531" t="s">
        <v>17</v>
      </c>
      <c r="B2531">
        <v>0.69</v>
      </c>
      <c r="C2531">
        <v>0.28999999999999998</v>
      </c>
      <c r="D2531">
        <f t="shared" si="41"/>
        <v>3</v>
      </c>
    </row>
    <row r="2532" spans="1:4" x14ac:dyDescent="0.25">
      <c r="A2532" t="s">
        <v>20</v>
      </c>
      <c r="B2532">
        <v>0.08</v>
      </c>
      <c r="C2532">
        <v>0.5</v>
      </c>
      <c r="D2532">
        <f t="shared" si="41"/>
        <v>3</v>
      </c>
    </row>
    <row r="2533" spans="1:4" x14ac:dyDescent="0.25">
      <c r="A2533" t="s">
        <v>22</v>
      </c>
      <c r="B2533">
        <v>0.03</v>
      </c>
      <c r="C2533">
        <v>0.68</v>
      </c>
      <c r="D2533">
        <f t="shared" si="41"/>
        <v>1</v>
      </c>
    </row>
    <row r="2534" spans="1:4" x14ac:dyDescent="0.25">
      <c r="A2534" t="s">
        <v>25</v>
      </c>
      <c r="B2534">
        <v>0.49</v>
      </c>
      <c r="C2534">
        <v>0.77</v>
      </c>
      <c r="D2534">
        <f t="shared" si="41"/>
        <v>3</v>
      </c>
    </row>
    <row r="2535" spans="1:4" x14ac:dyDescent="0.25">
      <c r="A2535" t="s">
        <v>15</v>
      </c>
      <c r="B2535">
        <v>0.76</v>
      </c>
      <c r="C2535">
        <v>0.28000000000000003</v>
      </c>
      <c r="D2535">
        <f t="shared" si="41"/>
        <v>3</v>
      </c>
    </row>
    <row r="2536" spans="1:4" x14ac:dyDescent="0.25">
      <c r="A2536" t="s">
        <v>28</v>
      </c>
      <c r="B2536">
        <v>0.43</v>
      </c>
      <c r="C2536">
        <v>0.64</v>
      </c>
      <c r="D2536">
        <f t="shared" si="41"/>
        <v>3</v>
      </c>
    </row>
    <row r="2537" spans="1:4" x14ac:dyDescent="0.25">
      <c r="A2537" t="s">
        <v>18</v>
      </c>
      <c r="B2537">
        <v>0.78</v>
      </c>
      <c r="C2537">
        <v>0.32</v>
      </c>
      <c r="D2537">
        <f t="shared" si="41"/>
        <v>1</v>
      </c>
    </row>
    <row r="2538" spans="1:4" x14ac:dyDescent="0.25">
      <c r="A2538" t="s">
        <v>7</v>
      </c>
      <c r="B2538">
        <v>0.93</v>
      </c>
      <c r="C2538">
        <v>0.93</v>
      </c>
      <c r="D2538">
        <f t="shared" si="41"/>
        <v>1</v>
      </c>
    </row>
    <row r="2539" spans="1:4" x14ac:dyDescent="0.25">
      <c r="A2539" t="s">
        <v>27</v>
      </c>
      <c r="B2539">
        <v>0.43</v>
      </c>
      <c r="C2539">
        <v>0.78</v>
      </c>
      <c r="D2539">
        <f t="shared" si="41"/>
        <v>3</v>
      </c>
    </row>
    <row r="2540" spans="1:4" x14ac:dyDescent="0.25">
      <c r="A2540" t="s">
        <v>19</v>
      </c>
      <c r="B2540">
        <v>0.03</v>
      </c>
      <c r="C2540">
        <v>0.79</v>
      </c>
      <c r="D2540">
        <f t="shared" si="41"/>
        <v>3</v>
      </c>
    </row>
    <row r="2541" spans="1:4" x14ac:dyDescent="0.25">
      <c r="A2541" t="s">
        <v>13</v>
      </c>
      <c r="B2541">
        <v>0.94</v>
      </c>
      <c r="C2541">
        <v>0.3</v>
      </c>
      <c r="D2541">
        <f t="shared" si="41"/>
        <v>3</v>
      </c>
    </row>
    <row r="2542" spans="1:4" x14ac:dyDescent="0.25">
      <c r="A2542" t="s">
        <v>13</v>
      </c>
      <c r="B2542">
        <v>0.78</v>
      </c>
      <c r="C2542">
        <v>0.52</v>
      </c>
      <c r="D2542">
        <f t="shared" si="41"/>
        <v>3</v>
      </c>
    </row>
    <row r="2543" spans="1:4" x14ac:dyDescent="0.25">
      <c r="A2543" t="s">
        <v>27</v>
      </c>
      <c r="B2543">
        <v>0.55000000000000004</v>
      </c>
      <c r="C2543">
        <v>0.83</v>
      </c>
      <c r="D2543">
        <f t="shared" si="41"/>
        <v>3</v>
      </c>
    </row>
    <row r="2544" spans="1:4" x14ac:dyDescent="0.25">
      <c r="A2544" t="s">
        <v>26</v>
      </c>
      <c r="B2544">
        <v>0.13</v>
      </c>
      <c r="C2544">
        <v>7.0000000000000007E-2</v>
      </c>
      <c r="D2544">
        <f t="shared" si="41"/>
        <v>3</v>
      </c>
    </row>
    <row r="2545" spans="1:4" x14ac:dyDescent="0.25">
      <c r="A2545" t="s">
        <v>15</v>
      </c>
      <c r="B2545">
        <v>0.63</v>
      </c>
      <c r="C2545">
        <v>0.3</v>
      </c>
      <c r="D2545">
        <f t="shared" si="41"/>
        <v>3</v>
      </c>
    </row>
    <row r="2546" spans="1:4" x14ac:dyDescent="0.25">
      <c r="A2546" t="s">
        <v>9</v>
      </c>
      <c r="B2546">
        <v>0.56000000000000005</v>
      </c>
      <c r="C2546">
        <v>0.18</v>
      </c>
      <c r="D2546">
        <f t="shared" si="41"/>
        <v>3</v>
      </c>
    </row>
    <row r="2547" spans="1:4" x14ac:dyDescent="0.25">
      <c r="A2547" t="s">
        <v>21</v>
      </c>
      <c r="B2547">
        <v>0.63</v>
      </c>
      <c r="C2547">
        <v>0.49</v>
      </c>
      <c r="D2547">
        <f t="shared" si="41"/>
        <v>2</v>
      </c>
    </row>
    <row r="2548" spans="1:4" x14ac:dyDescent="0.25">
      <c r="A2548" t="s">
        <v>27</v>
      </c>
      <c r="B2548">
        <v>0.1</v>
      </c>
      <c r="C2548">
        <v>0.8</v>
      </c>
      <c r="D2548">
        <f t="shared" si="41"/>
        <v>3</v>
      </c>
    </row>
    <row r="2549" spans="1:4" x14ac:dyDescent="0.25">
      <c r="A2549" t="s">
        <v>26</v>
      </c>
      <c r="B2549">
        <v>0.88</v>
      </c>
      <c r="C2549">
        <v>0.14000000000000001</v>
      </c>
      <c r="D2549">
        <f t="shared" si="41"/>
        <v>3</v>
      </c>
    </row>
    <row r="2550" spans="1:4" x14ac:dyDescent="0.25">
      <c r="A2550" t="s">
        <v>30</v>
      </c>
      <c r="B2550">
        <v>0.79</v>
      </c>
      <c r="C2550">
        <v>0.36</v>
      </c>
      <c r="D2550">
        <f t="shared" si="41"/>
        <v>3</v>
      </c>
    </row>
    <row r="2551" spans="1:4" x14ac:dyDescent="0.25">
      <c r="A2551" t="s">
        <v>18</v>
      </c>
      <c r="B2551">
        <v>0.32</v>
      </c>
      <c r="C2551">
        <v>0.59</v>
      </c>
      <c r="D2551">
        <f t="shared" si="41"/>
        <v>1</v>
      </c>
    </row>
    <row r="2552" spans="1:4" x14ac:dyDescent="0.25">
      <c r="A2552" t="s">
        <v>28</v>
      </c>
      <c r="B2552">
        <v>0.61</v>
      </c>
      <c r="C2552">
        <v>0.6</v>
      </c>
      <c r="D2552">
        <f t="shared" si="41"/>
        <v>3</v>
      </c>
    </row>
    <row r="2553" spans="1:4" x14ac:dyDescent="0.25">
      <c r="A2553" t="s">
        <v>20</v>
      </c>
      <c r="B2553">
        <v>0.2</v>
      </c>
      <c r="C2553">
        <v>0.63</v>
      </c>
      <c r="D2553">
        <f t="shared" si="41"/>
        <v>3</v>
      </c>
    </row>
    <row r="2554" spans="1:4" x14ac:dyDescent="0.25">
      <c r="A2554" t="s">
        <v>19</v>
      </c>
      <c r="B2554">
        <v>0.93</v>
      </c>
      <c r="C2554">
        <v>0.86</v>
      </c>
      <c r="D2554">
        <f t="shared" si="41"/>
        <v>3</v>
      </c>
    </row>
    <row r="2555" spans="1:4" x14ac:dyDescent="0.25">
      <c r="A2555" t="s">
        <v>23</v>
      </c>
      <c r="B2555">
        <v>0.24</v>
      </c>
      <c r="C2555">
        <v>0.35</v>
      </c>
      <c r="D2555">
        <f t="shared" si="41"/>
        <v>1</v>
      </c>
    </row>
    <row r="2556" spans="1:4" x14ac:dyDescent="0.25">
      <c r="A2556" t="s">
        <v>25</v>
      </c>
      <c r="B2556">
        <v>0.78</v>
      </c>
      <c r="C2556">
        <v>0.7</v>
      </c>
      <c r="D2556">
        <f t="shared" si="41"/>
        <v>3</v>
      </c>
    </row>
    <row r="2557" spans="1:4" x14ac:dyDescent="0.25">
      <c r="A2557" t="s">
        <v>11</v>
      </c>
      <c r="B2557">
        <v>0.94</v>
      </c>
      <c r="C2557">
        <v>0.93</v>
      </c>
      <c r="D2557">
        <f t="shared" si="41"/>
        <v>1</v>
      </c>
    </row>
    <row r="2558" spans="1:4" x14ac:dyDescent="0.25">
      <c r="A2558" t="s">
        <v>21</v>
      </c>
      <c r="B2558">
        <v>0.53</v>
      </c>
      <c r="C2558">
        <v>0.44</v>
      </c>
      <c r="D2558">
        <f t="shared" si="41"/>
        <v>2</v>
      </c>
    </row>
    <row r="2559" spans="1:4" x14ac:dyDescent="0.25">
      <c r="A2559" t="s">
        <v>18</v>
      </c>
      <c r="B2559">
        <v>0.24</v>
      </c>
      <c r="C2559">
        <v>0.59</v>
      </c>
      <c r="D2559">
        <f t="shared" si="41"/>
        <v>1</v>
      </c>
    </row>
    <row r="2560" spans="1:4" x14ac:dyDescent="0.25">
      <c r="A2560" t="s">
        <v>16</v>
      </c>
      <c r="B2560">
        <v>0.33</v>
      </c>
      <c r="C2560">
        <v>0.68</v>
      </c>
      <c r="D2560">
        <f t="shared" si="41"/>
        <v>3</v>
      </c>
    </row>
    <row r="2561" spans="1:4" x14ac:dyDescent="0.25">
      <c r="A2561" t="s">
        <v>27</v>
      </c>
      <c r="B2561">
        <v>0.97</v>
      </c>
      <c r="C2561">
        <v>0.83</v>
      </c>
      <c r="D2561">
        <f t="shared" si="41"/>
        <v>3</v>
      </c>
    </row>
    <row r="2562" spans="1:4" x14ac:dyDescent="0.25">
      <c r="A2562" t="s">
        <v>14</v>
      </c>
      <c r="B2562">
        <v>0.28000000000000003</v>
      </c>
      <c r="C2562">
        <v>0.66</v>
      </c>
      <c r="D2562">
        <f t="shared" si="41"/>
        <v>3</v>
      </c>
    </row>
    <row r="2563" spans="1:4" x14ac:dyDescent="0.25">
      <c r="A2563" t="s">
        <v>23</v>
      </c>
      <c r="B2563">
        <v>0.72</v>
      </c>
      <c r="C2563">
        <v>0.5</v>
      </c>
      <c r="D2563">
        <f t="shared" ref="D2563:D2626" si="42">VLOOKUP(A2563,$G$2:$H$21,2)</f>
        <v>1</v>
      </c>
    </row>
    <row r="2564" spans="1:4" x14ac:dyDescent="0.25">
      <c r="A2564" t="s">
        <v>16</v>
      </c>
      <c r="B2564">
        <v>0.36</v>
      </c>
      <c r="C2564">
        <v>0.54</v>
      </c>
      <c r="D2564">
        <f t="shared" si="42"/>
        <v>3</v>
      </c>
    </row>
    <row r="2565" spans="1:4" x14ac:dyDescent="0.25">
      <c r="A2565" t="s">
        <v>13</v>
      </c>
      <c r="B2565">
        <v>0.78</v>
      </c>
      <c r="C2565">
        <v>0.41</v>
      </c>
      <c r="D2565">
        <f t="shared" si="42"/>
        <v>3</v>
      </c>
    </row>
    <row r="2566" spans="1:4" x14ac:dyDescent="0.25">
      <c r="A2566" t="s">
        <v>26</v>
      </c>
      <c r="B2566">
        <v>0.66</v>
      </c>
      <c r="C2566">
        <v>7.0000000000000007E-2</v>
      </c>
      <c r="D2566">
        <f t="shared" si="42"/>
        <v>3</v>
      </c>
    </row>
    <row r="2567" spans="1:4" x14ac:dyDescent="0.25">
      <c r="A2567" t="s">
        <v>29</v>
      </c>
      <c r="B2567">
        <v>0.28999999999999998</v>
      </c>
      <c r="C2567">
        <v>0.22</v>
      </c>
      <c r="D2567">
        <f t="shared" si="42"/>
        <v>1</v>
      </c>
    </row>
    <row r="2568" spans="1:4" x14ac:dyDescent="0.25">
      <c r="A2568" t="s">
        <v>15</v>
      </c>
      <c r="B2568">
        <v>0.09</v>
      </c>
      <c r="C2568">
        <v>0.28999999999999998</v>
      </c>
      <c r="D2568">
        <f t="shared" si="42"/>
        <v>3</v>
      </c>
    </row>
    <row r="2569" spans="1:4" x14ac:dyDescent="0.25">
      <c r="A2569" t="s">
        <v>29</v>
      </c>
      <c r="B2569">
        <v>0.89</v>
      </c>
      <c r="C2569">
        <v>0.18</v>
      </c>
      <c r="D2569">
        <f t="shared" si="42"/>
        <v>1</v>
      </c>
    </row>
    <row r="2570" spans="1:4" x14ac:dyDescent="0.25">
      <c r="A2570" t="s">
        <v>7</v>
      </c>
      <c r="B2570">
        <v>0.19</v>
      </c>
      <c r="C2570">
        <v>0.82</v>
      </c>
      <c r="D2570">
        <f t="shared" si="42"/>
        <v>1</v>
      </c>
    </row>
    <row r="2571" spans="1:4" x14ac:dyDescent="0.25">
      <c r="A2571" t="s">
        <v>13</v>
      </c>
      <c r="B2571">
        <v>0.82</v>
      </c>
      <c r="C2571">
        <v>0.5</v>
      </c>
      <c r="D2571">
        <f t="shared" si="42"/>
        <v>3</v>
      </c>
    </row>
    <row r="2572" spans="1:4" x14ac:dyDescent="0.25">
      <c r="A2572" t="s">
        <v>16</v>
      </c>
      <c r="B2572">
        <v>0.73</v>
      </c>
      <c r="C2572">
        <v>0.51</v>
      </c>
      <c r="D2572">
        <f t="shared" si="42"/>
        <v>3</v>
      </c>
    </row>
    <row r="2573" spans="1:4" x14ac:dyDescent="0.25">
      <c r="A2573" t="s">
        <v>27</v>
      </c>
      <c r="B2573">
        <v>0.85</v>
      </c>
      <c r="C2573">
        <v>0.75</v>
      </c>
      <c r="D2573">
        <f t="shared" si="42"/>
        <v>3</v>
      </c>
    </row>
    <row r="2574" spans="1:4" x14ac:dyDescent="0.25">
      <c r="A2574" t="s">
        <v>26</v>
      </c>
      <c r="B2574">
        <v>0.5</v>
      </c>
      <c r="C2574">
        <v>0.15</v>
      </c>
      <c r="D2574">
        <f t="shared" si="42"/>
        <v>3</v>
      </c>
    </row>
    <row r="2575" spans="1:4" x14ac:dyDescent="0.25">
      <c r="A2575" t="s">
        <v>15</v>
      </c>
      <c r="B2575">
        <v>0.62</v>
      </c>
      <c r="C2575">
        <v>0.17</v>
      </c>
      <c r="D2575">
        <f t="shared" si="42"/>
        <v>3</v>
      </c>
    </row>
    <row r="2576" spans="1:4" x14ac:dyDescent="0.25">
      <c r="A2576" t="s">
        <v>16</v>
      </c>
      <c r="B2576">
        <v>0.38</v>
      </c>
      <c r="C2576">
        <v>0.5</v>
      </c>
      <c r="D2576">
        <f t="shared" si="42"/>
        <v>3</v>
      </c>
    </row>
    <row r="2577" spans="1:4" x14ac:dyDescent="0.25">
      <c r="A2577" t="s">
        <v>25</v>
      </c>
      <c r="B2577">
        <v>0.95</v>
      </c>
      <c r="C2577">
        <v>0.73</v>
      </c>
      <c r="D2577">
        <f t="shared" si="42"/>
        <v>3</v>
      </c>
    </row>
    <row r="2578" spans="1:4" x14ac:dyDescent="0.25">
      <c r="A2578" t="s">
        <v>19</v>
      </c>
      <c r="B2578">
        <v>0.56000000000000005</v>
      </c>
      <c r="C2578">
        <v>0.82</v>
      </c>
      <c r="D2578">
        <f t="shared" si="42"/>
        <v>3</v>
      </c>
    </row>
    <row r="2579" spans="1:4" x14ac:dyDescent="0.25">
      <c r="A2579" t="s">
        <v>16</v>
      </c>
      <c r="B2579">
        <v>0.16</v>
      </c>
      <c r="C2579">
        <v>0.4</v>
      </c>
      <c r="D2579">
        <f t="shared" si="42"/>
        <v>3</v>
      </c>
    </row>
    <row r="2580" spans="1:4" x14ac:dyDescent="0.25">
      <c r="A2580" t="s">
        <v>23</v>
      </c>
      <c r="B2580">
        <v>0.47</v>
      </c>
      <c r="C2580">
        <v>0.44</v>
      </c>
      <c r="D2580">
        <f t="shared" si="42"/>
        <v>1</v>
      </c>
    </row>
    <row r="2581" spans="1:4" x14ac:dyDescent="0.25">
      <c r="A2581" t="s">
        <v>14</v>
      </c>
      <c r="B2581">
        <v>0.22</v>
      </c>
      <c r="C2581">
        <v>0.35</v>
      </c>
      <c r="D2581">
        <f t="shared" si="42"/>
        <v>3</v>
      </c>
    </row>
    <row r="2582" spans="1:4" x14ac:dyDescent="0.25">
      <c r="A2582" t="s">
        <v>7</v>
      </c>
      <c r="B2582">
        <v>0.26</v>
      </c>
      <c r="C2582">
        <v>0.93</v>
      </c>
      <c r="D2582">
        <f t="shared" si="42"/>
        <v>1</v>
      </c>
    </row>
    <row r="2583" spans="1:4" x14ac:dyDescent="0.25">
      <c r="A2583" t="s">
        <v>15</v>
      </c>
      <c r="B2583">
        <v>0.15</v>
      </c>
      <c r="C2583">
        <v>0.18</v>
      </c>
      <c r="D2583">
        <f t="shared" si="42"/>
        <v>3</v>
      </c>
    </row>
    <row r="2584" spans="1:4" x14ac:dyDescent="0.25">
      <c r="A2584" t="s">
        <v>13</v>
      </c>
      <c r="B2584">
        <v>0.11</v>
      </c>
      <c r="C2584">
        <v>0.39</v>
      </c>
      <c r="D2584">
        <f t="shared" si="42"/>
        <v>3</v>
      </c>
    </row>
    <row r="2585" spans="1:4" x14ac:dyDescent="0.25">
      <c r="A2585" t="s">
        <v>23</v>
      </c>
      <c r="B2585">
        <v>1</v>
      </c>
      <c r="C2585">
        <v>0.63</v>
      </c>
      <c r="D2585">
        <f t="shared" si="42"/>
        <v>1</v>
      </c>
    </row>
    <row r="2586" spans="1:4" x14ac:dyDescent="0.25">
      <c r="A2586" t="s">
        <v>9</v>
      </c>
      <c r="B2586">
        <v>0.28000000000000003</v>
      </c>
      <c r="C2586">
        <v>0.15</v>
      </c>
      <c r="D2586">
        <f t="shared" si="42"/>
        <v>3</v>
      </c>
    </row>
    <row r="2587" spans="1:4" x14ac:dyDescent="0.25">
      <c r="A2587" t="s">
        <v>19</v>
      </c>
      <c r="B2587">
        <v>0.31</v>
      </c>
      <c r="C2587">
        <v>0.76</v>
      </c>
      <c r="D2587">
        <f t="shared" si="42"/>
        <v>3</v>
      </c>
    </row>
    <row r="2588" spans="1:4" x14ac:dyDescent="0.25">
      <c r="A2588" t="s">
        <v>25</v>
      </c>
      <c r="B2588">
        <v>0.94</v>
      </c>
      <c r="C2588">
        <v>0.72</v>
      </c>
      <c r="D2588">
        <f t="shared" si="42"/>
        <v>3</v>
      </c>
    </row>
    <row r="2589" spans="1:4" x14ac:dyDescent="0.25">
      <c r="A2589" t="s">
        <v>22</v>
      </c>
      <c r="B2589">
        <v>0.92</v>
      </c>
      <c r="C2589">
        <v>0.37</v>
      </c>
      <c r="D2589">
        <f t="shared" si="42"/>
        <v>1</v>
      </c>
    </row>
    <row r="2590" spans="1:4" x14ac:dyDescent="0.25">
      <c r="A2590" t="s">
        <v>7</v>
      </c>
      <c r="B2590">
        <v>0.55000000000000004</v>
      </c>
      <c r="C2590">
        <v>0.85</v>
      </c>
      <c r="D2590">
        <f t="shared" si="42"/>
        <v>1</v>
      </c>
    </row>
    <row r="2591" spans="1:4" x14ac:dyDescent="0.25">
      <c r="A2591" t="s">
        <v>16</v>
      </c>
      <c r="B2591">
        <v>0.26</v>
      </c>
      <c r="C2591">
        <v>0.56000000000000005</v>
      </c>
      <c r="D2591">
        <f t="shared" si="42"/>
        <v>3</v>
      </c>
    </row>
    <row r="2592" spans="1:4" x14ac:dyDescent="0.25">
      <c r="A2592" t="s">
        <v>25</v>
      </c>
      <c r="B2592">
        <v>0.18</v>
      </c>
      <c r="C2592">
        <v>0.76</v>
      </c>
      <c r="D2592">
        <f t="shared" si="42"/>
        <v>3</v>
      </c>
    </row>
    <row r="2593" spans="1:4" x14ac:dyDescent="0.25">
      <c r="A2593" t="s">
        <v>14</v>
      </c>
      <c r="B2593">
        <v>0.34</v>
      </c>
      <c r="C2593">
        <v>0.7</v>
      </c>
      <c r="D2593">
        <f t="shared" si="42"/>
        <v>3</v>
      </c>
    </row>
    <row r="2594" spans="1:4" x14ac:dyDescent="0.25">
      <c r="A2594" t="s">
        <v>25</v>
      </c>
      <c r="B2594">
        <v>0.24</v>
      </c>
      <c r="C2594">
        <v>0.92</v>
      </c>
      <c r="D2594">
        <f t="shared" si="42"/>
        <v>3</v>
      </c>
    </row>
    <row r="2595" spans="1:4" x14ac:dyDescent="0.25">
      <c r="A2595" t="s">
        <v>28</v>
      </c>
      <c r="B2595">
        <v>0.25</v>
      </c>
      <c r="C2595">
        <v>0.43</v>
      </c>
      <c r="D2595">
        <f t="shared" si="42"/>
        <v>3</v>
      </c>
    </row>
    <row r="2596" spans="1:4" x14ac:dyDescent="0.25">
      <c r="A2596" t="s">
        <v>11</v>
      </c>
      <c r="B2596">
        <v>0.2</v>
      </c>
      <c r="C2596">
        <v>0.91</v>
      </c>
      <c r="D2596">
        <f t="shared" si="42"/>
        <v>1</v>
      </c>
    </row>
    <row r="2597" spans="1:4" x14ac:dyDescent="0.25">
      <c r="A2597" t="s">
        <v>18</v>
      </c>
      <c r="B2597">
        <v>0.37</v>
      </c>
      <c r="C2597">
        <v>0.61</v>
      </c>
      <c r="D2597">
        <f t="shared" si="42"/>
        <v>1</v>
      </c>
    </row>
    <row r="2598" spans="1:4" x14ac:dyDescent="0.25">
      <c r="A2598" t="s">
        <v>23</v>
      </c>
      <c r="B2598">
        <v>0.75</v>
      </c>
      <c r="C2598">
        <v>0.53</v>
      </c>
      <c r="D2598">
        <f t="shared" si="42"/>
        <v>1</v>
      </c>
    </row>
    <row r="2599" spans="1:4" x14ac:dyDescent="0.25">
      <c r="A2599" t="s">
        <v>22</v>
      </c>
      <c r="B2599">
        <v>0.17</v>
      </c>
      <c r="C2599">
        <v>0.51</v>
      </c>
      <c r="D2599">
        <f t="shared" si="42"/>
        <v>1</v>
      </c>
    </row>
    <row r="2600" spans="1:4" x14ac:dyDescent="0.25">
      <c r="A2600" t="s">
        <v>28</v>
      </c>
      <c r="B2600">
        <v>0.47</v>
      </c>
      <c r="C2600">
        <v>0.44</v>
      </c>
      <c r="D2600">
        <f t="shared" si="42"/>
        <v>3</v>
      </c>
    </row>
    <row r="2601" spans="1:4" x14ac:dyDescent="0.25">
      <c r="A2601" t="s">
        <v>19</v>
      </c>
      <c r="B2601">
        <v>0.18</v>
      </c>
      <c r="C2601">
        <v>0.78</v>
      </c>
      <c r="D2601">
        <f t="shared" si="42"/>
        <v>3</v>
      </c>
    </row>
    <row r="2602" spans="1:4" x14ac:dyDescent="0.25">
      <c r="A2602" t="s">
        <v>11</v>
      </c>
      <c r="B2602">
        <v>0.35</v>
      </c>
      <c r="C2602">
        <v>0.86</v>
      </c>
      <c r="D2602">
        <f t="shared" si="42"/>
        <v>1</v>
      </c>
    </row>
    <row r="2603" spans="1:4" x14ac:dyDescent="0.25">
      <c r="A2603" t="s">
        <v>9</v>
      </c>
      <c r="B2603">
        <v>0.89</v>
      </c>
      <c r="C2603">
        <v>0.12</v>
      </c>
      <c r="D2603">
        <f t="shared" si="42"/>
        <v>3</v>
      </c>
    </row>
    <row r="2604" spans="1:4" x14ac:dyDescent="0.25">
      <c r="A2604" t="s">
        <v>28</v>
      </c>
      <c r="B2604">
        <v>0.43</v>
      </c>
      <c r="C2604">
        <v>0.43</v>
      </c>
      <c r="D2604">
        <f t="shared" si="42"/>
        <v>3</v>
      </c>
    </row>
    <row r="2605" spans="1:4" x14ac:dyDescent="0.25">
      <c r="A2605" t="s">
        <v>30</v>
      </c>
      <c r="B2605">
        <v>0.11</v>
      </c>
      <c r="C2605">
        <v>0.51</v>
      </c>
      <c r="D2605">
        <f t="shared" si="42"/>
        <v>3</v>
      </c>
    </row>
    <row r="2606" spans="1:4" x14ac:dyDescent="0.25">
      <c r="A2606" t="s">
        <v>28</v>
      </c>
      <c r="B2606">
        <v>0.22</v>
      </c>
      <c r="C2606">
        <v>0.37</v>
      </c>
      <c r="D2606">
        <f t="shared" si="42"/>
        <v>3</v>
      </c>
    </row>
    <row r="2607" spans="1:4" x14ac:dyDescent="0.25">
      <c r="A2607" t="s">
        <v>23</v>
      </c>
      <c r="B2607">
        <v>0.73</v>
      </c>
      <c r="C2607">
        <v>0.68</v>
      </c>
      <c r="D2607">
        <f t="shared" si="42"/>
        <v>1</v>
      </c>
    </row>
    <row r="2608" spans="1:4" x14ac:dyDescent="0.25">
      <c r="A2608" t="s">
        <v>17</v>
      </c>
      <c r="B2608">
        <v>0.53</v>
      </c>
      <c r="C2608">
        <v>0.26</v>
      </c>
      <c r="D2608">
        <f t="shared" si="42"/>
        <v>3</v>
      </c>
    </row>
    <row r="2609" spans="1:4" x14ac:dyDescent="0.25">
      <c r="A2609" t="s">
        <v>19</v>
      </c>
      <c r="B2609">
        <v>0.14000000000000001</v>
      </c>
      <c r="C2609">
        <v>0.72</v>
      </c>
      <c r="D2609">
        <f t="shared" si="42"/>
        <v>3</v>
      </c>
    </row>
    <row r="2610" spans="1:4" x14ac:dyDescent="0.25">
      <c r="A2610" t="s">
        <v>28</v>
      </c>
      <c r="B2610">
        <v>0.16</v>
      </c>
      <c r="C2610">
        <v>0.51</v>
      </c>
      <c r="D2610">
        <f t="shared" si="42"/>
        <v>3</v>
      </c>
    </row>
    <row r="2611" spans="1:4" x14ac:dyDescent="0.25">
      <c r="A2611" t="s">
        <v>9</v>
      </c>
      <c r="B2611">
        <v>0.57999999999999996</v>
      </c>
      <c r="C2611">
        <v>0.09</v>
      </c>
      <c r="D2611">
        <f t="shared" si="42"/>
        <v>3</v>
      </c>
    </row>
    <row r="2612" spans="1:4" x14ac:dyDescent="0.25">
      <c r="A2612" t="s">
        <v>7</v>
      </c>
      <c r="B2612">
        <v>0.41</v>
      </c>
      <c r="C2612">
        <v>0.95</v>
      </c>
      <c r="D2612">
        <f t="shared" si="42"/>
        <v>1</v>
      </c>
    </row>
    <row r="2613" spans="1:4" x14ac:dyDescent="0.25">
      <c r="A2613" t="s">
        <v>30</v>
      </c>
      <c r="B2613">
        <v>0.18</v>
      </c>
      <c r="C2613">
        <v>0.59</v>
      </c>
      <c r="D2613">
        <f t="shared" si="42"/>
        <v>3</v>
      </c>
    </row>
    <row r="2614" spans="1:4" x14ac:dyDescent="0.25">
      <c r="A2614" t="s">
        <v>23</v>
      </c>
      <c r="B2614">
        <v>0.28000000000000003</v>
      </c>
      <c r="C2614">
        <v>0.55000000000000004</v>
      </c>
      <c r="D2614">
        <f t="shared" si="42"/>
        <v>1</v>
      </c>
    </row>
    <row r="2615" spans="1:4" x14ac:dyDescent="0.25">
      <c r="A2615" t="s">
        <v>29</v>
      </c>
      <c r="B2615">
        <v>0.08</v>
      </c>
      <c r="C2615">
        <v>0.27</v>
      </c>
      <c r="D2615">
        <f t="shared" si="42"/>
        <v>1</v>
      </c>
    </row>
    <row r="2616" spans="1:4" x14ac:dyDescent="0.25">
      <c r="A2616" t="s">
        <v>22</v>
      </c>
      <c r="B2616">
        <v>0.4</v>
      </c>
      <c r="C2616">
        <v>0.32</v>
      </c>
      <c r="D2616">
        <f t="shared" si="42"/>
        <v>1</v>
      </c>
    </row>
    <row r="2617" spans="1:4" x14ac:dyDescent="0.25">
      <c r="A2617" t="s">
        <v>23</v>
      </c>
      <c r="B2617">
        <v>0.43</v>
      </c>
      <c r="C2617">
        <v>0.52</v>
      </c>
      <c r="D2617">
        <f t="shared" si="42"/>
        <v>1</v>
      </c>
    </row>
    <row r="2618" spans="1:4" x14ac:dyDescent="0.25">
      <c r="A2618" t="s">
        <v>16</v>
      </c>
      <c r="B2618">
        <v>0.12</v>
      </c>
      <c r="C2618">
        <v>0.48</v>
      </c>
      <c r="D2618">
        <f t="shared" si="42"/>
        <v>3</v>
      </c>
    </row>
    <row r="2619" spans="1:4" x14ac:dyDescent="0.25">
      <c r="A2619" t="s">
        <v>29</v>
      </c>
      <c r="B2619">
        <v>0.15</v>
      </c>
      <c r="C2619">
        <v>0.15</v>
      </c>
      <c r="D2619">
        <f t="shared" si="42"/>
        <v>1</v>
      </c>
    </row>
    <row r="2620" spans="1:4" x14ac:dyDescent="0.25">
      <c r="A2620" t="s">
        <v>18</v>
      </c>
      <c r="B2620">
        <v>0.1</v>
      </c>
      <c r="C2620">
        <v>0.41</v>
      </c>
      <c r="D2620">
        <f t="shared" si="42"/>
        <v>1</v>
      </c>
    </row>
    <row r="2621" spans="1:4" x14ac:dyDescent="0.25">
      <c r="A2621" t="s">
        <v>23</v>
      </c>
      <c r="B2621">
        <v>0.59</v>
      </c>
      <c r="C2621">
        <v>0.36</v>
      </c>
      <c r="D2621">
        <f t="shared" si="42"/>
        <v>1</v>
      </c>
    </row>
    <row r="2622" spans="1:4" x14ac:dyDescent="0.25">
      <c r="A2622" t="s">
        <v>28</v>
      </c>
      <c r="B2622">
        <v>0.77</v>
      </c>
      <c r="C2622">
        <v>0.6</v>
      </c>
      <c r="D2622">
        <f t="shared" si="42"/>
        <v>3</v>
      </c>
    </row>
    <row r="2623" spans="1:4" x14ac:dyDescent="0.25">
      <c r="A2623" t="s">
        <v>22</v>
      </c>
      <c r="B2623">
        <v>0.41</v>
      </c>
      <c r="C2623">
        <v>0.43</v>
      </c>
      <c r="D2623">
        <f t="shared" si="42"/>
        <v>1</v>
      </c>
    </row>
    <row r="2624" spans="1:4" x14ac:dyDescent="0.25">
      <c r="A2624" t="s">
        <v>17</v>
      </c>
      <c r="B2624">
        <v>0.15</v>
      </c>
      <c r="C2624">
        <v>0.16</v>
      </c>
      <c r="D2624">
        <f t="shared" si="42"/>
        <v>3</v>
      </c>
    </row>
    <row r="2625" spans="1:4" x14ac:dyDescent="0.25">
      <c r="A2625" t="s">
        <v>9</v>
      </c>
      <c r="B2625">
        <v>0.35</v>
      </c>
      <c r="C2625">
        <v>0.12</v>
      </c>
      <c r="D2625">
        <f t="shared" si="42"/>
        <v>3</v>
      </c>
    </row>
    <row r="2626" spans="1:4" x14ac:dyDescent="0.25">
      <c r="A2626" t="s">
        <v>23</v>
      </c>
      <c r="B2626">
        <v>0.71</v>
      </c>
      <c r="C2626">
        <v>0.52</v>
      </c>
      <c r="D2626">
        <f t="shared" si="42"/>
        <v>1</v>
      </c>
    </row>
    <row r="2627" spans="1:4" x14ac:dyDescent="0.25">
      <c r="A2627" t="s">
        <v>30</v>
      </c>
      <c r="B2627">
        <v>0.6</v>
      </c>
      <c r="C2627">
        <v>0.48</v>
      </c>
      <c r="D2627">
        <f t="shared" ref="D2627:D2690" si="43">VLOOKUP(A2627,$G$2:$H$21,2)</f>
        <v>3</v>
      </c>
    </row>
    <row r="2628" spans="1:4" x14ac:dyDescent="0.25">
      <c r="A2628" t="s">
        <v>15</v>
      </c>
      <c r="B2628">
        <v>0.35</v>
      </c>
      <c r="C2628">
        <v>0.13</v>
      </c>
      <c r="D2628">
        <f t="shared" si="43"/>
        <v>3</v>
      </c>
    </row>
    <row r="2629" spans="1:4" x14ac:dyDescent="0.25">
      <c r="A2629" t="s">
        <v>29</v>
      </c>
      <c r="B2629">
        <v>0.59</v>
      </c>
      <c r="C2629">
        <v>0.2</v>
      </c>
      <c r="D2629">
        <f t="shared" si="43"/>
        <v>1</v>
      </c>
    </row>
    <row r="2630" spans="1:4" x14ac:dyDescent="0.25">
      <c r="A2630" t="s">
        <v>16</v>
      </c>
      <c r="B2630">
        <v>0.68</v>
      </c>
      <c r="C2630">
        <v>0.63</v>
      </c>
      <c r="D2630">
        <f t="shared" si="43"/>
        <v>3</v>
      </c>
    </row>
    <row r="2631" spans="1:4" x14ac:dyDescent="0.25">
      <c r="A2631" t="s">
        <v>30</v>
      </c>
      <c r="B2631">
        <v>0.55000000000000004</v>
      </c>
      <c r="C2631">
        <v>0.33</v>
      </c>
      <c r="D2631">
        <f t="shared" si="43"/>
        <v>3</v>
      </c>
    </row>
    <row r="2632" spans="1:4" x14ac:dyDescent="0.25">
      <c r="A2632" t="s">
        <v>18</v>
      </c>
      <c r="B2632">
        <v>0.2</v>
      </c>
      <c r="C2632">
        <v>0.62</v>
      </c>
      <c r="D2632">
        <f t="shared" si="43"/>
        <v>1</v>
      </c>
    </row>
    <row r="2633" spans="1:4" x14ac:dyDescent="0.25">
      <c r="A2633" t="s">
        <v>19</v>
      </c>
      <c r="B2633">
        <v>0.55000000000000004</v>
      </c>
      <c r="C2633">
        <v>0.9</v>
      </c>
      <c r="D2633">
        <f t="shared" si="43"/>
        <v>3</v>
      </c>
    </row>
    <row r="2634" spans="1:4" x14ac:dyDescent="0.25">
      <c r="A2634" t="s">
        <v>29</v>
      </c>
      <c r="B2634">
        <v>0.9</v>
      </c>
      <c r="C2634">
        <v>0.26</v>
      </c>
      <c r="D2634">
        <f t="shared" si="43"/>
        <v>1</v>
      </c>
    </row>
    <row r="2635" spans="1:4" x14ac:dyDescent="0.25">
      <c r="A2635" t="s">
        <v>27</v>
      </c>
      <c r="B2635">
        <v>0.38</v>
      </c>
      <c r="C2635">
        <v>0.74</v>
      </c>
      <c r="D2635">
        <f t="shared" si="43"/>
        <v>3</v>
      </c>
    </row>
    <row r="2636" spans="1:4" x14ac:dyDescent="0.25">
      <c r="A2636" t="s">
        <v>22</v>
      </c>
      <c r="B2636">
        <v>7.0000000000000007E-2</v>
      </c>
      <c r="C2636">
        <v>0.41</v>
      </c>
      <c r="D2636">
        <f t="shared" si="43"/>
        <v>1</v>
      </c>
    </row>
    <row r="2637" spans="1:4" x14ac:dyDescent="0.25">
      <c r="A2637" t="s">
        <v>13</v>
      </c>
      <c r="B2637">
        <v>0.66</v>
      </c>
      <c r="C2637">
        <v>0.35</v>
      </c>
      <c r="D2637">
        <f t="shared" si="43"/>
        <v>3</v>
      </c>
    </row>
    <row r="2638" spans="1:4" x14ac:dyDescent="0.25">
      <c r="A2638" t="s">
        <v>25</v>
      </c>
      <c r="B2638">
        <v>0.56000000000000005</v>
      </c>
      <c r="C2638">
        <v>0.71</v>
      </c>
      <c r="D2638">
        <f t="shared" si="43"/>
        <v>3</v>
      </c>
    </row>
    <row r="2639" spans="1:4" x14ac:dyDescent="0.25">
      <c r="A2639" t="s">
        <v>23</v>
      </c>
      <c r="B2639">
        <v>0.39</v>
      </c>
      <c r="C2639">
        <v>0.5</v>
      </c>
      <c r="D2639">
        <f t="shared" si="43"/>
        <v>1</v>
      </c>
    </row>
    <row r="2640" spans="1:4" x14ac:dyDescent="0.25">
      <c r="A2640" t="s">
        <v>13</v>
      </c>
      <c r="B2640">
        <v>0.9</v>
      </c>
      <c r="C2640">
        <v>0.56999999999999995</v>
      </c>
      <c r="D2640">
        <f t="shared" si="43"/>
        <v>3</v>
      </c>
    </row>
    <row r="2641" spans="1:4" x14ac:dyDescent="0.25">
      <c r="A2641" t="s">
        <v>21</v>
      </c>
      <c r="B2641">
        <v>0.62</v>
      </c>
      <c r="C2641">
        <v>0.44</v>
      </c>
      <c r="D2641">
        <f t="shared" si="43"/>
        <v>2</v>
      </c>
    </row>
    <row r="2642" spans="1:4" x14ac:dyDescent="0.25">
      <c r="A2642" t="s">
        <v>7</v>
      </c>
      <c r="B2642">
        <v>0.05</v>
      </c>
      <c r="C2642">
        <v>0.88</v>
      </c>
      <c r="D2642">
        <f t="shared" si="43"/>
        <v>1</v>
      </c>
    </row>
    <row r="2643" spans="1:4" x14ac:dyDescent="0.25">
      <c r="A2643" t="s">
        <v>23</v>
      </c>
      <c r="B2643">
        <v>0.21</v>
      </c>
      <c r="C2643">
        <v>0.44</v>
      </c>
      <c r="D2643">
        <f t="shared" si="43"/>
        <v>1</v>
      </c>
    </row>
    <row r="2644" spans="1:4" x14ac:dyDescent="0.25">
      <c r="A2644" t="s">
        <v>7</v>
      </c>
      <c r="B2644">
        <v>0.25</v>
      </c>
      <c r="C2644">
        <v>0.82</v>
      </c>
      <c r="D2644">
        <f t="shared" si="43"/>
        <v>1</v>
      </c>
    </row>
    <row r="2645" spans="1:4" x14ac:dyDescent="0.25">
      <c r="A2645" t="s">
        <v>23</v>
      </c>
      <c r="B2645">
        <v>0.39</v>
      </c>
      <c r="C2645">
        <v>0.35</v>
      </c>
      <c r="D2645">
        <f t="shared" si="43"/>
        <v>1</v>
      </c>
    </row>
    <row r="2646" spans="1:4" x14ac:dyDescent="0.25">
      <c r="A2646" t="s">
        <v>25</v>
      </c>
      <c r="B2646">
        <v>0.34</v>
      </c>
      <c r="C2646">
        <v>0.91</v>
      </c>
      <c r="D2646">
        <f t="shared" si="43"/>
        <v>3</v>
      </c>
    </row>
    <row r="2647" spans="1:4" x14ac:dyDescent="0.25">
      <c r="A2647" t="s">
        <v>16</v>
      </c>
      <c r="B2647">
        <v>0.38</v>
      </c>
      <c r="C2647">
        <v>0.61</v>
      </c>
      <c r="D2647">
        <f t="shared" si="43"/>
        <v>3</v>
      </c>
    </row>
    <row r="2648" spans="1:4" x14ac:dyDescent="0.25">
      <c r="A2648" t="s">
        <v>11</v>
      </c>
      <c r="B2648">
        <v>0.77</v>
      </c>
      <c r="C2648">
        <v>0.93</v>
      </c>
      <c r="D2648">
        <f t="shared" si="43"/>
        <v>1</v>
      </c>
    </row>
    <row r="2649" spans="1:4" x14ac:dyDescent="0.25">
      <c r="A2649" t="s">
        <v>27</v>
      </c>
      <c r="B2649">
        <v>0.46</v>
      </c>
      <c r="C2649">
        <v>0.76</v>
      </c>
      <c r="D2649">
        <f t="shared" si="43"/>
        <v>3</v>
      </c>
    </row>
    <row r="2650" spans="1:4" x14ac:dyDescent="0.25">
      <c r="A2650" t="s">
        <v>15</v>
      </c>
      <c r="B2650">
        <v>0.03</v>
      </c>
      <c r="C2650">
        <v>0.2</v>
      </c>
      <c r="D2650">
        <f t="shared" si="43"/>
        <v>3</v>
      </c>
    </row>
    <row r="2651" spans="1:4" x14ac:dyDescent="0.25">
      <c r="A2651" t="s">
        <v>9</v>
      </c>
      <c r="B2651">
        <v>0.01</v>
      </c>
      <c r="C2651">
        <v>0.21</v>
      </c>
      <c r="D2651">
        <f t="shared" si="43"/>
        <v>3</v>
      </c>
    </row>
    <row r="2652" spans="1:4" x14ac:dyDescent="0.25">
      <c r="A2652" t="s">
        <v>17</v>
      </c>
      <c r="B2652">
        <v>0.15</v>
      </c>
      <c r="C2652">
        <v>0.14000000000000001</v>
      </c>
      <c r="D2652">
        <f t="shared" si="43"/>
        <v>3</v>
      </c>
    </row>
    <row r="2653" spans="1:4" x14ac:dyDescent="0.25">
      <c r="A2653" t="s">
        <v>27</v>
      </c>
      <c r="B2653">
        <v>0.76</v>
      </c>
      <c r="C2653">
        <v>0.9</v>
      </c>
      <c r="D2653">
        <f t="shared" si="43"/>
        <v>3</v>
      </c>
    </row>
    <row r="2654" spans="1:4" x14ac:dyDescent="0.25">
      <c r="A2654" t="s">
        <v>16</v>
      </c>
      <c r="B2654">
        <v>0.55000000000000004</v>
      </c>
      <c r="C2654">
        <v>0.45</v>
      </c>
      <c r="D2654">
        <f t="shared" si="43"/>
        <v>3</v>
      </c>
    </row>
    <row r="2655" spans="1:4" x14ac:dyDescent="0.25">
      <c r="A2655" t="s">
        <v>20</v>
      </c>
      <c r="B2655">
        <v>0.89</v>
      </c>
      <c r="C2655">
        <v>0.39</v>
      </c>
      <c r="D2655">
        <f t="shared" si="43"/>
        <v>3</v>
      </c>
    </row>
    <row r="2656" spans="1:4" x14ac:dyDescent="0.25">
      <c r="A2656" t="s">
        <v>28</v>
      </c>
      <c r="B2656">
        <v>0.09</v>
      </c>
      <c r="C2656">
        <v>0.54</v>
      </c>
      <c r="D2656">
        <f t="shared" si="43"/>
        <v>3</v>
      </c>
    </row>
    <row r="2657" spans="1:4" x14ac:dyDescent="0.25">
      <c r="A2657" t="s">
        <v>19</v>
      </c>
      <c r="B2657">
        <v>0.05</v>
      </c>
      <c r="C2657">
        <v>0.71</v>
      </c>
      <c r="D2657">
        <f t="shared" si="43"/>
        <v>3</v>
      </c>
    </row>
    <row r="2658" spans="1:4" x14ac:dyDescent="0.25">
      <c r="A2658" t="s">
        <v>13</v>
      </c>
      <c r="B2658">
        <v>0.01</v>
      </c>
      <c r="C2658">
        <v>0.5</v>
      </c>
      <c r="D2658">
        <f t="shared" si="43"/>
        <v>3</v>
      </c>
    </row>
    <row r="2659" spans="1:4" x14ac:dyDescent="0.25">
      <c r="A2659" t="s">
        <v>7</v>
      </c>
      <c r="B2659">
        <v>0.19</v>
      </c>
      <c r="C2659">
        <v>0.8</v>
      </c>
      <c r="D2659">
        <f t="shared" si="43"/>
        <v>1</v>
      </c>
    </row>
    <row r="2660" spans="1:4" x14ac:dyDescent="0.25">
      <c r="A2660" t="s">
        <v>20</v>
      </c>
      <c r="B2660">
        <v>0.51</v>
      </c>
      <c r="C2660">
        <v>0.48</v>
      </c>
      <c r="D2660">
        <f t="shared" si="43"/>
        <v>3</v>
      </c>
    </row>
    <row r="2661" spans="1:4" x14ac:dyDescent="0.25">
      <c r="A2661" t="s">
        <v>14</v>
      </c>
      <c r="B2661">
        <v>0.28000000000000003</v>
      </c>
      <c r="C2661">
        <v>0.5</v>
      </c>
      <c r="D2661">
        <f t="shared" si="43"/>
        <v>3</v>
      </c>
    </row>
    <row r="2662" spans="1:4" x14ac:dyDescent="0.25">
      <c r="A2662" t="s">
        <v>11</v>
      </c>
      <c r="B2662">
        <v>0.8</v>
      </c>
      <c r="C2662">
        <v>0.84</v>
      </c>
      <c r="D2662">
        <f t="shared" si="43"/>
        <v>1</v>
      </c>
    </row>
    <row r="2663" spans="1:4" x14ac:dyDescent="0.25">
      <c r="A2663" t="s">
        <v>23</v>
      </c>
      <c r="B2663">
        <v>0.55000000000000004</v>
      </c>
      <c r="C2663">
        <v>0.65</v>
      </c>
      <c r="D2663">
        <f t="shared" si="43"/>
        <v>1</v>
      </c>
    </row>
    <row r="2664" spans="1:4" x14ac:dyDescent="0.25">
      <c r="A2664" t="s">
        <v>28</v>
      </c>
      <c r="B2664">
        <v>0.53</v>
      </c>
      <c r="C2664">
        <v>0.63</v>
      </c>
      <c r="D2664">
        <f t="shared" si="43"/>
        <v>3</v>
      </c>
    </row>
    <row r="2665" spans="1:4" x14ac:dyDescent="0.25">
      <c r="A2665" t="s">
        <v>17</v>
      </c>
      <c r="B2665">
        <v>0.77</v>
      </c>
      <c r="C2665">
        <v>0.12</v>
      </c>
      <c r="D2665">
        <f t="shared" si="43"/>
        <v>3</v>
      </c>
    </row>
    <row r="2666" spans="1:4" x14ac:dyDescent="0.25">
      <c r="A2666" t="s">
        <v>21</v>
      </c>
      <c r="B2666">
        <v>0.25</v>
      </c>
      <c r="C2666">
        <v>0.36</v>
      </c>
      <c r="D2666">
        <f t="shared" si="43"/>
        <v>2</v>
      </c>
    </row>
    <row r="2667" spans="1:4" x14ac:dyDescent="0.25">
      <c r="A2667" t="s">
        <v>25</v>
      </c>
      <c r="B2667">
        <v>0.76</v>
      </c>
      <c r="C2667">
        <v>0.94</v>
      </c>
      <c r="D2667">
        <f t="shared" si="43"/>
        <v>3</v>
      </c>
    </row>
    <row r="2668" spans="1:4" x14ac:dyDescent="0.25">
      <c r="A2668" t="s">
        <v>15</v>
      </c>
      <c r="B2668">
        <v>0.35</v>
      </c>
      <c r="C2668">
        <v>0.26</v>
      </c>
      <c r="D2668">
        <f t="shared" si="43"/>
        <v>3</v>
      </c>
    </row>
    <row r="2669" spans="1:4" x14ac:dyDescent="0.25">
      <c r="A2669" t="s">
        <v>27</v>
      </c>
      <c r="B2669">
        <v>0.98</v>
      </c>
      <c r="C2669">
        <v>0.77</v>
      </c>
      <c r="D2669">
        <f t="shared" si="43"/>
        <v>3</v>
      </c>
    </row>
    <row r="2670" spans="1:4" x14ac:dyDescent="0.25">
      <c r="A2670" t="s">
        <v>20</v>
      </c>
      <c r="B2670">
        <v>0.62</v>
      </c>
      <c r="C2670">
        <v>0.42</v>
      </c>
      <c r="D2670">
        <f t="shared" si="43"/>
        <v>3</v>
      </c>
    </row>
    <row r="2671" spans="1:4" x14ac:dyDescent="0.25">
      <c r="A2671" t="s">
        <v>27</v>
      </c>
      <c r="B2671">
        <v>0.27</v>
      </c>
      <c r="C2671">
        <v>0.89</v>
      </c>
      <c r="D2671">
        <f t="shared" si="43"/>
        <v>3</v>
      </c>
    </row>
    <row r="2672" spans="1:4" x14ac:dyDescent="0.25">
      <c r="A2672" t="s">
        <v>14</v>
      </c>
      <c r="B2672">
        <v>0.77</v>
      </c>
      <c r="C2672">
        <v>0.43</v>
      </c>
      <c r="D2672">
        <f t="shared" si="43"/>
        <v>3</v>
      </c>
    </row>
    <row r="2673" spans="1:4" x14ac:dyDescent="0.25">
      <c r="A2673" t="s">
        <v>26</v>
      </c>
      <c r="B2673">
        <v>0.87</v>
      </c>
      <c r="C2673">
        <v>0.3</v>
      </c>
      <c r="D2673">
        <f t="shared" si="43"/>
        <v>3</v>
      </c>
    </row>
    <row r="2674" spans="1:4" x14ac:dyDescent="0.25">
      <c r="A2674" t="s">
        <v>11</v>
      </c>
      <c r="B2674">
        <v>0.65</v>
      </c>
      <c r="C2674">
        <v>0.77</v>
      </c>
      <c r="D2674">
        <f t="shared" si="43"/>
        <v>1</v>
      </c>
    </row>
    <row r="2675" spans="1:4" x14ac:dyDescent="0.25">
      <c r="A2675" t="s">
        <v>25</v>
      </c>
      <c r="B2675">
        <v>0.56000000000000005</v>
      </c>
      <c r="C2675">
        <v>0.88</v>
      </c>
      <c r="D2675">
        <f t="shared" si="43"/>
        <v>3</v>
      </c>
    </row>
    <row r="2676" spans="1:4" x14ac:dyDescent="0.25">
      <c r="A2676" t="s">
        <v>25</v>
      </c>
      <c r="B2676">
        <v>0.57999999999999996</v>
      </c>
      <c r="C2676">
        <v>0.77</v>
      </c>
      <c r="D2676">
        <f t="shared" si="43"/>
        <v>3</v>
      </c>
    </row>
    <row r="2677" spans="1:4" x14ac:dyDescent="0.25">
      <c r="A2677" t="s">
        <v>30</v>
      </c>
      <c r="B2677">
        <v>0.48</v>
      </c>
      <c r="C2677">
        <v>0.33</v>
      </c>
      <c r="D2677">
        <f t="shared" si="43"/>
        <v>3</v>
      </c>
    </row>
    <row r="2678" spans="1:4" x14ac:dyDescent="0.25">
      <c r="A2678" t="s">
        <v>21</v>
      </c>
      <c r="B2678">
        <v>0.03</v>
      </c>
      <c r="C2678">
        <v>0.33</v>
      </c>
      <c r="D2678">
        <f t="shared" si="43"/>
        <v>2</v>
      </c>
    </row>
    <row r="2679" spans="1:4" x14ac:dyDescent="0.25">
      <c r="A2679" t="s">
        <v>27</v>
      </c>
      <c r="B2679">
        <v>0.5</v>
      </c>
      <c r="C2679">
        <v>0.9</v>
      </c>
      <c r="D2679">
        <f t="shared" si="43"/>
        <v>3</v>
      </c>
    </row>
    <row r="2680" spans="1:4" x14ac:dyDescent="0.25">
      <c r="A2680" t="s">
        <v>13</v>
      </c>
      <c r="B2680">
        <v>0.5</v>
      </c>
      <c r="C2680">
        <v>0.39</v>
      </c>
      <c r="D2680">
        <f t="shared" si="43"/>
        <v>3</v>
      </c>
    </row>
    <row r="2681" spans="1:4" x14ac:dyDescent="0.25">
      <c r="A2681" t="s">
        <v>26</v>
      </c>
      <c r="B2681">
        <v>0.69</v>
      </c>
      <c r="C2681">
        <v>0.17</v>
      </c>
      <c r="D2681">
        <f t="shared" si="43"/>
        <v>3</v>
      </c>
    </row>
    <row r="2682" spans="1:4" x14ac:dyDescent="0.25">
      <c r="A2682" t="s">
        <v>16</v>
      </c>
      <c r="B2682">
        <v>0.47</v>
      </c>
      <c r="C2682">
        <v>0.56000000000000005</v>
      </c>
      <c r="D2682">
        <f t="shared" si="43"/>
        <v>3</v>
      </c>
    </row>
    <row r="2683" spans="1:4" x14ac:dyDescent="0.25">
      <c r="A2683" t="s">
        <v>11</v>
      </c>
      <c r="B2683">
        <v>0.43</v>
      </c>
      <c r="C2683">
        <v>0.77</v>
      </c>
      <c r="D2683">
        <f t="shared" si="43"/>
        <v>1</v>
      </c>
    </row>
    <row r="2684" spans="1:4" x14ac:dyDescent="0.25">
      <c r="A2684" t="s">
        <v>15</v>
      </c>
      <c r="B2684">
        <v>0.46</v>
      </c>
      <c r="C2684">
        <v>0.16</v>
      </c>
      <c r="D2684">
        <f t="shared" si="43"/>
        <v>3</v>
      </c>
    </row>
    <row r="2685" spans="1:4" x14ac:dyDescent="0.25">
      <c r="A2685" t="s">
        <v>16</v>
      </c>
      <c r="B2685">
        <v>0.01</v>
      </c>
      <c r="C2685">
        <v>0.46</v>
      </c>
      <c r="D2685">
        <f t="shared" si="43"/>
        <v>3</v>
      </c>
    </row>
    <row r="2686" spans="1:4" x14ac:dyDescent="0.25">
      <c r="A2686" t="s">
        <v>30</v>
      </c>
      <c r="B2686">
        <v>0.26</v>
      </c>
      <c r="C2686">
        <v>0.44</v>
      </c>
      <c r="D2686">
        <f t="shared" si="43"/>
        <v>3</v>
      </c>
    </row>
    <row r="2687" spans="1:4" x14ac:dyDescent="0.25">
      <c r="A2687" t="s">
        <v>13</v>
      </c>
      <c r="B2687">
        <v>0.5</v>
      </c>
      <c r="C2687">
        <v>0.35</v>
      </c>
      <c r="D2687">
        <f t="shared" si="43"/>
        <v>3</v>
      </c>
    </row>
    <row r="2688" spans="1:4" x14ac:dyDescent="0.25">
      <c r="A2688" t="s">
        <v>26</v>
      </c>
      <c r="B2688">
        <v>0.96</v>
      </c>
      <c r="C2688">
        <v>0.23</v>
      </c>
      <c r="D2688">
        <f t="shared" si="43"/>
        <v>3</v>
      </c>
    </row>
    <row r="2689" spans="1:4" x14ac:dyDescent="0.25">
      <c r="A2689" t="s">
        <v>25</v>
      </c>
      <c r="B2689">
        <v>0.61</v>
      </c>
      <c r="C2689">
        <v>0.71</v>
      </c>
      <c r="D2689">
        <f t="shared" si="43"/>
        <v>3</v>
      </c>
    </row>
    <row r="2690" spans="1:4" x14ac:dyDescent="0.25">
      <c r="A2690" t="s">
        <v>7</v>
      </c>
      <c r="B2690">
        <v>0.91</v>
      </c>
      <c r="C2690">
        <v>0.91</v>
      </c>
      <c r="D2690">
        <f t="shared" si="43"/>
        <v>1</v>
      </c>
    </row>
    <row r="2691" spans="1:4" x14ac:dyDescent="0.25">
      <c r="A2691" t="s">
        <v>17</v>
      </c>
      <c r="B2691">
        <v>0.19</v>
      </c>
      <c r="C2691">
        <v>0.18</v>
      </c>
      <c r="D2691">
        <f t="shared" ref="D2691:D2754" si="44">VLOOKUP(A2691,$G$2:$H$21,2)</f>
        <v>3</v>
      </c>
    </row>
    <row r="2692" spans="1:4" x14ac:dyDescent="0.25">
      <c r="A2692" t="s">
        <v>30</v>
      </c>
      <c r="B2692">
        <v>0.14000000000000001</v>
      </c>
      <c r="C2692">
        <v>0.42</v>
      </c>
      <c r="D2692">
        <f t="shared" si="44"/>
        <v>3</v>
      </c>
    </row>
    <row r="2693" spans="1:4" x14ac:dyDescent="0.25">
      <c r="A2693" t="s">
        <v>15</v>
      </c>
      <c r="B2693">
        <v>0.56999999999999995</v>
      </c>
      <c r="C2693">
        <v>0.09</v>
      </c>
      <c r="D2693">
        <f t="shared" si="44"/>
        <v>3</v>
      </c>
    </row>
    <row r="2694" spans="1:4" x14ac:dyDescent="0.25">
      <c r="A2694" t="s">
        <v>7</v>
      </c>
      <c r="B2694">
        <v>0.64</v>
      </c>
      <c r="C2694">
        <v>0.8</v>
      </c>
      <c r="D2694">
        <f t="shared" si="44"/>
        <v>1</v>
      </c>
    </row>
    <row r="2695" spans="1:4" x14ac:dyDescent="0.25">
      <c r="A2695" t="s">
        <v>19</v>
      </c>
      <c r="B2695">
        <v>0.23</v>
      </c>
      <c r="C2695">
        <v>0.72</v>
      </c>
      <c r="D2695">
        <f t="shared" si="44"/>
        <v>3</v>
      </c>
    </row>
    <row r="2696" spans="1:4" x14ac:dyDescent="0.25">
      <c r="A2696" t="s">
        <v>28</v>
      </c>
      <c r="B2696">
        <v>0.13</v>
      </c>
      <c r="C2696">
        <v>0.52</v>
      </c>
      <c r="D2696">
        <f t="shared" si="44"/>
        <v>3</v>
      </c>
    </row>
    <row r="2697" spans="1:4" x14ac:dyDescent="0.25">
      <c r="A2697" t="s">
        <v>28</v>
      </c>
      <c r="B2697">
        <v>0.15</v>
      </c>
      <c r="C2697">
        <v>0.4</v>
      </c>
      <c r="D2697">
        <f t="shared" si="44"/>
        <v>3</v>
      </c>
    </row>
    <row r="2698" spans="1:4" x14ac:dyDescent="0.25">
      <c r="A2698" t="s">
        <v>21</v>
      </c>
      <c r="B2698">
        <v>0.44</v>
      </c>
      <c r="C2698">
        <v>0.61</v>
      </c>
      <c r="D2698">
        <f t="shared" si="44"/>
        <v>2</v>
      </c>
    </row>
    <row r="2699" spans="1:4" x14ac:dyDescent="0.25">
      <c r="A2699" t="s">
        <v>20</v>
      </c>
      <c r="B2699">
        <v>0.95</v>
      </c>
      <c r="C2699">
        <v>0.49</v>
      </c>
      <c r="D2699">
        <f t="shared" si="44"/>
        <v>3</v>
      </c>
    </row>
    <row r="2700" spans="1:4" x14ac:dyDescent="0.25">
      <c r="A2700" t="s">
        <v>18</v>
      </c>
      <c r="B2700">
        <v>0.64</v>
      </c>
      <c r="C2700">
        <v>0.59</v>
      </c>
      <c r="D2700">
        <f t="shared" si="44"/>
        <v>1</v>
      </c>
    </row>
    <row r="2701" spans="1:4" x14ac:dyDescent="0.25">
      <c r="A2701" t="s">
        <v>19</v>
      </c>
      <c r="B2701">
        <v>0.78</v>
      </c>
      <c r="C2701">
        <v>0.82</v>
      </c>
      <c r="D2701">
        <f t="shared" si="44"/>
        <v>3</v>
      </c>
    </row>
    <row r="2702" spans="1:4" x14ac:dyDescent="0.25">
      <c r="A2702" t="s">
        <v>19</v>
      </c>
      <c r="B2702">
        <v>0.43</v>
      </c>
      <c r="C2702">
        <v>0.85</v>
      </c>
      <c r="D2702">
        <f t="shared" si="44"/>
        <v>3</v>
      </c>
    </row>
    <row r="2703" spans="1:4" x14ac:dyDescent="0.25">
      <c r="A2703" t="s">
        <v>27</v>
      </c>
      <c r="B2703">
        <v>0.51</v>
      </c>
      <c r="C2703">
        <v>0.86</v>
      </c>
      <c r="D2703">
        <f t="shared" si="44"/>
        <v>3</v>
      </c>
    </row>
    <row r="2704" spans="1:4" x14ac:dyDescent="0.25">
      <c r="A2704" t="s">
        <v>25</v>
      </c>
      <c r="B2704">
        <v>0.04</v>
      </c>
      <c r="C2704">
        <v>0.92</v>
      </c>
      <c r="D2704">
        <f t="shared" si="44"/>
        <v>3</v>
      </c>
    </row>
    <row r="2705" spans="1:4" x14ac:dyDescent="0.25">
      <c r="A2705" t="s">
        <v>21</v>
      </c>
      <c r="B2705">
        <v>0.42</v>
      </c>
      <c r="C2705">
        <v>0.59</v>
      </c>
      <c r="D2705">
        <f t="shared" si="44"/>
        <v>2</v>
      </c>
    </row>
    <row r="2706" spans="1:4" x14ac:dyDescent="0.25">
      <c r="A2706" t="s">
        <v>30</v>
      </c>
      <c r="B2706">
        <v>0.1</v>
      </c>
      <c r="C2706">
        <v>0.42</v>
      </c>
      <c r="D2706">
        <f t="shared" si="44"/>
        <v>3</v>
      </c>
    </row>
    <row r="2707" spans="1:4" x14ac:dyDescent="0.25">
      <c r="A2707" t="s">
        <v>27</v>
      </c>
      <c r="B2707">
        <v>0.71</v>
      </c>
      <c r="C2707">
        <v>0.92</v>
      </c>
      <c r="D2707">
        <f t="shared" si="44"/>
        <v>3</v>
      </c>
    </row>
    <row r="2708" spans="1:4" x14ac:dyDescent="0.25">
      <c r="A2708" t="s">
        <v>15</v>
      </c>
      <c r="B2708">
        <v>0.45</v>
      </c>
      <c r="C2708">
        <v>0.19</v>
      </c>
      <c r="D2708">
        <f t="shared" si="44"/>
        <v>3</v>
      </c>
    </row>
    <row r="2709" spans="1:4" x14ac:dyDescent="0.25">
      <c r="A2709" t="s">
        <v>26</v>
      </c>
      <c r="B2709">
        <v>0.09</v>
      </c>
      <c r="C2709">
        <v>0.12</v>
      </c>
      <c r="D2709">
        <f t="shared" si="44"/>
        <v>3</v>
      </c>
    </row>
    <row r="2710" spans="1:4" x14ac:dyDescent="0.25">
      <c r="A2710" t="s">
        <v>19</v>
      </c>
      <c r="B2710">
        <v>7.0000000000000007E-2</v>
      </c>
      <c r="C2710">
        <v>0.81</v>
      </c>
      <c r="D2710">
        <f t="shared" si="44"/>
        <v>3</v>
      </c>
    </row>
    <row r="2711" spans="1:4" x14ac:dyDescent="0.25">
      <c r="A2711" t="s">
        <v>28</v>
      </c>
      <c r="B2711">
        <v>0.45</v>
      </c>
      <c r="C2711">
        <v>0.44</v>
      </c>
      <c r="D2711">
        <f t="shared" si="44"/>
        <v>3</v>
      </c>
    </row>
    <row r="2712" spans="1:4" x14ac:dyDescent="0.25">
      <c r="A2712" t="s">
        <v>18</v>
      </c>
      <c r="B2712">
        <v>0.73</v>
      </c>
      <c r="C2712">
        <v>0.34</v>
      </c>
      <c r="D2712">
        <f t="shared" si="44"/>
        <v>1</v>
      </c>
    </row>
    <row r="2713" spans="1:4" x14ac:dyDescent="0.25">
      <c r="A2713" t="s">
        <v>7</v>
      </c>
      <c r="B2713">
        <v>0.87</v>
      </c>
      <c r="C2713">
        <v>0.84</v>
      </c>
      <c r="D2713">
        <f t="shared" si="44"/>
        <v>1</v>
      </c>
    </row>
    <row r="2714" spans="1:4" x14ac:dyDescent="0.25">
      <c r="A2714" t="s">
        <v>14</v>
      </c>
      <c r="B2714">
        <v>0.75</v>
      </c>
      <c r="C2714">
        <v>0.56000000000000005</v>
      </c>
      <c r="D2714">
        <f t="shared" si="44"/>
        <v>3</v>
      </c>
    </row>
    <row r="2715" spans="1:4" x14ac:dyDescent="0.25">
      <c r="A2715" t="s">
        <v>30</v>
      </c>
      <c r="B2715">
        <v>0.45</v>
      </c>
      <c r="C2715">
        <v>0.67</v>
      </c>
      <c r="D2715">
        <f t="shared" si="44"/>
        <v>3</v>
      </c>
    </row>
    <row r="2716" spans="1:4" x14ac:dyDescent="0.25">
      <c r="A2716" t="s">
        <v>13</v>
      </c>
      <c r="B2716">
        <v>0.8</v>
      </c>
      <c r="C2716">
        <v>0.39</v>
      </c>
      <c r="D2716">
        <f t="shared" si="44"/>
        <v>3</v>
      </c>
    </row>
    <row r="2717" spans="1:4" x14ac:dyDescent="0.25">
      <c r="A2717" t="s">
        <v>26</v>
      </c>
      <c r="B2717">
        <v>0.64</v>
      </c>
      <c r="C2717">
        <v>0.2</v>
      </c>
      <c r="D2717">
        <f t="shared" si="44"/>
        <v>3</v>
      </c>
    </row>
    <row r="2718" spans="1:4" x14ac:dyDescent="0.25">
      <c r="A2718" t="s">
        <v>20</v>
      </c>
      <c r="B2718">
        <v>0.37</v>
      </c>
      <c r="C2718">
        <v>0.43</v>
      </c>
      <c r="D2718">
        <f t="shared" si="44"/>
        <v>3</v>
      </c>
    </row>
    <row r="2719" spans="1:4" x14ac:dyDescent="0.25">
      <c r="A2719" t="s">
        <v>23</v>
      </c>
      <c r="B2719">
        <v>0.5</v>
      </c>
      <c r="C2719">
        <v>0.67</v>
      </c>
      <c r="D2719">
        <f t="shared" si="44"/>
        <v>1</v>
      </c>
    </row>
    <row r="2720" spans="1:4" x14ac:dyDescent="0.25">
      <c r="A2720" t="s">
        <v>14</v>
      </c>
      <c r="B2720">
        <v>0.04</v>
      </c>
      <c r="C2720">
        <v>0.42</v>
      </c>
      <c r="D2720">
        <f t="shared" si="44"/>
        <v>3</v>
      </c>
    </row>
    <row r="2721" spans="1:4" x14ac:dyDescent="0.25">
      <c r="A2721" t="s">
        <v>22</v>
      </c>
      <c r="B2721">
        <v>0.78</v>
      </c>
      <c r="C2721">
        <v>0.32</v>
      </c>
      <c r="D2721">
        <f t="shared" si="44"/>
        <v>1</v>
      </c>
    </row>
    <row r="2722" spans="1:4" x14ac:dyDescent="0.25">
      <c r="A2722" t="s">
        <v>21</v>
      </c>
      <c r="B2722">
        <v>0.55000000000000004</v>
      </c>
      <c r="C2722">
        <v>0.63</v>
      </c>
      <c r="D2722">
        <f t="shared" si="44"/>
        <v>2</v>
      </c>
    </row>
    <row r="2723" spans="1:4" x14ac:dyDescent="0.25">
      <c r="A2723" t="s">
        <v>23</v>
      </c>
      <c r="B2723">
        <v>0.48</v>
      </c>
      <c r="C2723">
        <v>0.53</v>
      </c>
      <c r="D2723">
        <f t="shared" si="44"/>
        <v>1</v>
      </c>
    </row>
    <row r="2724" spans="1:4" x14ac:dyDescent="0.25">
      <c r="A2724" t="s">
        <v>7</v>
      </c>
      <c r="B2724">
        <v>0.52</v>
      </c>
      <c r="C2724">
        <v>0.89</v>
      </c>
      <c r="D2724">
        <f t="shared" si="44"/>
        <v>1</v>
      </c>
    </row>
    <row r="2725" spans="1:4" x14ac:dyDescent="0.25">
      <c r="A2725" t="s">
        <v>22</v>
      </c>
      <c r="B2725">
        <v>0.87</v>
      </c>
      <c r="C2725">
        <v>0.42</v>
      </c>
      <c r="D2725">
        <f t="shared" si="44"/>
        <v>1</v>
      </c>
    </row>
    <row r="2726" spans="1:4" x14ac:dyDescent="0.25">
      <c r="A2726" t="s">
        <v>25</v>
      </c>
      <c r="B2726">
        <v>0.42</v>
      </c>
      <c r="C2726">
        <v>0.72</v>
      </c>
      <c r="D2726">
        <f t="shared" si="44"/>
        <v>3</v>
      </c>
    </row>
    <row r="2727" spans="1:4" x14ac:dyDescent="0.25">
      <c r="A2727" t="s">
        <v>15</v>
      </c>
      <c r="B2727">
        <v>0.18</v>
      </c>
      <c r="C2727">
        <v>0.23</v>
      </c>
      <c r="D2727">
        <f t="shared" si="44"/>
        <v>3</v>
      </c>
    </row>
    <row r="2728" spans="1:4" x14ac:dyDescent="0.25">
      <c r="A2728" t="s">
        <v>23</v>
      </c>
      <c r="B2728">
        <v>0.82</v>
      </c>
      <c r="C2728">
        <v>0.69</v>
      </c>
      <c r="D2728">
        <f t="shared" si="44"/>
        <v>1</v>
      </c>
    </row>
    <row r="2729" spans="1:4" x14ac:dyDescent="0.25">
      <c r="A2729" t="s">
        <v>9</v>
      </c>
      <c r="B2729">
        <v>0.25</v>
      </c>
      <c r="C2729">
        <v>0.2</v>
      </c>
      <c r="D2729">
        <f t="shared" si="44"/>
        <v>3</v>
      </c>
    </row>
    <row r="2730" spans="1:4" x14ac:dyDescent="0.25">
      <c r="A2730" t="s">
        <v>13</v>
      </c>
      <c r="B2730">
        <v>0.45</v>
      </c>
      <c r="C2730">
        <v>0.46</v>
      </c>
      <c r="D2730">
        <f t="shared" si="44"/>
        <v>3</v>
      </c>
    </row>
    <row r="2731" spans="1:4" x14ac:dyDescent="0.25">
      <c r="A2731" t="s">
        <v>28</v>
      </c>
      <c r="B2731">
        <v>0.43</v>
      </c>
      <c r="C2731">
        <v>0.65</v>
      </c>
      <c r="D2731">
        <f t="shared" si="44"/>
        <v>3</v>
      </c>
    </row>
    <row r="2732" spans="1:4" x14ac:dyDescent="0.25">
      <c r="A2732" t="s">
        <v>13</v>
      </c>
      <c r="B2732">
        <v>0.65</v>
      </c>
      <c r="C2732">
        <v>0.57999999999999996</v>
      </c>
      <c r="D2732">
        <f t="shared" si="44"/>
        <v>3</v>
      </c>
    </row>
    <row r="2733" spans="1:4" x14ac:dyDescent="0.25">
      <c r="A2733" t="s">
        <v>26</v>
      </c>
      <c r="B2733">
        <v>0.42</v>
      </c>
      <c r="C2733">
        <v>0.09</v>
      </c>
      <c r="D2733">
        <f t="shared" si="44"/>
        <v>3</v>
      </c>
    </row>
    <row r="2734" spans="1:4" x14ac:dyDescent="0.25">
      <c r="A2734" t="s">
        <v>19</v>
      </c>
      <c r="B2734">
        <v>0.4</v>
      </c>
      <c r="C2734">
        <v>0.85</v>
      </c>
      <c r="D2734">
        <f t="shared" si="44"/>
        <v>3</v>
      </c>
    </row>
    <row r="2735" spans="1:4" x14ac:dyDescent="0.25">
      <c r="A2735" t="s">
        <v>23</v>
      </c>
      <c r="B2735">
        <v>0.92</v>
      </c>
      <c r="C2735">
        <v>0.38</v>
      </c>
      <c r="D2735">
        <f t="shared" si="44"/>
        <v>1</v>
      </c>
    </row>
    <row r="2736" spans="1:4" x14ac:dyDescent="0.25">
      <c r="A2736" t="s">
        <v>19</v>
      </c>
      <c r="B2736">
        <v>0.67</v>
      </c>
      <c r="C2736">
        <v>0.77</v>
      </c>
      <c r="D2736">
        <f t="shared" si="44"/>
        <v>3</v>
      </c>
    </row>
    <row r="2737" spans="1:4" x14ac:dyDescent="0.25">
      <c r="A2737" t="s">
        <v>20</v>
      </c>
      <c r="B2737">
        <v>0.66</v>
      </c>
      <c r="C2737">
        <v>0.68</v>
      </c>
      <c r="D2737">
        <f t="shared" si="44"/>
        <v>3</v>
      </c>
    </row>
    <row r="2738" spans="1:4" x14ac:dyDescent="0.25">
      <c r="A2738" t="s">
        <v>21</v>
      </c>
      <c r="B2738">
        <v>0.31</v>
      </c>
      <c r="C2738">
        <v>0.52</v>
      </c>
      <c r="D2738">
        <f t="shared" si="44"/>
        <v>2</v>
      </c>
    </row>
    <row r="2739" spans="1:4" x14ac:dyDescent="0.25">
      <c r="A2739" t="s">
        <v>7</v>
      </c>
      <c r="B2739">
        <v>0.82</v>
      </c>
      <c r="C2739">
        <v>0.72</v>
      </c>
      <c r="D2739">
        <f t="shared" si="44"/>
        <v>1</v>
      </c>
    </row>
    <row r="2740" spans="1:4" x14ac:dyDescent="0.25">
      <c r="A2740" t="s">
        <v>25</v>
      </c>
      <c r="B2740">
        <v>0.11</v>
      </c>
      <c r="C2740">
        <v>0.89</v>
      </c>
      <c r="D2740">
        <f t="shared" si="44"/>
        <v>3</v>
      </c>
    </row>
    <row r="2741" spans="1:4" x14ac:dyDescent="0.25">
      <c r="A2741" t="s">
        <v>14</v>
      </c>
      <c r="B2741">
        <v>0.37</v>
      </c>
      <c r="C2741">
        <v>0.44</v>
      </c>
      <c r="D2741">
        <f t="shared" si="44"/>
        <v>3</v>
      </c>
    </row>
    <row r="2742" spans="1:4" x14ac:dyDescent="0.25">
      <c r="A2742" t="s">
        <v>27</v>
      </c>
      <c r="B2742">
        <v>0.3</v>
      </c>
      <c r="C2742">
        <v>0.93</v>
      </c>
      <c r="D2742">
        <f t="shared" si="44"/>
        <v>3</v>
      </c>
    </row>
    <row r="2743" spans="1:4" x14ac:dyDescent="0.25">
      <c r="A2743" t="s">
        <v>14</v>
      </c>
      <c r="B2743">
        <v>0.19</v>
      </c>
      <c r="C2743">
        <v>0.38</v>
      </c>
      <c r="D2743">
        <f t="shared" si="44"/>
        <v>3</v>
      </c>
    </row>
    <row r="2744" spans="1:4" x14ac:dyDescent="0.25">
      <c r="A2744" t="s">
        <v>22</v>
      </c>
      <c r="B2744">
        <v>0.74</v>
      </c>
      <c r="C2744">
        <v>0.63</v>
      </c>
      <c r="D2744">
        <f t="shared" si="44"/>
        <v>1</v>
      </c>
    </row>
    <row r="2745" spans="1:4" x14ac:dyDescent="0.25">
      <c r="A2745" t="s">
        <v>30</v>
      </c>
      <c r="B2745">
        <v>0.92</v>
      </c>
      <c r="C2745">
        <v>0.4</v>
      </c>
      <c r="D2745">
        <f t="shared" si="44"/>
        <v>3</v>
      </c>
    </row>
    <row r="2746" spans="1:4" x14ac:dyDescent="0.25">
      <c r="A2746" t="s">
        <v>29</v>
      </c>
      <c r="B2746">
        <v>0.81</v>
      </c>
      <c r="C2746">
        <v>0.05</v>
      </c>
      <c r="D2746">
        <f t="shared" si="44"/>
        <v>1</v>
      </c>
    </row>
    <row r="2747" spans="1:4" x14ac:dyDescent="0.25">
      <c r="A2747" t="s">
        <v>27</v>
      </c>
      <c r="B2747">
        <v>0.51</v>
      </c>
      <c r="C2747">
        <v>0.87</v>
      </c>
      <c r="D2747">
        <f t="shared" si="44"/>
        <v>3</v>
      </c>
    </row>
    <row r="2748" spans="1:4" x14ac:dyDescent="0.25">
      <c r="A2748" t="s">
        <v>23</v>
      </c>
      <c r="B2748">
        <v>0.49</v>
      </c>
      <c r="C2748">
        <v>0.51</v>
      </c>
      <c r="D2748">
        <f t="shared" si="44"/>
        <v>1</v>
      </c>
    </row>
    <row r="2749" spans="1:4" x14ac:dyDescent="0.25">
      <c r="A2749" t="s">
        <v>13</v>
      </c>
      <c r="B2749">
        <v>0.6</v>
      </c>
      <c r="C2749">
        <v>0.53</v>
      </c>
      <c r="D2749">
        <f t="shared" si="44"/>
        <v>3</v>
      </c>
    </row>
    <row r="2750" spans="1:4" x14ac:dyDescent="0.25">
      <c r="A2750" t="s">
        <v>18</v>
      </c>
      <c r="B2750">
        <v>0.48</v>
      </c>
      <c r="C2750">
        <v>0.34</v>
      </c>
      <c r="D2750">
        <f t="shared" si="44"/>
        <v>1</v>
      </c>
    </row>
    <row r="2751" spans="1:4" x14ac:dyDescent="0.25">
      <c r="A2751" t="s">
        <v>11</v>
      </c>
      <c r="B2751">
        <v>0.64</v>
      </c>
      <c r="C2751">
        <v>0.82</v>
      </c>
      <c r="D2751">
        <f t="shared" si="44"/>
        <v>1</v>
      </c>
    </row>
    <row r="2752" spans="1:4" x14ac:dyDescent="0.25">
      <c r="A2752" t="s">
        <v>22</v>
      </c>
      <c r="B2752">
        <v>0.93</v>
      </c>
      <c r="C2752">
        <v>0.48</v>
      </c>
      <c r="D2752">
        <f t="shared" si="44"/>
        <v>1</v>
      </c>
    </row>
    <row r="2753" spans="1:4" x14ac:dyDescent="0.25">
      <c r="A2753" t="s">
        <v>7</v>
      </c>
      <c r="B2753">
        <v>0.05</v>
      </c>
      <c r="C2753">
        <v>0.86</v>
      </c>
      <c r="D2753">
        <f t="shared" si="44"/>
        <v>1</v>
      </c>
    </row>
    <row r="2754" spans="1:4" x14ac:dyDescent="0.25">
      <c r="A2754" t="s">
        <v>11</v>
      </c>
      <c r="B2754">
        <v>0.92</v>
      </c>
      <c r="C2754">
        <v>0.71</v>
      </c>
      <c r="D2754">
        <f t="shared" si="44"/>
        <v>1</v>
      </c>
    </row>
    <row r="2755" spans="1:4" x14ac:dyDescent="0.25">
      <c r="A2755" t="s">
        <v>13</v>
      </c>
      <c r="B2755">
        <v>0.8</v>
      </c>
      <c r="C2755">
        <v>0.57999999999999996</v>
      </c>
      <c r="D2755">
        <f t="shared" ref="D2755:D2818" si="45">VLOOKUP(A2755,$G$2:$H$21,2)</f>
        <v>3</v>
      </c>
    </row>
    <row r="2756" spans="1:4" x14ac:dyDescent="0.25">
      <c r="A2756" t="s">
        <v>30</v>
      </c>
      <c r="B2756">
        <v>0.72</v>
      </c>
      <c r="C2756">
        <v>0.33</v>
      </c>
      <c r="D2756">
        <f t="shared" si="45"/>
        <v>3</v>
      </c>
    </row>
    <row r="2757" spans="1:4" x14ac:dyDescent="0.25">
      <c r="A2757" t="s">
        <v>16</v>
      </c>
      <c r="B2757">
        <v>0.32</v>
      </c>
      <c r="C2757">
        <v>0.36</v>
      </c>
      <c r="D2757">
        <f t="shared" si="45"/>
        <v>3</v>
      </c>
    </row>
    <row r="2758" spans="1:4" x14ac:dyDescent="0.25">
      <c r="A2758" t="s">
        <v>23</v>
      </c>
      <c r="B2758">
        <v>0.25</v>
      </c>
      <c r="C2758">
        <v>0.64</v>
      </c>
      <c r="D2758">
        <f t="shared" si="45"/>
        <v>1</v>
      </c>
    </row>
    <row r="2759" spans="1:4" x14ac:dyDescent="0.25">
      <c r="A2759" t="s">
        <v>26</v>
      </c>
      <c r="B2759">
        <v>0.54</v>
      </c>
      <c r="C2759">
        <v>0.21</v>
      </c>
      <c r="D2759">
        <f t="shared" si="45"/>
        <v>3</v>
      </c>
    </row>
    <row r="2760" spans="1:4" x14ac:dyDescent="0.25">
      <c r="A2760" t="s">
        <v>14</v>
      </c>
      <c r="B2760">
        <v>0.59</v>
      </c>
      <c r="C2760">
        <v>0.51</v>
      </c>
      <c r="D2760">
        <f t="shared" si="45"/>
        <v>3</v>
      </c>
    </row>
    <row r="2761" spans="1:4" x14ac:dyDescent="0.25">
      <c r="A2761" t="s">
        <v>22</v>
      </c>
      <c r="B2761">
        <v>0.49</v>
      </c>
      <c r="C2761">
        <v>0.44</v>
      </c>
      <c r="D2761">
        <f t="shared" si="45"/>
        <v>1</v>
      </c>
    </row>
    <row r="2762" spans="1:4" x14ac:dyDescent="0.25">
      <c r="A2762" t="s">
        <v>17</v>
      </c>
      <c r="B2762">
        <v>0.63</v>
      </c>
      <c r="C2762">
        <v>0.21</v>
      </c>
      <c r="D2762">
        <f t="shared" si="45"/>
        <v>3</v>
      </c>
    </row>
    <row r="2763" spans="1:4" x14ac:dyDescent="0.25">
      <c r="A2763" t="s">
        <v>28</v>
      </c>
      <c r="B2763">
        <v>0.6</v>
      </c>
      <c r="C2763">
        <v>0.32</v>
      </c>
      <c r="D2763">
        <f t="shared" si="45"/>
        <v>3</v>
      </c>
    </row>
    <row r="2764" spans="1:4" x14ac:dyDescent="0.25">
      <c r="A2764" t="s">
        <v>11</v>
      </c>
      <c r="B2764">
        <v>0.34</v>
      </c>
      <c r="C2764">
        <v>0.94</v>
      </c>
      <c r="D2764">
        <f t="shared" si="45"/>
        <v>1</v>
      </c>
    </row>
    <row r="2765" spans="1:4" x14ac:dyDescent="0.25">
      <c r="A2765" t="s">
        <v>30</v>
      </c>
      <c r="B2765">
        <v>0.95</v>
      </c>
      <c r="C2765">
        <v>0.64</v>
      </c>
      <c r="D2765">
        <f t="shared" si="45"/>
        <v>3</v>
      </c>
    </row>
    <row r="2766" spans="1:4" x14ac:dyDescent="0.25">
      <c r="A2766" t="s">
        <v>22</v>
      </c>
      <c r="B2766">
        <v>0.28000000000000003</v>
      </c>
      <c r="C2766">
        <v>0.64</v>
      </c>
      <c r="D2766">
        <f t="shared" si="45"/>
        <v>1</v>
      </c>
    </row>
    <row r="2767" spans="1:4" x14ac:dyDescent="0.25">
      <c r="A2767" t="s">
        <v>13</v>
      </c>
      <c r="B2767">
        <v>0.08</v>
      </c>
      <c r="C2767">
        <v>0.59</v>
      </c>
      <c r="D2767">
        <f t="shared" si="45"/>
        <v>3</v>
      </c>
    </row>
    <row r="2768" spans="1:4" x14ac:dyDescent="0.25">
      <c r="A2768" t="s">
        <v>11</v>
      </c>
      <c r="B2768">
        <v>0.28000000000000003</v>
      </c>
      <c r="C2768">
        <v>0.76</v>
      </c>
      <c r="D2768">
        <f t="shared" si="45"/>
        <v>1</v>
      </c>
    </row>
    <row r="2769" spans="1:4" x14ac:dyDescent="0.25">
      <c r="A2769" t="s">
        <v>22</v>
      </c>
      <c r="B2769">
        <v>0.95</v>
      </c>
      <c r="C2769">
        <v>0.35</v>
      </c>
      <c r="D2769">
        <f t="shared" si="45"/>
        <v>1</v>
      </c>
    </row>
    <row r="2770" spans="1:4" x14ac:dyDescent="0.25">
      <c r="A2770" t="s">
        <v>29</v>
      </c>
      <c r="B2770">
        <v>0.28999999999999998</v>
      </c>
      <c r="C2770">
        <v>0.06</v>
      </c>
      <c r="D2770">
        <f t="shared" si="45"/>
        <v>1</v>
      </c>
    </row>
    <row r="2771" spans="1:4" x14ac:dyDescent="0.25">
      <c r="A2771" t="s">
        <v>23</v>
      </c>
      <c r="B2771">
        <v>0.76</v>
      </c>
      <c r="C2771">
        <v>0.44</v>
      </c>
      <c r="D2771">
        <f t="shared" si="45"/>
        <v>1</v>
      </c>
    </row>
    <row r="2772" spans="1:4" x14ac:dyDescent="0.25">
      <c r="A2772" t="s">
        <v>18</v>
      </c>
      <c r="B2772">
        <v>0.62</v>
      </c>
      <c r="C2772">
        <v>0.56999999999999995</v>
      </c>
      <c r="D2772">
        <f t="shared" si="45"/>
        <v>1</v>
      </c>
    </row>
    <row r="2773" spans="1:4" x14ac:dyDescent="0.25">
      <c r="A2773" t="s">
        <v>30</v>
      </c>
      <c r="B2773">
        <v>0.01</v>
      </c>
      <c r="C2773">
        <v>0.5</v>
      </c>
      <c r="D2773">
        <f t="shared" si="45"/>
        <v>3</v>
      </c>
    </row>
    <row r="2774" spans="1:4" x14ac:dyDescent="0.25">
      <c r="A2774" t="s">
        <v>11</v>
      </c>
      <c r="B2774">
        <v>0.13</v>
      </c>
      <c r="C2774">
        <v>0.71</v>
      </c>
      <c r="D2774">
        <f t="shared" si="45"/>
        <v>1</v>
      </c>
    </row>
    <row r="2775" spans="1:4" x14ac:dyDescent="0.25">
      <c r="A2775" t="s">
        <v>20</v>
      </c>
      <c r="B2775">
        <v>0.14000000000000001</v>
      </c>
      <c r="C2775">
        <v>0.63</v>
      </c>
      <c r="D2775">
        <f t="shared" si="45"/>
        <v>3</v>
      </c>
    </row>
    <row r="2776" spans="1:4" x14ac:dyDescent="0.25">
      <c r="A2776" t="s">
        <v>16</v>
      </c>
      <c r="B2776">
        <v>0.91</v>
      </c>
      <c r="C2776">
        <v>0.48</v>
      </c>
      <c r="D2776">
        <f t="shared" si="45"/>
        <v>3</v>
      </c>
    </row>
    <row r="2777" spans="1:4" x14ac:dyDescent="0.25">
      <c r="A2777" t="s">
        <v>15</v>
      </c>
      <c r="B2777">
        <v>0.16</v>
      </c>
      <c r="C2777">
        <v>0.2</v>
      </c>
      <c r="D2777">
        <f t="shared" si="45"/>
        <v>3</v>
      </c>
    </row>
    <row r="2778" spans="1:4" x14ac:dyDescent="0.25">
      <c r="A2778" t="s">
        <v>18</v>
      </c>
      <c r="B2778">
        <v>0.25</v>
      </c>
      <c r="C2778">
        <v>0.49</v>
      </c>
      <c r="D2778">
        <f t="shared" si="45"/>
        <v>1</v>
      </c>
    </row>
    <row r="2779" spans="1:4" x14ac:dyDescent="0.25">
      <c r="A2779" t="s">
        <v>22</v>
      </c>
      <c r="B2779">
        <v>0.99</v>
      </c>
      <c r="C2779">
        <v>0.67</v>
      </c>
      <c r="D2779">
        <f t="shared" si="45"/>
        <v>1</v>
      </c>
    </row>
    <row r="2780" spans="1:4" x14ac:dyDescent="0.25">
      <c r="A2780" t="s">
        <v>29</v>
      </c>
      <c r="B2780">
        <v>0.87</v>
      </c>
      <c r="C2780">
        <v>0.28999999999999998</v>
      </c>
      <c r="D2780">
        <f t="shared" si="45"/>
        <v>1</v>
      </c>
    </row>
    <row r="2781" spans="1:4" x14ac:dyDescent="0.25">
      <c r="A2781" t="s">
        <v>18</v>
      </c>
      <c r="B2781">
        <v>0.28000000000000003</v>
      </c>
      <c r="C2781">
        <v>0.48</v>
      </c>
      <c r="D2781">
        <f t="shared" si="45"/>
        <v>1</v>
      </c>
    </row>
    <row r="2782" spans="1:4" x14ac:dyDescent="0.25">
      <c r="A2782" t="s">
        <v>11</v>
      </c>
      <c r="B2782">
        <v>0.21</v>
      </c>
      <c r="C2782">
        <v>0.76</v>
      </c>
      <c r="D2782">
        <f t="shared" si="45"/>
        <v>1</v>
      </c>
    </row>
    <row r="2783" spans="1:4" x14ac:dyDescent="0.25">
      <c r="A2783" t="s">
        <v>21</v>
      </c>
      <c r="B2783">
        <v>0.87</v>
      </c>
      <c r="C2783">
        <v>0.52</v>
      </c>
      <c r="D2783">
        <f t="shared" si="45"/>
        <v>2</v>
      </c>
    </row>
    <row r="2784" spans="1:4" x14ac:dyDescent="0.25">
      <c r="A2784" t="s">
        <v>15</v>
      </c>
      <c r="B2784">
        <v>0.06</v>
      </c>
      <c r="C2784">
        <v>0.2</v>
      </c>
      <c r="D2784">
        <f t="shared" si="45"/>
        <v>3</v>
      </c>
    </row>
    <row r="2785" spans="1:4" x14ac:dyDescent="0.25">
      <c r="A2785" t="s">
        <v>7</v>
      </c>
      <c r="B2785">
        <v>0.32</v>
      </c>
      <c r="C2785">
        <v>0.94</v>
      </c>
      <c r="D2785">
        <f t="shared" si="45"/>
        <v>1</v>
      </c>
    </row>
    <row r="2786" spans="1:4" x14ac:dyDescent="0.25">
      <c r="A2786" t="s">
        <v>13</v>
      </c>
      <c r="B2786">
        <v>0.44</v>
      </c>
      <c r="C2786">
        <v>0.43</v>
      </c>
      <c r="D2786">
        <f t="shared" si="45"/>
        <v>3</v>
      </c>
    </row>
    <row r="2787" spans="1:4" x14ac:dyDescent="0.25">
      <c r="A2787" t="s">
        <v>14</v>
      </c>
      <c r="B2787">
        <v>0.39</v>
      </c>
      <c r="C2787">
        <v>0.51</v>
      </c>
      <c r="D2787">
        <f t="shared" si="45"/>
        <v>3</v>
      </c>
    </row>
    <row r="2788" spans="1:4" x14ac:dyDescent="0.25">
      <c r="A2788" t="s">
        <v>27</v>
      </c>
      <c r="B2788">
        <v>0.2</v>
      </c>
      <c r="C2788">
        <v>0.76</v>
      </c>
      <c r="D2788">
        <f t="shared" si="45"/>
        <v>3</v>
      </c>
    </row>
    <row r="2789" spans="1:4" x14ac:dyDescent="0.25">
      <c r="A2789" t="s">
        <v>30</v>
      </c>
      <c r="B2789">
        <v>0.18</v>
      </c>
      <c r="C2789">
        <v>0.57999999999999996</v>
      </c>
      <c r="D2789">
        <f t="shared" si="45"/>
        <v>3</v>
      </c>
    </row>
    <row r="2790" spans="1:4" x14ac:dyDescent="0.25">
      <c r="A2790" t="s">
        <v>16</v>
      </c>
      <c r="B2790">
        <v>0.48</v>
      </c>
      <c r="C2790">
        <v>0.6</v>
      </c>
      <c r="D2790">
        <f t="shared" si="45"/>
        <v>3</v>
      </c>
    </row>
    <row r="2791" spans="1:4" x14ac:dyDescent="0.25">
      <c r="A2791" t="s">
        <v>18</v>
      </c>
      <c r="B2791">
        <v>0.87</v>
      </c>
      <c r="C2791">
        <v>0.5</v>
      </c>
      <c r="D2791">
        <f t="shared" si="45"/>
        <v>1</v>
      </c>
    </row>
    <row r="2792" spans="1:4" x14ac:dyDescent="0.25">
      <c r="A2792" t="s">
        <v>23</v>
      </c>
      <c r="B2792">
        <v>0.47</v>
      </c>
      <c r="C2792">
        <v>0.41</v>
      </c>
      <c r="D2792">
        <f t="shared" si="45"/>
        <v>1</v>
      </c>
    </row>
    <row r="2793" spans="1:4" x14ac:dyDescent="0.25">
      <c r="A2793" t="s">
        <v>13</v>
      </c>
      <c r="B2793">
        <v>0.79</v>
      </c>
      <c r="C2793">
        <v>0.41</v>
      </c>
      <c r="D2793">
        <f t="shared" si="45"/>
        <v>3</v>
      </c>
    </row>
    <row r="2794" spans="1:4" x14ac:dyDescent="0.25">
      <c r="A2794" t="s">
        <v>13</v>
      </c>
      <c r="B2794">
        <v>0.74</v>
      </c>
      <c r="C2794">
        <v>0.67</v>
      </c>
      <c r="D2794">
        <f t="shared" si="45"/>
        <v>3</v>
      </c>
    </row>
    <row r="2795" spans="1:4" x14ac:dyDescent="0.25">
      <c r="A2795" t="s">
        <v>30</v>
      </c>
      <c r="B2795">
        <v>0.41</v>
      </c>
      <c r="C2795">
        <v>0.45</v>
      </c>
      <c r="D2795">
        <f t="shared" si="45"/>
        <v>3</v>
      </c>
    </row>
    <row r="2796" spans="1:4" x14ac:dyDescent="0.25">
      <c r="A2796" t="s">
        <v>13</v>
      </c>
      <c r="B2796">
        <v>0.54</v>
      </c>
      <c r="C2796">
        <v>0.51</v>
      </c>
      <c r="D2796">
        <f t="shared" si="45"/>
        <v>3</v>
      </c>
    </row>
    <row r="2797" spans="1:4" x14ac:dyDescent="0.25">
      <c r="A2797" t="s">
        <v>16</v>
      </c>
      <c r="B2797">
        <v>0.99</v>
      </c>
      <c r="C2797">
        <v>0.69</v>
      </c>
      <c r="D2797">
        <f t="shared" si="45"/>
        <v>3</v>
      </c>
    </row>
    <row r="2798" spans="1:4" x14ac:dyDescent="0.25">
      <c r="A2798" t="s">
        <v>7</v>
      </c>
      <c r="B2798">
        <v>0.67</v>
      </c>
      <c r="C2798">
        <v>0.79</v>
      </c>
      <c r="D2798">
        <f t="shared" si="45"/>
        <v>1</v>
      </c>
    </row>
    <row r="2799" spans="1:4" x14ac:dyDescent="0.25">
      <c r="A2799" t="s">
        <v>21</v>
      </c>
      <c r="B2799">
        <v>0.64</v>
      </c>
      <c r="C2799">
        <v>0.6</v>
      </c>
      <c r="D2799">
        <f t="shared" si="45"/>
        <v>2</v>
      </c>
    </row>
    <row r="2800" spans="1:4" x14ac:dyDescent="0.25">
      <c r="A2800" t="s">
        <v>25</v>
      </c>
      <c r="B2800">
        <v>0.82</v>
      </c>
      <c r="C2800">
        <v>0.8</v>
      </c>
      <c r="D2800">
        <f t="shared" si="45"/>
        <v>3</v>
      </c>
    </row>
    <row r="2801" spans="1:4" x14ac:dyDescent="0.25">
      <c r="A2801" t="s">
        <v>9</v>
      </c>
      <c r="B2801">
        <v>0.56999999999999995</v>
      </c>
      <c r="C2801">
        <v>0.13</v>
      </c>
      <c r="D2801">
        <f t="shared" si="45"/>
        <v>3</v>
      </c>
    </row>
    <row r="2802" spans="1:4" x14ac:dyDescent="0.25">
      <c r="A2802" t="s">
        <v>16</v>
      </c>
      <c r="B2802">
        <v>0.65</v>
      </c>
      <c r="C2802">
        <v>0.56999999999999995</v>
      </c>
      <c r="D2802">
        <f t="shared" si="45"/>
        <v>3</v>
      </c>
    </row>
    <row r="2803" spans="1:4" x14ac:dyDescent="0.25">
      <c r="A2803" t="s">
        <v>29</v>
      </c>
      <c r="B2803">
        <v>0.21</v>
      </c>
      <c r="C2803">
        <v>0.28999999999999998</v>
      </c>
      <c r="D2803">
        <f t="shared" si="45"/>
        <v>1</v>
      </c>
    </row>
    <row r="2804" spans="1:4" x14ac:dyDescent="0.25">
      <c r="A2804" t="s">
        <v>21</v>
      </c>
      <c r="B2804">
        <v>0.37</v>
      </c>
      <c r="C2804">
        <v>0.65</v>
      </c>
      <c r="D2804">
        <f t="shared" si="45"/>
        <v>2</v>
      </c>
    </row>
    <row r="2805" spans="1:4" x14ac:dyDescent="0.25">
      <c r="A2805" t="s">
        <v>23</v>
      </c>
      <c r="B2805">
        <v>0.49</v>
      </c>
      <c r="C2805">
        <v>0.51</v>
      </c>
      <c r="D2805">
        <f t="shared" si="45"/>
        <v>1</v>
      </c>
    </row>
    <row r="2806" spans="1:4" x14ac:dyDescent="0.25">
      <c r="A2806" t="s">
        <v>21</v>
      </c>
      <c r="B2806">
        <v>0.45</v>
      </c>
      <c r="C2806">
        <v>0.35</v>
      </c>
      <c r="D2806">
        <f t="shared" si="45"/>
        <v>2</v>
      </c>
    </row>
    <row r="2807" spans="1:4" x14ac:dyDescent="0.25">
      <c r="A2807" t="s">
        <v>14</v>
      </c>
      <c r="B2807">
        <v>0.4</v>
      </c>
      <c r="C2807">
        <v>0.57999999999999996</v>
      </c>
      <c r="D2807">
        <f t="shared" si="45"/>
        <v>3</v>
      </c>
    </row>
    <row r="2808" spans="1:4" x14ac:dyDescent="0.25">
      <c r="A2808" t="s">
        <v>23</v>
      </c>
      <c r="B2808">
        <v>0.02</v>
      </c>
      <c r="C2808">
        <v>0.54</v>
      </c>
      <c r="D2808">
        <f t="shared" si="45"/>
        <v>1</v>
      </c>
    </row>
    <row r="2809" spans="1:4" x14ac:dyDescent="0.25">
      <c r="A2809" t="s">
        <v>26</v>
      </c>
      <c r="B2809">
        <v>0.75</v>
      </c>
      <c r="C2809">
        <v>0.14000000000000001</v>
      </c>
      <c r="D2809">
        <f t="shared" si="45"/>
        <v>3</v>
      </c>
    </row>
    <row r="2810" spans="1:4" x14ac:dyDescent="0.25">
      <c r="A2810" t="s">
        <v>23</v>
      </c>
      <c r="B2810">
        <v>0.11</v>
      </c>
      <c r="C2810">
        <v>0.64</v>
      </c>
      <c r="D2810">
        <f t="shared" si="45"/>
        <v>1</v>
      </c>
    </row>
    <row r="2811" spans="1:4" x14ac:dyDescent="0.25">
      <c r="A2811" t="s">
        <v>13</v>
      </c>
      <c r="B2811">
        <v>0.06</v>
      </c>
      <c r="C2811">
        <v>0.38</v>
      </c>
      <c r="D2811">
        <f t="shared" si="45"/>
        <v>3</v>
      </c>
    </row>
    <row r="2812" spans="1:4" x14ac:dyDescent="0.25">
      <c r="A2812" t="s">
        <v>27</v>
      </c>
      <c r="B2812">
        <v>0.38</v>
      </c>
      <c r="C2812">
        <v>0.88</v>
      </c>
      <c r="D2812">
        <f t="shared" si="45"/>
        <v>3</v>
      </c>
    </row>
    <row r="2813" spans="1:4" x14ac:dyDescent="0.25">
      <c r="A2813" t="s">
        <v>28</v>
      </c>
      <c r="B2813">
        <v>0.65</v>
      </c>
      <c r="C2813">
        <v>0.63</v>
      </c>
      <c r="D2813">
        <f t="shared" si="45"/>
        <v>3</v>
      </c>
    </row>
    <row r="2814" spans="1:4" x14ac:dyDescent="0.25">
      <c r="A2814" t="s">
        <v>7</v>
      </c>
      <c r="B2814">
        <v>0.87</v>
      </c>
      <c r="C2814">
        <v>0.88</v>
      </c>
      <c r="D2814">
        <f t="shared" si="45"/>
        <v>1</v>
      </c>
    </row>
    <row r="2815" spans="1:4" x14ac:dyDescent="0.25">
      <c r="A2815" t="s">
        <v>21</v>
      </c>
      <c r="B2815">
        <v>0.89</v>
      </c>
      <c r="C2815">
        <v>0.45</v>
      </c>
      <c r="D2815">
        <f t="shared" si="45"/>
        <v>2</v>
      </c>
    </row>
    <row r="2816" spans="1:4" x14ac:dyDescent="0.25">
      <c r="A2816" t="s">
        <v>23</v>
      </c>
      <c r="B2816">
        <v>0.19</v>
      </c>
      <c r="C2816">
        <v>0.6</v>
      </c>
      <c r="D2816">
        <f t="shared" si="45"/>
        <v>1</v>
      </c>
    </row>
    <row r="2817" spans="1:4" x14ac:dyDescent="0.25">
      <c r="A2817" t="s">
        <v>7</v>
      </c>
      <c r="B2817">
        <v>0.24</v>
      </c>
      <c r="C2817">
        <v>0.71</v>
      </c>
      <c r="D2817">
        <f t="shared" si="45"/>
        <v>1</v>
      </c>
    </row>
    <row r="2818" spans="1:4" x14ac:dyDescent="0.25">
      <c r="A2818" t="s">
        <v>14</v>
      </c>
      <c r="B2818">
        <v>0.03</v>
      </c>
      <c r="C2818">
        <v>0.44</v>
      </c>
      <c r="D2818">
        <f t="shared" si="45"/>
        <v>3</v>
      </c>
    </row>
    <row r="2819" spans="1:4" x14ac:dyDescent="0.25">
      <c r="A2819" t="s">
        <v>28</v>
      </c>
      <c r="B2819">
        <v>0.18</v>
      </c>
      <c r="C2819">
        <v>0.38</v>
      </c>
      <c r="D2819">
        <f t="shared" ref="D2819:D2882" si="46">VLOOKUP(A2819,$G$2:$H$21,2)</f>
        <v>3</v>
      </c>
    </row>
    <row r="2820" spans="1:4" x14ac:dyDescent="0.25">
      <c r="A2820" t="s">
        <v>15</v>
      </c>
      <c r="B2820">
        <v>0.19</v>
      </c>
      <c r="C2820">
        <v>0.1</v>
      </c>
      <c r="D2820">
        <f t="shared" si="46"/>
        <v>3</v>
      </c>
    </row>
    <row r="2821" spans="1:4" x14ac:dyDescent="0.25">
      <c r="A2821" t="s">
        <v>26</v>
      </c>
      <c r="B2821">
        <v>0.89</v>
      </c>
      <c r="C2821">
        <v>0.17</v>
      </c>
      <c r="D2821">
        <f t="shared" si="46"/>
        <v>3</v>
      </c>
    </row>
    <row r="2822" spans="1:4" x14ac:dyDescent="0.25">
      <c r="A2822" t="s">
        <v>20</v>
      </c>
      <c r="B2822">
        <v>0.12</v>
      </c>
      <c r="C2822">
        <v>0.57999999999999996</v>
      </c>
      <c r="D2822">
        <f t="shared" si="46"/>
        <v>3</v>
      </c>
    </row>
    <row r="2823" spans="1:4" x14ac:dyDescent="0.25">
      <c r="A2823" t="s">
        <v>21</v>
      </c>
      <c r="B2823">
        <v>0.33</v>
      </c>
      <c r="C2823">
        <v>0.66</v>
      </c>
      <c r="D2823">
        <f t="shared" si="46"/>
        <v>2</v>
      </c>
    </row>
    <row r="2824" spans="1:4" x14ac:dyDescent="0.25">
      <c r="A2824" t="s">
        <v>17</v>
      </c>
      <c r="B2824">
        <v>0.97</v>
      </c>
      <c r="C2824">
        <v>0.1</v>
      </c>
      <c r="D2824">
        <f t="shared" si="46"/>
        <v>3</v>
      </c>
    </row>
    <row r="2825" spans="1:4" x14ac:dyDescent="0.25">
      <c r="A2825" t="s">
        <v>17</v>
      </c>
      <c r="B2825">
        <v>0.85</v>
      </c>
      <c r="C2825">
        <v>0.06</v>
      </c>
      <c r="D2825">
        <f t="shared" si="46"/>
        <v>3</v>
      </c>
    </row>
    <row r="2826" spans="1:4" x14ac:dyDescent="0.25">
      <c r="A2826" t="s">
        <v>27</v>
      </c>
      <c r="B2826">
        <v>0.56999999999999995</v>
      </c>
      <c r="C2826">
        <v>0.76</v>
      </c>
      <c r="D2826">
        <f t="shared" si="46"/>
        <v>3</v>
      </c>
    </row>
    <row r="2827" spans="1:4" x14ac:dyDescent="0.25">
      <c r="A2827" t="s">
        <v>17</v>
      </c>
      <c r="B2827">
        <v>0.7</v>
      </c>
      <c r="C2827">
        <v>0.21</v>
      </c>
      <c r="D2827">
        <f t="shared" si="46"/>
        <v>3</v>
      </c>
    </row>
    <row r="2828" spans="1:4" x14ac:dyDescent="0.25">
      <c r="A2828" t="s">
        <v>15</v>
      </c>
      <c r="B2828">
        <v>0.35</v>
      </c>
      <c r="C2828">
        <v>0.12</v>
      </c>
      <c r="D2828">
        <f t="shared" si="46"/>
        <v>3</v>
      </c>
    </row>
    <row r="2829" spans="1:4" x14ac:dyDescent="0.25">
      <c r="A2829" t="s">
        <v>22</v>
      </c>
      <c r="B2829">
        <v>0.2</v>
      </c>
      <c r="C2829">
        <v>0.57999999999999996</v>
      </c>
      <c r="D2829">
        <f t="shared" si="46"/>
        <v>1</v>
      </c>
    </row>
    <row r="2830" spans="1:4" x14ac:dyDescent="0.25">
      <c r="A2830" t="s">
        <v>28</v>
      </c>
      <c r="B2830">
        <v>0.48</v>
      </c>
      <c r="C2830">
        <v>0.69</v>
      </c>
      <c r="D2830">
        <f t="shared" si="46"/>
        <v>3</v>
      </c>
    </row>
    <row r="2831" spans="1:4" x14ac:dyDescent="0.25">
      <c r="A2831" t="s">
        <v>23</v>
      </c>
      <c r="B2831">
        <v>0.49</v>
      </c>
      <c r="C2831">
        <v>0.66</v>
      </c>
      <c r="D2831">
        <f t="shared" si="46"/>
        <v>1</v>
      </c>
    </row>
    <row r="2832" spans="1:4" x14ac:dyDescent="0.25">
      <c r="A2832" t="s">
        <v>19</v>
      </c>
      <c r="B2832">
        <v>0.06</v>
      </c>
      <c r="C2832">
        <v>0.92</v>
      </c>
      <c r="D2832">
        <f t="shared" si="46"/>
        <v>3</v>
      </c>
    </row>
    <row r="2833" spans="1:4" x14ac:dyDescent="0.25">
      <c r="A2833" t="s">
        <v>19</v>
      </c>
      <c r="B2833">
        <v>0.46</v>
      </c>
      <c r="C2833">
        <v>0.77</v>
      </c>
      <c r="D2833">
        <f t="shared" si="46"/>
        <v>3</v>
      </c>
    </row>
    <row r="2834" spans="1:4" x14ac:dyDescent="0.25">
      <c r="A2834" t="s">
        <v>11</v>
      </c>
      <c r="B2834">
        <v>0.15</v>
      </c>
      <c r="C2834">
        <v>0.81</v>
      </c>
      <c r="D2834">
        <f t="shared" si="46"/>
        <v>1</v>
      </c>
    </row>
    <row r="2835" spans="1:4" x14ac:dyDescent="0.25">
      <c r="A2835" t="s">
        <v>13</v>
      </c>
      <c r="B2835">
        <v>0.93</v>
      </c>
      <c r="C2835">
        <v>0.57999999999999996</v>
      </c>
      <c r="D2835">
        <f t="shared" si="46"/>
        <v>3</v>
      </c>
    </row>
    <row r="2836" spans="1:4" x14ac:dyDescent="0.25">
      <c r="A2836" t="s">
        <v>13</v>
      </c>
      <c r="B2836">
        <v>0.77</v>
      </c>
      <c r="C2836">
        <v>0.59</v>
      </c>
      <c r="D2836">
        <f t="shared" si="46"/>
        <v>3</v>
      </c>
    </row>
    <row r="2837" spans="1:4" x14ac:dyDescent="0.25">
      <c r="A2837" t="s">
        <v>16</v>
      </c>
      <c r="B2837">
        <v>0.51</v>
      </c>
      <c r="C2837">
        <v>0.31</v>
      </c>
      <c r="D2837">
        <f t="shared" si="46"/>
        <v>3</v>
      </c>
    </row>
    <row r="2838" spans="1:4" x14ac:dyDescent="0.25">
      <c r="A2838" t="s">
        <v>15</v>
      </c>
      <c r="B2838">
        <v>0.62</v>
      </c>
      <c r="C2838">
        <v>0.05</v>
      </c>
      <c r="D2838">
        <f t="shared" si="46"/>
        <v>3</v>
      </c>
    </row>
    <row r="2839" spans="1:4" x14ac:dyDescent="0.25">
      <c r="A2839" t="s">
        <v>25</v>
      </c>
      <c r="B2839">
        <v>0.49</v>
      </c>
      <c r="C2839">
        <v>0.74</v>
      </c>
      <c r="D2839">
        <f t="shared" si="46"/>
        <v>3</v>
      </c>
    </row>
    <row r="2840" spans="1:4" x14ac:dyDescent="0.25">
      <c r="A2840" t="s">
        <v>27</v>
      </c>
      <c r="B2840">
        <v>0.55000000000000004</v>
      </c>
      <c r="C2840">
        <v>0.89</v>
      </c>
      <c r="D2840">
        <f t="shared" si="46"/>
        <v>3</v>
      </c>
    </row>
    <row r="2841" spans="1:4" x14ac:dyDescent="0.25">
      <c r="A2841" t="s">
        <v>13</v>
      </c>
      <c r="B2841">
        <v>0.54</v>
      </c>
      <c r="C2841">
        <v>0.39</v>
      </c>
      <c r="D2841">
        <f t="shared" si="46"/>
        <v>3</v>
      </c>
    </row>
    <row r="2842" spans="1:4" x14ac:dyDescent="0.25">
      <c r="A2842" t="s">
        <v>28</v>
      </c>
      <c r="B2842">
        <v>0.59</v>
      </c>
      <c r="C2842">
        <v>0.5</v>
      </c>
      <c r="D2842">
        <f t="shared" si="46"/>
        <v>3</v>
      </c>
    </row>
    <row r="2843" spans="1:4" x14ac:dyDescent="0.25">
      <c r="A2843" t="s">
        <v>26</v>
      </c>
      <c r="B2843">
        <v>0.53</v>
      </c>
      <c r="C2843">
        <v>0.17</v>
      </c>
      <c r="D2843">
        <f t="shared" si="46"/>
        <v>3</v>
      </c>
    </row>
    <row r="2844" spans="1:4" x14ac:dyDescent="0.25">
      <c r="A2844" t="s">
        <v>21</v>
      </c>
      <c r="B2844">
        <v>0.61</v>
      </c>
      <c r="C2844">
        <v>0.5</v>
      </c>
      <c r="D2844">
        <f t="shared" si="46"/>
        <v>2</v>
      </c>
    </row>
    <row r="2845" spans="1:4" x14ac:dyDescent="0.25">
      <c r="A2845" t="s">
        <v>19</v>
      </c>
      <c r="B2845">
        <v>0.42</v>
      </c>
      <c r="C2845">
        <v>0.73</v>
      </c>
      <c r="D2845">
        <f t="shared" si="46"/>
        <v>3</v>
      </c>
    </row>
    <row r="2846" spans="1:4" x14ac:dyDescent="0.25">
      <c r="A2846" t="s">
        <v>7</v>
      </c>
      <c r="B2846">
        <v>0.27</v>
      </c>
      <c r="C2846">
        <v>0.8</v>
      </c>
      <c r="D2846">
        <f t="shared" si="46"/>
        <v>1</v>
      </c>
    </row>
    <row r="2847" spans="1:4" x14ac:dyDescent="0.25">
      <c r="A2847" t="s">
        <v>30</v>
      </c>
      <c r="B2847">
        <v>0.13</v>
      </c>
      <c r="C2847">
        <v>0.39</v>
      </c>
      <c r="D2847">
        <f t="shared" si="46"/>
        <v>3</v>
      </c>
    </row>
    <row r="2848" spans="1:4" x14ac:dyDescent="0.25">
      <c r="A2848" t="s">
        <v>18</v>
      </c>
      <c r="B2848">
        <v>0.69</v>
      </c>
      <c r="C2848">
        <v>0.47</v>
      </c>
      <c r="D2848">
        <f t="shared" si="46"/>
        <v>1</v>
      </c>
    </row>
    <row r="2849" spans="1:4" x14ac:dyDescent="0.25">
      <c r="A2849" t="s">
        <v>21</v>
      </c>
      <c r="B2849">
        <v>0.7</v>
      </c>
      <c r="C2849">
        <v>0.46</v>
      </c>
      <c r="D2849">
        <f t="shared" si="46"/>
        <v>2</v>
      </c>
    </row>
    <row r="2850" spans="1:4" x14ac:dyDescent="0.25">
      <c r="A2850" t="s">
        <v>29</v>
      </c>
      <c r="B2850">
        <v>0.7</v>
      </c>
      <c r="C2850">
        <v>0.14000000000000001</v>
      </c>
      <c r="D2850">
        <f t="shared" si="46"/>
        <v>1</v>
      </c>
    </row>
    <row r="2851" spans="1:4" x14ac:dyDescent="0.25">
      <c r="A2851" t="s">
        <v>27</v>
      </c>
      <c r="B2851">
        <v>0.69</v>
      </c>
      <c r="C2851">
        <v>0.92</v>
      </c>
      <c r="D2851">
        <f t="shared" si="46"/>
        <v>3</v>
      </c>
    </row>
    <row r="2852" spans="1:4" x14ac:dyDescent="0.25">
      <c r="A2852" t="s">
        <v>28</v>
      </c>
      <c r="B2852">
        <v>0.94</v>
      </c>
      <c r="C2852">
        <v>0.34</v>
      </c>
      <c r="D2852">
        <f t="shared" si="46"/>
        <v>3</v>
      </c>
    </row>
    <row r="2853" spans="1:4" x14ac:dyDescent="0.25">
      <c r="A2853" t="s">
        <v>30</v>
      </c>
      <c r="B2853">
        <v>0.91</v>
      </c>
      <c r="C2853">
        <v>0.69</v>
      </c>
      <c r="D2853">
        <f t="shared" si="46"/>
        <v>3</v>
      </c>
    </row>
    <row r="2854" spans="1:4" x14ac:dyDescent="0.25">
      <c r="A2854" t="s">
        <v>13</v>
      </c>
      <c r="B2854">
        <v>0.88</v>
      </c>
      <c r="C2854">
        <v>0.69</v>
      </c>
      <c r="D2854">
        <f t="shared" si="46"/>
        <v>3</v>
      </c>
    </row>
    <row r="2855" spans="1:4" x14ac:dyDescent="0.25">
      <c r="A2855" t="s">
        <v>7</v>
      </c>
      <c r="B2855">
        <v>0.44</v>
      </c>
      <c r="C2855">
        <v>0.82</v>
      </c>
      <c r="D2855">
        <f t="shared" si="46"/>
        <v>1</v>
      </c>
    </row>
    <row r="2856" spans="1:4" x14ac:dyDescent="0.25">
      <c r="A2856" t="s">
        <v>19</v>
      </c>
      <c r="B2856">
        <v>0.14000000000000001</v>
      </c>
      <c r="C2856">
        <v>0.9</v>
      </c>
      <c r="D2856">
        <f t="shared" si="46"/>
        <v>3</v>
      </c>
    </row>
    <row r="2857" spans="1:4" x14ac:dyDescent="0.25">
      <c r="A2857" t="s">
        <v>20</v>
      </c>
      <c r="B2857">
        <v>0.42</v>
      </c>
      <c r="C2857">
        <v>0.53</v>
      </c>
      <c r="D2857">
        <f t="shared" si="46"/>
        <v>3</v>
      </c>
    </row>
    <row r="2858" spans="1:4" x14ac:dyDescent="0.25">
      <c r="A2858" t="s">
        <v>7</v>
      </c>
      <c r="B2858">
        <v>0.37</v>
      </c>
      <c r="C2858">
        <v>0.95</v>
      </c>
      <c r="D2858">
        <f t="shared" si="46"/>
        <v>1</v>
      </c>
    </row>
    <row r="2859" spans="1:4" x14ac:dyDescent="0.25">
      <c r="A2859" t="s">
        <v>21</v>
      </c>
      <c r="B2859">
        <v>0.51</v>
      </c>
      <c r="C2859">
        <v>0.33</v>
      </c>
      <c r="D2859">
        <f t="shared" si="46"/>
        <v>2</v>
      </c>
    </row>
    <row r="2860" spans="1:4" x14ac:dyDescent="0.25">
      <c r="A2860" t="s">
        <v>28</v>
      </c>
      <c r="B2860">
        <v>0.92</v>
      </c>
      <c r="C2860">
        <v>0.35</v>
      </c>
      <c r="D2860">
        <f t="shared" si="46"/>
        <v>3</v>
      </c>
    </row>
    <row r="2861" spans="1:4" x14ac:dyDescent="0.25">
      <c r="A2861" t="s">
        <v>27</v>
      </c>
      <c r="B2861">
        <v>0.59</v>
      </c>
      <c r="C2861">
        <v>0.81</v>
      </c>
      <c r="D2861">
        <f t="shared" si="46"/>
        <v>3</v>
      </c>
    </row>
    <row r="2862" spans="1:4" x14ac:dyDescent="0.25">
      <c r="A2862" t="s">
        <v>14</v>
      </c>
      <c r="B2862">
        <v>0.99</v>
      </c>
      <c r="C2862">
        <v>0.33</v>
      </c>
      <c r="D2862">
        <f t="shared" si="46"/>
        <v>3</v>
      </c>
    </row>
    <row r="2863" spans="1:4" x14ac:dyDescent="0.25">
      <c r="A2863" t="s">
        <v>26</v>
      </c>
      <c r="B2863">
        <v>0.91</v>
      </c>
      <c r="C2863">
        <v>0.26</v>
      </c>
      <c r="D2863">
        <f t="shared" si="46"/>
        <v>3</v>
      </c>
    </row>
    <row r="2864" spans="1:4" x14ac:dyDescent="0.25">
      <c r="A2864" t="s">
        <v>30</v>
      </c>
      <c r="B2864">
        <v>0.95</v>
      </c>
      <c r="C2864">
        <v>0.56999999999999995</v>
      </c>
      <c r="D2864">
        <f t="shared" si="46"/>
        <v>3</v>
      </c>
    </row>
    <row r="2865" spans="1:4" x14ac:dyDescent="0.25">
      <c r="A2865" t="s">
        <v>11</v>
      </c>
      <c r="B2865">
        <v>0.55000000000000004</v>
      </c>
      <c r="C2865">
        <v>0.77</v>
      </c>
      <c r="D2865">
        <f t="shared" si="46"/>
        <v>1</v>
      </c>
    </row>
    <row r="2866" spans="1:4" x14ac:dyDescent="0.25">
      <c r="A2866" t="s">
        <v>25</v>
      </c>
      <c r="B2866">
        <v>0.24</v>
      </c>
      <c r="C2866">
        <v>0.82</v>
      </c>
      <c r="D2866">
        <f t="shared" si="46"/>
        <v>3</v>
      </c>
    </row>
    <row r="2867" spans="1:4" x14ac:dyDescent="0.25">
      <c r="A2867" t="s">
        <v>22</v>
      </c>
      <c r="B2867">
        <v>0.31</v>
      </c>
      <c r="C2867">
        <v>0.4</v>
      </c>
      <c r="D2867">
        <f t="shared" si="46"/>
        <v>1</v>
      </c>
    </row>
    <row r="2868" spans="1:4" x14ac:dyDescent="0.25">
      <c r="A2868" t="s">
        <v>14</v>
      </c>
      <c r="B2868">
        <v>0.93</v>
      </c>
      <c r="C2868">
        <v>0.52</v>
      </c>
      <c r="D2868">
        <f t="shared" si="46"/>
        <v>3</v>
      </c>
    </row>
    <row r="2869" spans="1:4" x14ac:dyDescent="0.25">
      <c r="A2869" t="s">
        <v>9</v>
      </c>
      <c r="B2869">
        <v>0.57999999999999996</v>
      </c>
      <c r="C2869">
        <v>0.19</v>
      </c>
      <c r="D2869">
        <f t="shared" si="46"/>
        <v>3</v>
      </c>
    </row>
    <row r="2870" spans="1:4" x14ac:dyDescent="0.25">
      <c r="A2870" t="s">
        <v>18</v>
      </c>
      <c r="B2870">
        <v>0.6</v>
      </c>
      <c r="C2870">
        <v>0.38</v>
      </c>
      <c r="D2870">
        <f t="shared" si="46"/>
        <v>1</v>
      </c>
    </row>
    <row r="2871" spans="1:4" x14ac:dyDescent="0.25">
      <c r="A2871" t="s">
        <v>18</v>
      </c>
      <c r="B2871">
        <v>0.86</v>
      </c>
      <c r="C2871">
        <v>0.38</v>
      </c>
      <c r="D2871">
        <f t="shared" si="46"/>
        <v>1</v>
      </c>
    </row>
    <row r="2872" spans="1:4" x14ac:dyDescent="0.25">
      <c r="A2872" t="s">
        <v>11</v>
      </c>
      <c r="B2872">
        <v>0.62</v>
      </c>
      <c r="C2872">
        <v>0.71</v>
      </c>
      <c r="D2872">
        <f t="shared" si="46"/>
        <v>1</v>
      </c>
    </row>
    <row r="2873" spans="1:4" x14ac:dyDescent="0.25">
      <c r="A2873" t="s">
        <v>22</v>
      </c>
      <c r="B2873">
        <v>0.9</v>
      </c>
      <c r="C2873">
        <v>0.61</v>
      </c>
      <c r="D2873">
        <f t="shared" si="46"/>
        <v>1</v>
      </c>
    </row>
    <row r="2874" spans="1:4" x14ac:dyDescent="0.25">
      <c r="A2874" t="s">
        <v>30</v>
      </c>
      <c r="B2874">
        <v>0.03</v>
      </c>
      <c r="C2874">
        <v>0.56999999999999995</v>
      </c>
      <c r="D2874">
        <f t="shared" si="46"/>
        <v>3</v>
      </c>
    </row>
    <row r="2875" spans="1:4" x14ac:dyDescent="0.25">
      <c r="A2875" t="s">
        <v>27</v>
      </c>
      <c r="B2875">
        <v>0.63</v>
      </c>
      <c r="C2875">
        <v>0.91</v>
      </c>
      <c r="D2875">
        <f t="shared" si="46"/>
        <v>3</v>
      </c>
    </row>
    <row r="2876" spans="1:4" x14ac:dyDescent="0.25">
      <c r="A2876" t="s">
        <v>13</v>
      </c>
      <c r="B2876">
        <v>0.65</v>
      </c>
      <c r="C2876">
        <v>0.31</v>
      </c>
      <c r="D2876">
        <f t="shared" si="46"/>
        <v>3</v>
      </c>
    </row>
    <row r="2877" spans="1:4" x14ac:dyDescent="0.25">
      <c r="A2877" t="s">
        <v>16</v>
      </c>
      <c r="B2877">
        <v>0.28999999999999998</v>
      </c>
      <c r="C2877">
        <v>0.69</v>
      </c>
      <c r="D2877">
        <f t="shared" si="46"/>
        <v>3</v>
      </c>
    </row>
    <row r="2878" spans="1:4" x14ac:dyDescent="0.25">
      <c r="A2878" t="s">
        <v>13</v>
      </c>
      <c r="B2878">
        <v>0.96</v>
      </c>
      <c r="C2878">
        <v>0.4</v>
      </c>
      <c r="D2878">
        <f t="shared" si="46"/>
        <v>3</v>
      </c>
    </row>
    <row r="2879" spans="1:4" x14ac:dyDescent="0.25">
      <c r="A2879" t="s">
        <v>27</v>
      </c>
      <c r="B2879">
        <v>0.9</v>
      </c>
      <c r="C2879">
        <v>0.79</v>
      </c>
      <c r="D2879">
        <f t="shared" si="46"/>
        <v>3</v>
      </c>
    </row>
    <row r="2880" spans="1:4" x14ac:dyDescent="0.25">
      <c r="A2880" t="s">
        <v>13</v>
      </c>
      <c r="B2880">
        <v>0.53</v>
      </c>
      <c r="C2880">
        <v>0.45</v>
      </c>
      <c r="D2880">
        <f t="shared" si="46"/>
        <v>3</v>
      </c>
    </row>
    <row r="2881" spans="1:4" x14ac:dyDescent="0.25">
      <c r="A2881" t="s">
        <v>19</v>
      </c>
      <c r="B2881">
        <v>0.64</v>
      </c>
      <c r="C2881">
        <v>0.76</v>
      </c>
      <c r="D2881">
        <f t="shared" si="46"/>
        <v>3</v>
      </c>
    </row>
    <row r="2882" spans="1:4" x14ac:dyDescent="0.25">
      <c r="A2882" t="s">
        <v>27</v>
      </c>
      <c r="B2882">
        <v>0.54</v>
      </c>
      <c r="C2882">
        <v>0.78</v>
      </c>
      <c r="D2882">
        <f t="shared" si="46"/>
        <v>3</v>
      </c>
    </row>
    <row r="2883" spans="1:4" x14ac:dyDescent="0.25">
      <c r="A2883" t="s">
        <v>20</v>
      </c>
      <c r="B2883">
        <v>0.53</v>
      </c>
      <c r="C2883">
        <v>0.35</v>
      </c>
      <c r="D2883">
        <f t="shared" ref="D2883:D2946" si="47">VLOOKUP(A2883,$G$2:$H$21,2)</f>
        <v>3</v>
      </c>
    </row>
    <row r="2884" spans="1:4" x14ac:dyDescent="0.25">
      <c r="A2884" t="s">
        <v>30</v>
      </c>
      <c r="B2884">
        <v>0.59</v>
      </c>
      <c r="C2884">
        <v>0.33</v>
      </c>
      <c r="D2884">
        <f t="shared" si="47"/>
        <v>3</v>
      </c>
    </row>
    <row r="2885" spans="1:4" x14ac:dyDescent="0.25">
      <c r="A2885" t="s">
        <v>25</v>
      </c>
      <c r="B2885">
        <v>0.62</v>
      </c>
      <c r="C2885">
        <v>0.74</v>
      </c>
      <c r="D2885">
        <f t="shared" si="47"/>
        <v>3</v>
      </c>
    </row>
    <row r="2886" spans="1:4" x14ac:dyDescent="0.25">
      <c r="A2886" t="s">
        <v>18</v>
      </c>
      <c r="B2886">
        <v>0.25</v>
      </c>
      <c r="C2886">
        <v>0.37</v>
      </c>
      <c r="D2886">
        <f t="shared" si="47"/>
        <v>1</v>
      </c>
    </row>
    <row r="2887" spans="1:4" x14ac:dyDescent="0.25">
      <c r="A2887" t="s">
        <v>20</v>
      </c>
      <c r="B2887">
        <v>0.15</v>
      </c>
      <c r="C2887">
        <v>0.47</v>
      </c>
      <c r="D2887">
        <f t="shared" si="47"/>
        <v>3</v>
      </c>
    </row>
    <row r="2888" spans="1:4" x14ac:dyDescent="0.25">
      <c r="A2888" t="s">
        <v>15</v>
      </c>
      <c r="B2888">
        <v>0.33</v>
      </c>
      <c r="C2888">
        <v>7.0000000000000007E-2</v>
      </c>
      <c r="D2888">
        <f t="shared" si="47"/>
        <v>3</v>
      </c>
    </row>
    <row r="2889" spans="1:4" x14ac:dyDescent="0.25">
      <c r="A2889" t="s">
        <v>11</v>
      </c>
      <c r="B2889">
        <v>0.24</v>
      </c>
      <c r="C2889">
        <v>0.72</v>
      </c>
      <c r="D2889">
        <f t="shared" si="47"/>
        <v>1</v>
      </c>
    </row>
    <row r="2890" spans="1:4" x14ac:dyDescent="0.25">
      <c r="A2890" t="s">
        <v>20</v>
      </c>
      <c r="B2890">
        <v>0.51</v>
      </c>
      <c r="C2890">
        <v>0.46</v>
      </c>
      <c r="D2890">
        <f t="shared" si="47"/>
        <v>3</v>
      </c>
    </row>
    <row r="2891" spans="1:4" x14ac:dyDescent="0.25">
      <c r="A2891" t="s">
        <v>17</v>
      </c>
      <c r="B2891">
        <v>0.37</v>
      </c>
      <c r="C2891">
        <v>0.09</v>
      </c>
      <c r="D2891">
        <f t="shared" si="47"/>
        <v>3</v>
      </c>
    </row>
    <row r="2892" spans="1:4" x14ac:dyDescent="0.25">
      <c r="A2892" t="s">
        <v>9</v>
      </c>
      <c r="B2892">
        <v>0.99</v>
      </c>
      <c r="C2892">
        <v>0.11</v>
      </c>
      <c r="D2892">
        <f t="shared" si="47"/>
        <v>3</v>
      </c>
    </row>
    <row r="2893" spans="1:4" x14ac:dyDescent="0.25">
      <c r="A2893" t="s">
        <v>30</v>
      </c>
      <c r="B2893">
        <v>0.18</v>
      </c>
      <c r="C2893">
        <v>0.37</v>
      </c>
      <c r="D2893">
        <f t="shared" si="47"/>
        <v>3</v>
      </c>
    </row>
    <row r="2894" spans="1:4" x14ac:dyDescent="0.25">
      <c r="A2894" t="s">
        <v>7</v>
      </c>
      <c r="B2894">
        <v>0.28000000000000003</v>
      </c>
      <c r="C2894">
        <v>0.78</v>
      </c>
      <c r="D2894">
        <f t="shared" si="47"/>
        <v>1</v>
      </c>
    </row>
    <row r="2895" spans="1:4" x14ac:dyDescent="0.25">
      <c r="A2895" t="s">
        <v>7</v>
      </c>
      <c r="B2895">
        <v>0.79</v>
      </c>
      <c r="C2895">
        <v>0.94</v>
      </c>
      <c r="D2895">
        <f t="shared" si="47"/>
        <v>1</v>
      </c>
    </row>
    <row r="2896" spans="1:4" x14ac:dyDescent="0.25">
      <c r="A2896" t="s">
        <v>25</v>
      </c>
      <c r="B2896">
        <v>0.36</v>
      </c>
      <c r="C2896">
        <v>0.75</v>
      </c>
      <c r="D2896">
        <f t="shared" si="47"/>
        <v>3</v>
      </c>
    </row>
    <row r="2897" spans="1:4" x14ac:dyDescent="0.25">
      <c r="A2897" t="s">
        <v>19</v>
      </c>
      <c r="B2897">
        <v>0.15</v>
      </c>
      <c r="C2897">
        <v>0.8</v>
      </c>
      <c r="D2897">
        <f t="shared" si="47"/>
        <v>3</v>
      </c>
    </row>
    <row r="2898" spans="1:4" x14ac:dyDescent="0.25">
      <c r="A2898" t="s">
        <v>25</v>
      </c>
      <c r="B2898">
        <v>0.35</v>
      </c>
      <c r="C2898">
        <v>0.85</v>
      </c>
      <c r="D2898">
        <f t="shared" si="47"/>
        <v>3</v>
      </c>
    </row>
    <row r="2899" spans="1:4" x14ac:dyDescent="0.25">
      <c r="A2899" t="s">
        <v>25</v>
      </c>
      <c r="B2899">
        <v>0.8</v>
      </c>
      <c r="C2899">
        <v>0.8</v>
      </c>
      <c r="D2899">
        <f t="shared" si="47"/>
        <v>3</v>
      </c>
    </row>
    <row r="2900" spans="1:4" x14ac:dyDescent="0.25">
      <c r="A2900" t="s">
        <v>22</v>
      </c>
      <c r="B2900">
        <v>0.68</v>
      </c>
      <c r="C2900">
        <v>0.59</v>
      </c>
      <c r="D2900">
        <f t="shared" si="47"/>
        <v>1</v>
      </c>
    </row>
    <row r="2901" spans="1:4" x14ac:dyDescent="0.25">
      <c r="A2901" t="s">
        <v>11</v>
      </c>
      <c r="B2901">
        <v>0.48</v>
      </c>
      <c r="C2901">
        <v>0.89</v>
      </c>
      <c r="D2901">
        <f t="shared" si="47"/>
        <v>1</v>
      </c>
    </row>
    <row r="2902" spans="1:4" x14ac:dyDescent="0.25">
      <c r="A2902" t="s">
        <v>13</v>
      </c>
      <c r="B2902">
        <v>0.83</v>
      </c>
      <c r="C2902">
        <v>0.44</v>
      </c>
      <c r="D2902">
        <f t="shared" si="47"/>
        <v>3</v>
      </c>
    </row>
    <row r="2903" spans="1:4" x14ac:dyDescent="0.25">
      <c r="A2903" t="s">
        <v>15</v>
      </c>
      <c r="B2903">
        <v>0.26</v>
      </c>
      <c r="C2903">
        <v>0.28999999999999998</v>
      </c>
      <c r="D2903">
        <f t="shared" si="47"/>
        <v>3</v>
      </c>
    </row>
    <row r="2904" spans="1:4" x14ac:dyDescent="0.25">
      <c r="A2904" t="s">
        <v>28</v>
      </c>
      <c r="B2904">
        <v>0.59</v>
      </c>
      <c r="C2904">
        <v>0.41</v>
      </c>
      <c r="D2904">
        <f t="shared" si="47"/>
        <v>3</v>
      </c>
    </row>
    <row r="2905" spans="1:4" x14ac:dyDescent="0.25">
      <c r="A2905" t="s">
        <v>20</v>
      </c>
      <c r="B2905">
        <v>0.15</v>
      </c>
      <c r="C2905">
        <v>0.64</v>
      </c>
      <c r="D2905">
        <f t="shared" si="47"/>
        <v>3</v>
      </c>
    </row>
    <row r="2906" spans="1:4" x14ac:dyDescent="0.25">
      <c r="A2906" t="s">
        <v>29</v>
      </c>
      <c r="B2906">
        <v>0.82</v>
      </c>
      <c r="C2906">
        <v>0.2</v>
      </c>
      <c r="D2906">
        <f t="shared" si="47"/>
        <v>1</v>
      </c>
    </row>
    <row r="2907" spans="1:4" x14ac:dyDescent="0.25">
      <c r="A2907" t="s">
        <v>15</v>
      </c>
      <c r="B2907">
        <v>0.32</v>
      </c>
      <c r="C2907">
        <v>0.21</v>
      </c>
      <c r="D2907">
        <f t="shared" si="47"/>
        <v>3</v>
      </c>
    </row>
    <row r="2908" spans="1:4" x14ac:dyDescent="0.25">
      <c r="A2908" t="s">
        <v>30</v>
      </c>
      <c r="B2908">
        <v>0.89</v>
      </c>
      <c r="C2908">
        <v>0.48</v>
      </c>
      <c r="D2908">
        <f t="shared" si="47"/>
        <v>3</v>
      </c>
    </row>
    <row r="2909" spans="1:4" x14ac:dyDescent="0.25">
      <c r="A2909" t="s">
        <v>17</v>
      </c>
      <c r="B2909">
        <v>0.84</v>
      </c>
      <c r="C2909">
        <v>7.0000000000000007E-2</v>
      </c>
      <c r="D2909">
        <f t="shared" si="47"/>
        <v>3</v>
      </c>
    </row>
    <row r="2910" spans="1:4" x14ac:dyDescent="0.25">
      <c r="A2910" t="s">
        <v>27</v>
      </c>
      <c r="B2910">
        <v>0.35</v>
      </c>
      <c r="C2910">
        <v>0.8</v>
      </c>
      <c r="D2910">
        <f t="shared" si="47"/>
        <v>3</v>
      </c>
    </row>
    <row r="2911" spans="1:4" x14ac:dyDescent="0.25">
      <c r="A2911" t="s">
        <v>30</v>
      </c>
      <c r="B2911">
        <v>0.33</v>
      </c>
      <c r="C2911">
        <v>0.35</v>
      </c>
      <c r="D2911">
        <f t="shared" si="47"/>
        <v>3</v>
      </c>
    </row>
    <row r="2912" spans="1:4" x14ac:dyDescent="0.25">
      <c r="A2912" t="s">
        <v>11</v>
      </c>
      <c r="B2912">
        <v>0.57999999999999996</v>
      </c>
      <c r="C2912">
        <v>0.87</v>
      </c>
      <c r="D2912">
        <f t="shared" si="47"/>
        <v>1</v>
      </c>
    </row>
    <row r="2913" spans="1:4" x14ac:dyDescent="0.25">
      <c r="A2913" t="s">
        <v>23</v>
      </c>
      <c r="B2913">
        <v>0.85</v>
      </c>
      <c r="C2913">
        <v>0.49</v>
      </c>
      <c r="D2913">
        <f t="shared" si="47"/>
        <v>1</v>
      </c>
    </row>
    <row r="2914" spans="1:4" x14ac:dyDescent="0.25">
      <c r="A2914" t="s">
        <v>9</v>
      </c>
      <c r="B2914">
        <v>0.24</v>
      </c>
      <c r="C2914">
        <v>0.11</v>
      </c>
      <c r="D2914">
        <f t="shared" si="47"/>
        <v>3</v>
      </c>
    </row>
    <row r="2915" spans="1:4" x14ac:dyDescent="0.25">
      <c r="A2915" t="s">
        <v>15</v>
      </c>
      <c r="B2915">
        <v>0.41</v>
      </c>
      <c r="C2915">
        <v>0.26</v>
      </c>
      <c r="D2915">
        <f t="shared" si="47"/>
        <v>3</v>
      </c>
    </row>
    <row r="2916" spans="1:4" x14ac:dyDescent="0.25">
      <c r="A2916" t="s">
        <v>26</v>
      </c>
      <c r="B2916">
        <v>0.28000000000000003</v>
      </c>
      <c r="C2916">
        <v>0.16</v>
      </c>
      <c r="D2916">
        <f t="shared" si="47"/>
        <v>3</v>
      </c>
    </row>
    <row r="2917" spans="1:4" x14ac:dyDescent="0.25">
      <c r="A2917" t="s">
        <v>19</v>
      </c>
      <c r="B2917">
        <v>0.71</v>
      </c>
      <c r="C2917">
        <v>0.79</v>
      </c>
      <c r="D2917">
        <f t="shared" si="47"/>
        <v>3</v>
      </c>
    </row>
    <row r="2918" spans="1:4" x14ac:dyDescent="0.25">
      <c r="A2918" t="s">
        <v>19</v>
      </c>
      <c r="B2918">
        <v>0.41</v>
      </c>
      <c r="C2918">
        <v>0.71</v>
      </c>
      <c r="D2918">
        <f t="shared" si="47"/>
        <v>3</v>
      </c>
    </row>
    <row r="2919" spans="1:4" x14ac:dyDescent="0.25">
      <c r="A2919" t="s">
        <v>20</v>
      </c>
      <c r="B2919">
        <v>0.44</v>
      </c>
      <c r="C2919">
        <v>0.31</v>
      </c>
      <c r="D2919">
        <f t="shared" si="47"/>
        <v>3</v>
      </c>
    </row>
    <row r="2920" spans="1:4" x14ac:dyDescent="0.25">
      <c r="A2920" t="s">
        <v>25</v>
      </c>
      <c r="B2920">
        <v>0.1</v>
      </c>
      <c r="C2920">
        <v>0.81</v>
      </c>
      <c r="D2920">
        <f t="shared" si="47"/>
        <v>3</v>
      </c>
    </row>
    <row r="2921" spans="1:4" x14ac:dyDescent="0.25">
      <c r="A2921" t="s">
        <v>9</v>
      </c>
      <c r="B2921">
        <v>0.03</v>
      </c>
      <c r="C2921">
        <v>0.23</v>
      </c>
      <c r="D2921">
        <f t="shared" si="47"/>
        <v>3</v>
      </c>
    </row>
    <row r="2922" spans="1:4" x14ac:dyDescent="0.25">
      <c r="A2922" t="s">
        <v>7</v>
      </c>
      <c r="B2922">
        <v>0.04</v>
      </c>
      <c r="C2922">
        <v>0.74</v>
      </c>
      <c r="D2922">
        <f t="shared" si="47"/>
        <v>1</v>
      </c>
    </row>
    <row r="2923" spans="1:4" x14ac:dyDescent="0.25">
      <c r="A2923" t="s">
        <v>13</v>
      </c>
      <c r="B2923">
        <v>0.68</v>
      </c>
      <c r="C2923">
        <v>0.34</v>
      </c>
      <c r="D2923">
        <f t="shared" si="47"/>
        <v>3</v>
      </c>
    </row>
    <row r="2924" spans="1:4" x14ac:dyDescent="0.25">
      <c r="A2924" t="s">
        <v>16</v>
      </c>
      <c r="B2924">
        <v>0.82</v>
      </c>
      <c r="C2924">
        <v>0.45</v>
      </c>
      <c r="D2924">
        <f t="shared" si="47"/>
        <v>3</v>
      </c>
    </row>
    <row r="2925" spans="1:4" x14ac:dyDescent="0.25">
      <c r="A2925" t="s">
        <v>28</v>
      </c>
      <c r="B2925">
        <v>0.9</v>
      </c>
      <c r="C2925">
        <v>0.6</v>
      </c>
      <c r="D2925">
        <f t="shared" si="47"/>
        <v>3</v>
      </c>
    </row>
    <row r="2926" spans="1:4" x14ac:dyDescent="0.25">
      <c r="A2926" t="s">
        <v>29</v>
      </c>
      <c r="B2926">
        <v>0.23</v>
      </c>
      <c r="C2926">
        <v>0.23</v>
      </c>
      <c r="D2926">
        <f t="shared" si="47"/>
        <v>1</v>
      </c>
    </row>
    <row r="2927" spans="1:4" x14ac:dyDescent="0.25">
      <c r="A2927" t="s">
        <v>13</v>
      </c>
      <c r="B2927">
        <v>0.21</v>
      </c>
      <c r="C2927">
        <v>0.41</v>
      </c>
      <c r="D2927">
        <f t="shared" si="47"/>
        <v>3</v>
      </c>
    </row>
    <row r="2928" spans="1:4" x14ac:dyDescent="0.25">
      <c r="A2928" t="s">
        <v>15</v>
      </c>
      <c r="B2928">
        <v>0.05</v>
      </c>
      <c r="C2928">
        <v>0.21</v>
      </c>
      <c r="D2928">
        <f t="shared" si="47"/>
        <v>3</v>
      </c>
    </row>
    <row r="2929" spans="1:4" x14ac:dyDescent="0.25">
      <c r="A2929" t="s">
        <v>13</v>
      </c>
      <c r="B2929">
        <v>0.64</v>
      </c>
      <c r="C2929">
        <v>0.31</v>
      </c>
      <c r="D2929">
        <f t="shared" si="47"/>
        <v>3</v>
      </c>
    </row>
    <row r="2930" spans="1:4" x14ac:dyDescent="0.25">
      <c r="A2930" t="s">
        <v>16</v>
      </c>
      <c r="B2930">
        <v>0.18</v>
      </c>
      <c r="C2930">
        <v>0.38</v>
      </c>
      <c r="D2930">
        <f t="shared" si="47"/>
        <v>3</v>
      </c>
    </row>
    <row r="2931" spans="1:4" x14ac:dyDescent="0.25">
      <c r="A2931" t="s">
        <v>18</v>
      </c>
      <c r="B2931">
        <v>0.04</v>
      </c>
      <c r="C2931">
        <v>0.45</v>
      </c>
      <c r="D2931">
        <f t="shared" si="47"/>
        <v>1</v>
      </c>
    </row>
    <row r="2932" spans="1:4" x14ac:dyDescent="0.25">
      <c r="A2932" t="s">
        <v>14</v>
      </c>
      <c r="B2932">
        <v>0.67</v>
      </c>
      <c r="C2932">
        <v>0.56000000000000005</v>
      </c>
      <c r="D2932">
        <f t="shared" si="47"/>
        <v>3</v>
      </c>
    </row>
    <row r="2933" spans="1:4" x14ac:dyDescent="0.25">
      <c r="A2933" t="s">
        <v>27</v>
      </c>
      <c r="B2933">
        <v>0.61</v>
      </c>
      <c r="C2933">
        <v>0.74</v>
      </c>
      <c r="D2933">
        <f t="shared" si="47"/>
        <v>3</v>
      </c>
    </row>
    <row r="2934" spans="1:4" x14ac:dyDescent="0.25">
      <c r="A2934" t="s">
        <v>20</v>
      </c>
      <c r="B2934">
        <v>0.6</v>
      </c>
      <c r="C2934">
        <v>0.54</v>
      </c>
      <c r="D2934">
        <f t="shared" si="47"/>
        <v>3</v>
      </c>
    </row>
    <row r="2935" spans="1:4" x14ac:dyDescent="0.25">
      <c r="A2935" t="s">
        <v>19</v>
      </c>
      <c r="B2935">
        <v>0.73</v>
      </c>
      <c r="C2935">
        <v>0.95</v>
      </c>
      <c r="D2935">
        <f t="shared" si="47"/>
        <v>3</v>
      </c>
    </row>
    <row r="2936" spans="1:4" x14ac:dyDescent="0.25">
      <c r="A2936" t="s">
        <v>16</v>
      </c>
      <c r="B2936">
        <v>0.23</v>
      </c>
      <c r="C2936">
        <v>0.47</v>
      </c>
      <c r="D2936">
        <f t="shared" si="47"/>
        <v>3</v>
      </c>
    </row>
    <row r="2937" spans="1:4" x14ac:dyDescent="0.25">
      <c r="A2937" t="s">
        <v>29</v>
      </c>
      <c r="B2937">
        <v>0.84</v>
      </c>
      <c r="C2937">
        <v>0.26</v>
      </c>
      <c r="D2937">
        <f t="shared" si="47"/>
        <v>1</v>
      </c>
    </row>
    <row r="2938" spans="1:4" x14ac:dyDescent="0.25">
      <c r="A2938" t="s">
        <v>13</v>
      </c>
      <c r="B2938">
        <v>0.06</v>
      </c>
      <c r="C2938">
        <v>0.61</v>
      </c>
      <c r="D2938">
        <f t="shared" si="47"/>
        <v>3</v>
      </c>
    </row>
    <row r="2939" spans="1:4" x14ac:dyDescent="0.25">
      <c r="A2939" t="s">
        <v>30</v>
      </c>
      <c r="B2939">
        <v>0.94</v>
      </c>
      <c r="C2939">
        <v>0.36</v>
      </c>
      <c r="D2939">
        <f t="shared" si="47"/>
        <v>3</v>
      </c>
    </row>
    <row r="2940" spans="1:4" x14ac:dyDescent="0.25">
      <c r="A2940" t="s">
        <v>27</v>
      </c>
      <c r="B2940">
        <v>0.89</v>
      </c>
      <c r="C2940">
        <v>0.77</v>
      </c>
      <c r="D2940">
        <f t="shared" si="47"/>
        <v>3</v>
      </c>
    </row>
    <row r="2941" spans="1:4" x14ac:dyDescent="0.25">
      <c r="A2941" t="s">
        <v>19</v>
      </c>
      <c r="B2941">
        <v>0.55000000000000004</v>
      </c>
      <c r="C2941">
        <v>0.71</v>
      </c>
      <c r="D2941">
        <f t="shared" si="47"/>
        <v>3</v>
      </c>
    </row>
    <row r="2942" spans="1:4" x14ac:dyDescent="0.25">
      <c r="A2942" t="s">
        <v>11</v>
      </c>
      <c r="B2942">
        <v>0.33</v>
      </c>
      <c r="C2942">
        <v>0.76</v>
      </c>
      <c r="D2942">
        <f t="shared" si="47"/>
        <v>1</v>
      </c>
    </row>
    <row r="2943" spans="1:4" x14ac:dyDescent="0.25">
      <c r="A2943" t="s">
        <v>28</v>
      </c>
      <c r="B2943">
        <v>0.7</v>
      </c>
      <c r="C2943">
        <v>0.42</v>
      </c>
      <c r="D2943">
        <f t="shared" si="47"/>
        <v>3</v>
      </c>
    </row>
    <row r="2944" spans="1:4" x14ac:dyDescent="0.25">
      <c r="A2944" t="s">
        <v>11</v>
      </c>
      <c r="B2944">
        <v>0.87</v>
      </c>
      <c r="C2944">
        <v>0.83</v>
      </c>
      <c r="D2944">
        <f t="shared" si="47"/>
        <v>1</v>
      </c>
    </row>
    <row r="2945" spans="1:4" x14ac:dyDescent="0.25">
      <c r="A2945" t="s">
        <v>27</v>
      </c>
      <c r="B2945">
        <v>0.86</v>
      </c>
      <c r="C2945">
        <v>0.75</v>
      </c>
      <c r="D2945">
        <f t="shared" si="47"/>
        <v>3</v>
      </c>
    </row>
    <row r="2946" spans="1:4" x14ac:dyDescent="0.25">
      <c r="A2946" t="s">
        <v>9</v>
      </c>
      <c r="B2946">
        <v>0.65</v>
      </c>
      <c r="C2946">
        <v>0.26</v>
      </c>
      <c r="D2946">
        <f t="shared" si="47"/>
        <v>3</v>
      </c>
    </row>
    <row r="2947" spans="1:4" x14ac:dyDescent="0.25">
      <c r="A2947" t="s">
        <v>25</v>
      </c>
      <c r="B2947">
        <v>0.97</v>
      </c>
      <c r="C2947">
        <v>0.93</v>
      </c>
      <c r="D2947">
        <f t="shared" ref="D2947:D3001" si="48">VLOOKUP(A2947,$G$2:$H$21,2)</f>
        <v>3</v>
      </c>
    </row>
    <row r="2948" spans="1:4" x14ac:dyDescent="0.25">
      <c r="A2948" t="s">
        <v>16</v>
      </c>
      <c r="B2948">
        <v>0.65</v>
      </c>
      <c r="C2948">
        <v>0.54</v>
      </c>
      <c r="D2948">
        <f t="shared" si="48"/>
        <v>3</v>
      </c>
    </row>
    <row r="2949" spans="1:4" x14ac:dyDescent="0.25">
      <c r="A2949" t="s">
        <v>25</v>
      </c>
      <c r="B2949">
        <v>0.76</v>
      </c>
      <c r="C2949">
        <v>0.94</v>
      </c>
      <c r="D2949">
        <f t="shared" si="48"/>
        <v>3</v>
      </c>
    </row>
    <row r="2950" spans="1:4" x14ac:dyDescent="0.25">
      <c r="A2950" t="s">
        <v>27</v>
      </c>
      <c r="B2950">
        <v>0.47</v>
      </c>
      <c r="C2950">
        <v>0.78</v>
      </c>
      <c r="D2950">
        <f t="shared" si="48"/>
        <v>3</v>
      </c>
    </row>
    <row r="2951" spans="1:4" x14ac:dyDescent="0.25">
      <c r="A2951" t="s">
        <v>20</v>
      </c>
      <c r="B2951">
        <v>0.68</v>
      </c>
      <c r="C2951">
        <v>0.31</v>
      </c>
      <c r="D2951">
        <f t="shared" si="48"/>
        <v>3</v>
      </c>
    </row>
    <row r="2952" spans="1:4" x14ac:dyDescent="0.25">
      <c r="A2952" t="s">
        <v>20</v>
      </c>
      <c r="B2952">
        <v>0.12</v>
      </c>
      <c r="C2952">
        <v>0.64</v>
      </c>
      <c r="D2952">
        <f t="shared" si="48"/>
        <v>3</v>
      </c>
    </row>
    <row r="2953" spans="1:4" x14ac:dyDescent="0.25">
      <c r="A2953" t="s">
        <v>9</v>
      </c>
      <c r="B2953">
        <v>0.33</v>
      </c>
      <c r="C2953">
        <v>0.3</v>
      </c>
      <c r="D2953">
        <f t="shared" si="48"/>
        <v>3</v>
      </c>
    </row>
    <row r="2954" spans="1:4" x14ac:dyDescent="0.25">
      <c r="A2954" t="s">
        <v>11</v>
      </c>
      <c r="B2954">
        <v>0.38</v>
      </c>
      <c r="C2954">
        <v>0.7</v>
      </c>
      <c r="D2954">
        <f t="shared" si="48"/>
        <v>1</v>
      </c>
    </row>
    <row r="2955" spans="1:4" x14ac:dyDescent="0.25">
      <c r="A2955" t="s">
        <v>19</v>
      </c>
      <c r="B2955">
        <v>0.64</v>
      </c>
      <c r="C2955">
        <v>0.93</v>
      </c>
      <c r="D2955">
        <f t="shared" si="48"/>
        <v>3</v>
      </c>
    </row>
    <row r="2956" spans="1:4" x14ac:dyDescent="0.25">
      <c r="A2956" t="s">
        <v>20</v>
      </c>
      <c r="B2956">
        <v>0.32</v>
      </c>
      <c r="C2956">
        <v>0.67</v>
      </c>
      <c r="D2956">
        <f t="shared" si="48"/>
        <v>3</v>
      </c>
    </row>
    <row r="2957" spans="1:4" x14ac:dyDescent="0.25">
      <c r="A2957" t="s">
        <v>29</v>
      </c>
      <c r="B2957">
        <v>0.85</v>
      </c>
      <c r="C2957">
        <v>0.25</v>
      </c>
      <c r="D2957">
        <f t="shared" si="48"/>
        <v>1</v>
      </c>
    </row>
    <row r="2958" spans="1:4" x14ac:dyDescent="0.25">
      <c r="A2958" t="s">
        <v>23</v>
      </c>
      <c r="B2958">
        <v>0.54</v>
      </c>
      <c r="C2958">
        <v>0.39</v>
      </c>
      <c r="D2958">
        <f t="shared" si="48"/>
        <v>1</v>
      </c>
    </row>
    <row r="2959" spans="1:4" x14ac:dyDescent="0.25">
      <c r="A2959" t="s">
        <v>23</v>
      </c>
      <c r="B2959">
        <v>0.86</v>
      </c>
      <c r="C2959">
        <v>0.55000000000000004</v>
      </c>
      <c r="D2959">
        <f t="shared" si="48"/>
        <v>1</v>
      </c>
    </row>
    <row r="2960" spans="1:4" x14ac:dyDescent="0.25">
      <c r="A2960" t="s">
        <v>17</v>
      </c>
      <c r="B2960">
        <v>0.37</v>
      </c>
      <c r="C2960">
        <v>0.3</v>
      </c>
      <c r="D2960">
        <f t="shared" si="48"/>
        <v>3</v>
      </c>
    </row>
    <row r="2961" spans="1:4" x14ac:dyDescent="0.25">
      <c r="A2961" t="s">
        <v>18</v>
      </c>
      <c r="B2961">
        <v>0.77</v>
      </c>
      <c r="C2961">
        <v>0.69</v>
      </c>
      <c r="D2961">
        <f t="shared" si="48"/>
        <v>1</v>
      </c>
    </row>
    <row r="2962" spans="1:4" x14ac:dyDescent="0.25">
      <c r="A2962" t="s">
        <v>16</v>
      </c>
      <c r="B2962">
        <v>0.39</v>
      </c>
      <c r="C2962">
        <v>0.56999999999999995</v>
      </c>
      <c r="D2962">
        <f t="shared" si="48"/>
        <v>3</v>
      </c>
    </row>
    <row r="2963" spans="1:4" x14ac:dyDescent="0.25">
      <c r="A2963" t="s">
        <v>16</v>
      </c>
      <c r="B2963">
        <v>0.91</v>
      </c>
      <c r="C2963">
        <v>0.31</v>
      </c>
      <c r="D2963">
        <f t="shared" si="48"/>
        <v>3</v>
      </c>
    </row>
    <row r="2964" spans="1:4" x14ac:dyDescent="0.25">
      <c r="A2964" t="s">
        <v>19</v>
      </c>
      <c r="B2964">
        <v>0.87</v>
      </c>
      <c r="C2964">
        <v>0.82</v>
      </c>
      <c r="D2964">
        <f t="shared" si="48"/>
        <v>3</v>
      </c>
    </row>
    <row r="2965" spans="1:4" x14ac:dyDescent="0.25">
      <c r="A2965" t="s">
        <v>22</v>
      </c>
      <c r="B2965">
        <v>0.76</v>
      </c>
      <c r="C2965">
        <v>0.45</v>
      </c>
      <c r="D2965">
        <f t="shared" si="48"/>
        <v>1</v>
      </c>
    </row>
    <row r="2966" spans="1:4" x14ac:dyDescent="0.25">
      <c r="A2966" t="s">
        <v>22</v>
      </c>
      <c r="B2966">
        <v>0.31</v>
      </c>
      <c r="C2966">
        <v>0.43</v>
      </c>
      <c r="D2966">
        <f t="shared" si="48"/>
        <v>1</v>
      </c>
    </row>
    <row r="2967" spans="1:4" x14ac:dyDescent="0.25">
      <c r="A2967" t="s">
        <v>20</v>
      </c>
      <c r="B2967">
        <v>0.13</v>
      </c>
      <c r="C2967">
        <v>0.68</v>
      </c>
      <c r="D2967">
        <f t="shared" si="48"/>
        <v>3</v>
      </c>
    </row>
    <row r="2968" spans="1:4" x14ac:dyDescent="0.25">
      <c r="A2968" t="s">
        <v>26</v>
      </c>
      <c r="B2968">
        <v>0.36</v>
      </c>
      <c r="C2968">
        <v>0.1</v>
      </c>
      <c r="D2968">
        <f t="shared" si="48"/>
        <v>3</v>
      </c>
    </row>
    <row r="2969" spans="1:4" x14ac:dyDescent="0.25">
      <c r="A2969" t="s">
        <v>23</v>
      </c>
      <c r="B2969">
        <v>0.94</v>
      </c>
      <c r="C2969">
        <v>0.6</v>
      </c>
      <c r="D2969">
        <f t="shared" si="48"/>
        <v>1</v>
      </c>
    </row>
    <row r="2970" spans="1:4" x14ac:dyDescent="0.25">
      <c r="A2970" t="s">
        <v>11</v>
      </c>
      <c r="B2970">
        <v>0.31</v>
      </c>
      <c r="C2970">
        <v>0.75</v>
      </c>
      <c r="D2970">
        <f t="shared" si="48"/>
        <v>1</v>
      </c>
    </row>
    <row r="2971" spans="1:4" x14ac:dyDescent="0.25">
      <c r="A2971" t="s">
        <v>9</v>
      </c>
      <c r="B2971">
        <v>0.54</v>
      </c>
      <c r="C2971">
        <v>0.2</v>
      </c>
      <c r="D2971">
        <f t="shared" si="48"/>
        <v>3</v>
      </c>
    </row>
    <row r="2972" spans="1:4" x14ac:dyDescent="0.25">
      <c r="A2972" t="s">
        <v>13</v>
      </c>
      <c r="B2972">
        <v>0.89</v>
      </c>
      <c r="C2972">
        <v>0.55000000000000004</v>
      </c>
      <c r="D2972">
        <f t="shared" si="48"/>
        <v>3</v>
      </c>
    </row>
    <row r="2973" spans="1:4" x14ac:dyDescent="0.25">
      <c r="A2973" t="s">
        <v>22</v>
      </c>
      <c r="B2973">
        <v>0.45</v>
      </c>
      <c r="C2973">
        <v>0.32</v>
      </c>
      <c r="D2973">
        <f t="shared" si="48"/>
        <v>1</v>
      </c>
    </row>
    <row r="2974" spans="1:4" x14ac:dyDescent="0.25">
      <c r="A2974" t="s">
        <v>25</v>
      </c>
      <c r="B2974">
        <v>0.75</v>
      </c>
      <c r="C2974">
        <v>0.91</v>
      </c>
      <c r="D2974">
        <f t="shared" si="48"/>
        <v>3</v>
      </c>
    </row>
    <row r="2975" spans="1:4" x14ac:dyDescent="0.25">
      <c r="A2975" t="s">
        <v>26</v>
      </c>
      <c r="B2975">
        <v>0.81</v>
      </c>
      <c r="C2975">
        <v>0.28000000000000003</v>
      </c>
      <c r="D2975">
        <f t="shared" si="48"/>
        <v>3</v>
      </c>
    </row>
    <row r="2976" spans="1:4" x14ac:dyDescent="0.25">
      <c r="A2976" t="s">
        <v>14</v>
      </c>
      <c r="B2976">
        <v>0.89</v>
      </c>
      <c r="C2976">
        <v>0.6</v>
      </c>
      <c r="D2976">
        <f t="shared" si="48"/>
        <v>3</v>
      </c>
    </row>
    <row r="2977" spans="1:4" x14ac:dyDescent="0.25">
      <c r="A2977" t="s">
        <v>20</v>
      </c>
      <c r="B2977">
        <v>0.21</v>
      </c>
      <c r="C2977">
        <v>0.33</v>
      </c>
      <c r="D2977">
        <f t="shared" si="48"/>
        <v>3</v>
      </c>
    </row>
    <row r="2978" spans="1:4" x14ac:dyDescent="0.25">
      <c r="A2978" t="s">
        <v>17</v>
      </c>
      <c r="B2978">
        <v>0.28000000000000003</v>
      </c>
      <c r="C2978">
        <v>0.2</v>
      </c>
      <c r="D2978">
        <f t="shared" si="48"/>
        <v>3</v>
      </c>
    </row>
    <row r="2979" spans="1:4" x14ac:dyDescent="0.25">
      <c r="A2979" t="s">
        <v>28</v>
      </c>
      <c r="B2979">
        <v>0.62</v>
      </c>
      <c r="C2979">
        <v>0.37</v>
      </c>
      <c r="D2979">
        <f t="shared" si="48"/>
        <v>3</v>
      </c>
    </row>
    <row r="2980" spans="1:4" x14ac:dyDescent="0.25">
      <c r="A2980" t="s">
        <v>17</v>
      </c>
      <c r="B2980">
        <v>0.19</v>
      </c>
      <c r="C2980">
        <v>0.1</v>
      </c>
      <c r="D2980">
        <f t="shared" si="48"/>
        <v>3</v>
      </c>
    </row>
    <row r="2981" spans="1:4" x14ac:dyDescent="0.25">
      <c r="A2981" t="s">
        <v>19</v>
      </c>
      <c r="B2981">
        <v>0.6</v>
      </c>
      <c r="C2981">
        <v>0.72</v>
      </c>
      <c r="D2981">
        <f t="shared" si="48"/>
        <v>3</v>
      </c>
    </row>
    <row r="2982" spans="1:4" x14ac:dyDescent="0.25">
      <c r="A2982" t="s">
        <v>26</v>
      </c>
      <c r="B2982">
        <v>0.7</v>
      </c>
      <c r="C2982">
        <v>0.15</v>
      </c>
      <c r="D2982">
        <f t="shared" si="48"/>
        <v>3</v>
      </c>
    </row>
    <row r="2983" spans="1:4" x14ac:dyDescent="0.25">
      <c r="A2983" t="s">
        <v>15</v>
      </c>
      <c r="B2983">
        <v>0.11</v>
      </c>
      <c r="C2983">
        <v>0.12</v>
      </c>
      <c r="D2983">
        <f t="shared" si="48"/>
        <v>3</v>
      </c>
    </row>
    <row r="2984" spans="1:4" x14ac:dyDescent="0.25">
      <c r="A2984" t="s">
        <v>27</v>
      </c>
      <c r="B2984">
        <v>0.16</v>
      </c>
      <c r="C2984">
        <v>0.75</v>
      </c>
      <c r="D2984">
        <f t="shared" si="48"/>
        <v>3</v>
      </c>
    </row>
    <row r="2985" spans="1:4" x14ac:dyDescent="0.25">
      <c r="A2985" t="s">
        <v>18</v>
      </c>
      <c r="B2985">
        <v>0.53</v>
      </c>
      <c r="C2985">
        <v>0.32</v>
      </c>
      <c r="D2985">
        <f t="shared" si="48"/>
        <v>1</v>
      </c>
    </row>
    <row r="2986" spans="1:4" x14ac:dyDescent="0.25">
      <c r="A2986" t="s">
        <v>9</v>
      </c>
      <c r="B2986">
        <v>0.56000000000000005</v>
      </c>
      <c r="C2986">
        <v>0.1</v>
      </c>
      <c r="D2986">
        <f t="shared" si="48"/>
        <v>3</v>
      </c>
    </row>
    <row r="2987" spans="1:4" x14ac:dyDescent="0.25">
      <c r="A2987" t="s">
        <v>25</v>
      </c>
      <c r="B2987">
        <v>0.38</v>
      </c>
      <c r="C2987">
        <v>0.76</v>
      </c>
      <c r="D2987">
        <f t="shared" si="48"/>
        <v>3</v>
      </c>
    </row>
    <row r="2988" spans="1:4" x14ac:dyDescent="0.25">
      <c r="A2988" t="s">
        <v>25</v>
      </c>
      <c r="B2988">
        <v>0.2</v>
      </c>
      <c r="C2988">
        <v>0.88</v>
      </c>
      <c r="D2988">
        <f t="shared" si="48"/>
        <v>3</v>
      </c>
    </row>
    <row r="2989" spans="1:4" x14ac:dyDescent="0.25">
      <c r="A2989" t="s">
        <v>22</v>
      </c>
      <c r="B2989">
        <v>0.91</v>
      </c>
      <c r="C2989">
        <v>0.67</v>
      </c>
      <c r="D2989">
        <f t="shared" si="48"/>
        <v>1</v>
      </c>
    </row>
    <row r="2990" spans="1:4" x14ac:dyDescent="0.25">
      <c r="A2990" t="s">
        <v>7</v>
      </c>
      <c r="B2990">
        <v>0.5</v>
      </c>
      <c r="C2990">
        <v>0.84</v>
      </c>
      <c r="D2990">
        <f t="shared" si="48"/>
        <v>1</v>
      </c>
    </row>
    <row r="2991" spans="1:4" x14ac:dyDescent="0.25">
      <c r="A2991" t="s">
        <v>18</v>
      </c>
      <c r="B2991">
        <v>0.68</v>
      </c>
      <c r="C2991">
        <v>0.4</v>
      </c>
      <c r="D2991">
        <f t="shared" si="48"/>
        <v>1</v>
      </c>
    </row>
    <row r="2992" spans="1:4" x14ac:dyDescent="0.25">
      <c r="A2992" t="s">
        <v>22</v>
      </c>
      <c r="B2992">
        <v>0.85</v>
      </c>
      <c r="C2992">
        <v>0.7</v>
      </c>
      <c r="D2992">
        <f t="shared" si="48"/>
        <v>1</v>
      </c>
    </row>
    <row r="2993" spans="1:4" x14ac:dyDescent="0.25">
      <c r="A2993" t="s">
        <v>14</v>
      </c>
      <c r="B2993">
        <v>0.85</v>
      </c>
      <c r="C2993">
        <v>0.52</v>
      </c>
      <c r="D2993">
        <f t="shared" si="48"/>
        <v>3</v>
      </c>
    </row>
    <row r="2994" spans="1:4" x14ac:dyDescent="0.25">
      <c r="A2994" t="s">
        <v>27</v>
      </c>
      <c r="B2994">
        <v>0.26</v>
      </c>
      <c r="C2994">
        <v>0.73</v>
      </c>
      <c r="D2994">
        <f t="shared" si="48"/>
        <v>3</v>
      </c>
    </row>
    <row r="2995" spans="1:4" x14ac:dyDescent="0.25">
      <c r="A2995" t="s">
        <v>15</v>
      </c>
      <c r="B2995">
        <v>0.27</v>
      </c>
      <c r="C2995">
        <v>0.28000000000000003</v>
      </c>
      <c r="D2995">
        <f t="shared" si="48"/>
        <v>3</v>
      </c>
    </row>
    <row r="2996" spans="1:4" x14ac:dyDescent="0.25">
      <c r="A2996" t="s">
        <v>16</v>
      </c>
      <c r="B2996">
        <v>0.91</v>
      </c>
      <c r="C2996">
        <v>0.47</v>
      </c>
      <c r="D2996">
        <f t="shared" si="48"/>
        <v>3</v>
      </c>
    </row>
    <row r="2997" spans="1:4" x14ac:dyDescent="0.25">
      <c r="A2997" t="s">
        <v>26</v>
      </c>
      <c r="B2997">
        <v>0.24</v>
      </c>
      <c r="C2997">
        <v>0.2</v>
      </c>
      <c r="D2997">
        <f t="shared" si="48"/>
        <v>3</v>
      </c>
    </row>
    <row r="2998" spans="1:4" x14ac:dyDescent="0.25">
      <c r="A2998" t="s">
        <v>20</v>
      </c>
      <c r="B2998">
        <v>0.65</v>
      </c>
      <c r="C2998">
        <v>0.35</v>
      </c>
      <c r="D2998">
        <f t="shared" si="48"/>
        <v>3</v>
      </c>
    </row>
    <row r="2999" spans="1:4" x14ac:dyDescent="0.25">
      <c r="A2999" t="s">
        <v>22</v>
      </c>
      <c r="B2999">
        <v>0.64</v>
      </c>
      <c r="C2999">
        <v>0.39</v>
      </c>
      <c r="D2999">
        <f t="shared" si="48"/>
        <v>1</v>
      </c>
    </row>
    <row r="3000" spans="1:4" x14ac:dyDescent="0.25">
      <c r="A3000" t="s">
        <v>23</v>
      </c>
      <c r="B3000">
        <v>0.95</v>
      </c>
      <c r="C3000">
        <v>0.46</v>
      </c>
      <c r="D3000">
        <f t="shared" si="48"/>
        <v>1</v>
      </c>
    </row>
    <row r="3001" spans="1:4" x14ac:dyDescent="0.25">
      <c r="A3001" t="s">
        <v>23</v>
      </c>
      <c r="B3001">
        <v>0.69</v>
      </c>
      <c r="C3001">
        <v>0.49</v>
      </c>
      <c r="D3001">
        <f t="shared" si="48"/>
        <v>1</v>
      </c>
    </row>
  </sheetData>
  <sortState xmlns:xlrd2="http://schemas.microsoft.com/office/spreadsheetml/2017/richdata2" ref="G2:H21">
    <sortCondition ref="G2:G21"/>
  </sortState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6</vt:i4>
      </vt:variant>
    </vt:vector>
  </HeadingPairs>
  <TitlesOfParts>
    <vt:vector size="6" baseType="lpstr">
      <vt:lpstr>Adatok</vt:lpstr>
      <vt:lpstr>1feladat</vt:lpstr>
      <vt:lpstr>2feladat</vt:lpstr>
      <vt:lpstr>3feladat</vt:lpstr>
      <vt:lpstr>4feladat</vt:lpstr>
      <vt:lpstr>5felada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365 felhasználó</dc:creator>
  <cp:lastModifiedBy>Schmieder László Tamás</cp:lastModifiedBy>
  <dcterms:created xsi:type="dcterms:W3CDTF">2026-02-10T18:06:59Z</dcterms:created>
  <dcterms:modified xsi:type="dcterms:W3CDTF">2026-04-03T11:38:49Z</dcterms:modified>
</cp:coreProperties>
</file>